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theme/theme2.xml" ContentType="application/vnd.openxmlformats-officedocument.theme+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theme/theme3.xml" ContentType="application/vnd.openxmlformats-officedocument.theme+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theme/theme4.xml" ContentType="application/vnd.openxmlformats-officedocument.theme+xml"/>
  <Override PartName="/ppt/theme/theme5.xml" ContentType="application/vnd.openxmlformats-officedocument.theme+xml"/>
  <Override PartName="/ppt/theme/theme6.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tags/tag1.xml" ContentType="application/vnd.openxmlformats-officedocument.presentationml.tags+xml"/>
  <Override PartName="/ppt/notesSlides/notesSlide5.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notesSlides/notesSlide6.xml" ContentType="application/vnd.openxmlformats-officedocument.presentationml.notesSlide+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notesSlides/notesSlide7.xml" ContentType="application/vnd.openxmlformats-officedocument.presentationml.notesSlide+xml"/>
  <Override PartName="/ppt/notesSlides/notesSlide8.xml" ContentType="application/vnd.openxmlformats-officedocument.presentationml.notesSlide+xml"/>
  <Override PartName="/ppt/charts/chart3.xml" ContentType="application/vnd.openxmlformats-officedocument.drawingml.chart+xml"/>
  <Override PartName="/ppt/notesSlides/notesSlide9.xml" ContentType="application/vnd.openxmlformats-officedocument.presentationml.notesSlide+xml"/>
  <Override PartName="/ppt/notesSlides/notesSlide10.xml" ContentType="application/vnd.openxmlformats-officedocument.presentationml.notesSlide+xml"/>
  <Override PartName="/ppt/charts/chart4.xml" ContentType="application/vnd.openxmlformats-officedocument.drawingml.chart+xml"/>
  <Override PartName="/ppt/charts/style3.xml" ContentType="application/vnd.ms-office.chartstyle+xml"/>
  <Override PartName="/ppt/charts/colors3.xml" ContentType="application/vnd.ms-office.chartcolorstyl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charts/chart5.xml" ContentType="application/vnd.openxmlformats-officedocument.drawingml.chart+xml"/>
  <Override PartName="/ppt/charts/style4.xml" ContentType="application/vnd.ms-office.chartstyle+xml"/>
  <Override PartName="/ppt/charts/colors4.xml" ContentType="application/vnd.ms-office.chartcolorstyle+xml"/>
  <Override PartName="/ppt/notesSlides/notesSlide13.xml" ContentType="application/vnd.openxmlformats-officedocument.presentationml.notesSlide+xml"/>
  <Override PartName="/ppt/charts/chart6.xml" ContentType="application/vnd.openxmlformats-officedocument.drawingml.chart+xml"/>
  <Override PartName="/ppt/charts/style5.xml" ContentType="application/vnd.ms-office.chartstyle+xml"/>
  <Override PartName="/ppt/charts/colors5.xml" ContentType="application/vnd.ms-office.chartcolorstyle+xml"/>
  <Override PartName="/ppt/charts/chart7.xml" ContentType="application/vnd.openxmlformats-officedocument.drawingml.chart+xml"/>
  <Override PartName="/ppt/charts/style6.xml" ContentType="application/vnd.ms-office.chartstyle+xml"/>
  <Override PartName="/ppt/charts/colors6.xml" ContentType="application/vnd.ms-office.chartcolorstyle+xml"/>
  <Override PartName="/ppt/notesSlides/notesSlide14.xml" ContentType="application/vnd.openxmlformats-officedocument.presentationml.notesSlide+xml"/>
  <Override PartName="/ppt/charts/chart8.xml" ContentType="application/vnd.openxmlformats-officedocument.drawingml.chart+xml"/>
  <Override PartName="/ppt/charts/style7.xml" ContentType="application/vnd.ms-office.chartstyle+xml"/>
  <Override PartName="/ppt/charts/colors7.xml" ContentType="application/vnd.ms-office.chartcolorstyle+xml"/>
  <Override PartName="/ppt/notesSlides/notesSlide15.xml" ContentType="application/vnd.openxmlformats-officedocument.presentationml.notesSlide+xml"/>
  <Override PartName="/ppt/charts/chart9.xml" ContentType="application/vnd.openxmlformats-officedocument.drawingml.chart+xml"/>
  <Override PartName="/ppt/charts/style8.xml" ContentType="application/vnd.ms-office.chartstyle+xml"/>
  <Override PartName="/ppt/charts/colors8.xml" ContentType="application/vnd.ms-office.chartcolorstyl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charts/chart10.xml" ContentType="application/vnd.openxmlformats-officedocument.drawingml.chart+xml"/>
  <Override PartName="/ppt/charts/style9.xml" ContentType="application/vnd.ms-office.chartstyle+xml"/>
  <Override PartName="/ppt/charts/colors9.xml" ContentType="application/vnd.ms-office.chartcolorstyle+xml"/>
  <Override PartName="/ppt/charts/chart11.xml" ContentType="application/vnd.openxmlformats-officedocument.drawingml.chart+xml"/>
  <Override PartName="/ppt/charts/style10.xml" ContentType="application/vnd.ms-office.chartstyle+xml"/>
  <Override PartName="/ppt/charts/colors10.xml" ContentType="application/vnd.ms-office.chartcolorstyle+xml"/>
  <Override PartName="/ppt/notesSlides/notesSlide20.xml" ContentType="application/vnd.openxmlformats-officedocument.presentationml.notesSlide+xml"/>
  <Override PartName="/ppt/charts/chart12.xml" ContentType="application/vnd.openxmlformats-officedocument.drawingml.chart+xml"/>
  <Override PartName="/ppt/charts/style11.xml" ContentType="application/vnd.ms-office.chartstyle+xml"/>
  <Override PartName="/ppt/charts/colors11.xml" ContentType="application/vnd.ms-office.chartcolorstyle+xml"/>
  <Override PartName="/ppt/charts/chart13.xml" ContentType="application/vnd.openxmlformats-officedocument.drawingml.chart+xml"/>
  <Override PartName="/ppt/charts/style12.xml" ContentType="application/vnd.ms-office.chartstyle+xml"/>
  <Override PartName="/ppt/charts/colors12.xml" ContentType="application/vnd.ms-office.chartcolorstyle+xml"/>
  <Override PartName="/ppt/notesSlides/notesSlide21.xml" ContentType="application/vnd.openxmlformats-officedocument.presentationml.notesSlide+xml"/>
  <Override PartName="/ppt/charts/chart14.xml" ContentType="application/vnd.openxmlformats-officedocument.drawingml.chart+xml"/>
  <Override PartName="/ppt/charts/style13.xml" ContentType="application/vnd.ms-office.chartstyle+xml"/>
  <Override PartName="/ppt/charts/colors13.xml" ContentType="application/vnd.ms-office.chartcolorstyle+xml"/>
  <Override PartName="/ppt/notesSlides/notesSlide22.xml" ContentType="application/vnd.openxmlformats-officedocument.presentationml.notesSlide+xml"/>
  <Override PartName="/ppt/charts/chart15.xml" ContentType="application/vnd.openxmlformats-officedocument.drawingml.chart+xml"/>
  <Override PartName="/ppt/charts/style14.xml" ContentType="application/vnd.ms-office.chartstyle+xml"/>
  <Override PartName="/ppt/charts/colors14.xml" ContentType="application/vnd.ms-office.chartcolorstyl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charts/chart16.xml" ContentType="application/vnd.openxmlformats-officedocument.drawingml.chart+xml"/>
  <Override PartName="/ppt/charts/style15.xml" ContentType="application/vnd.ms-office.chartstyle+xml"/>
  <Override PartName="/ppt/charts/colors15.xml" ContentType="application/vnd.ms-office.chartcolorstyle+xml"/>
  <Override PartName="/ppt/notesSlides/notesSlide25.xml" ContentType="application/vnd.openxmlformats-officedocument.presentationml.notesSlide+xml"/>
  <Override PartName="/ppt/charts/chart17.xml" ContentType="application/vnd.openxmlformats-officedocument.drawingml.chart+xml"/>
  <Override PartName="/ppt/charts/style16.xml" ContentType="application/vnd.ms-office.chartstyle+xml"/>
  <Override PartName="/ppt/charts/colors16.xml" ContentType="application/vnd.ms-office.chartcolorstyle+xml"/>
  <Override PartName="/ppt/charts/chart18.xml" ContentType="application/vnd.openxmlformats-officedocument.drawingml.chart+xml"/>
  <Override PartName="/ppt/charts/style17.xml" ContentType="application/vnd.ms-office.chartstyle+xml"/>
  <Override PartName="/ppt/charts/colors17.xml" ContentType="application/vnd.ms-office.chartcolorstyl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charts/chart19.xml" ContentType="application/vnd.openxmlformats-officedocument.drawingml.chart+xml"/>
  <Override PartName="/ppt/notesSlides/notesSlide28.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autoCompressPictures="0">
  <p:sldMasterIdLst>
    <p:sldMasterId id="2147483818" r:id="rId5"/>
    <p:sldMasterId id="2147483884" r:id="rId6"/>
    <p:sldMasterId id="2147483906" r:id="rId7"/>
    <p:sldMasterId id="2147483928" r:id="rId8"/>
  </p:sldMasterIdLst>
  <p:notesMasterIdLst>
    <p:notesMasterId r:id="rId38"/>
  </p:notesMasterIdLst>
  <p:handoutMasterIdLst>
    <p:handoutMasterId r:id="rId39"/>
  </p:handoutMasterIdLst>
  <p:sldIdLst>
    <p:sldId id="448" r:id="rId9"/>
    <p:sldId id="1480" r:id="rId10"/>
    <p:sldId id="1725" r:id="rId11"/>
    <p:sldId id="1690" r:id="rId12"/>
    <p:sldId id="1837" r:id="rId13"/>
    <p:sldId id="1838" r:id="rId14"/>
    <p:sldId id="1487" r:id="rId15"/>
    <p:sldId id="1824" r:id="rId16"/>
    <p:sldId id="1825" r:id="rId17"/>
    <p:sldId id="1802" r:id="rId18"/>
    <p:sldId id="1721" r:id="rId19"/>
    <p:sldId id="1826" r:id="rId20"/>
    <p:sldId id="1827" r:id="rId21"/>
    <p:sldId id="1833" r:id="rId22"/>
    <p:sldId id="1829" r:id="rId23"/>
    <p:sldId id="1806" r:id="rId24"/>
    <p:sldId id="1507" r:id="rId25"/>
    <p:sldId id="1644" r:id="rId26"/>
    <p:sldId id="1835" r:id="rId27"/>
    <p:sldId id="1836" r:id="rId28"/>
    <p:sldId id="1766" r:id="rId29"/>
    <p:sldId id="1783" r:id="rId30"/>
    <p:sldId id="1830" r:id="rId31"/>
    <p:sldId id="1831" r:id="rId32"/>
    <p:sldId id="1793" r:id="rId33"/>
    <p:sldId id="1764" r:id="rId34"/>
    <p:sldId id="1809" r:id="rId35"/>
    <p:sldId id="1749" r:id="rId36"/>
    <p:sldId id="445" r:id="rId37"/>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A3FF1131-ADE2-29FC-32E1-33AB0512267F}" name="Chang, Ryan" initials="RC" userId="S::ryan.chang@kestrafinancial.com::a3a1ec67-485b-4799-b85c-43e1efc1459e" providerId="AD"/>
  <p188:author id="{1A856F55-2FE1-11BD-FBA7-9C0D659E997E}" name="Schug, Derek" initials="SD" userId="S::derek.schug@kestrafinancial.com::fa7835ee-f02e-4a7e-8e6e-a00b33f24b69" providerId="AD"/>
  <p188:author id="{145ACB92-05E3-C71E-95DB-08CA5FAD3306}" name="Chang, Ryan" initials="CR" userId="S::Ryan.Chang@kestrafinancial.com::a3a1ec67-485b-4799-b85c-43e1efc1459e" providerId="AD"/>
  <p188:author id="{AE4754A0-8BB9-1D45-D48F-A78C83E22C56}" name="Murphy, Kara" initials="MK" userId="S::kara.murphy@kestrafinancial.com::936ee436-71b5-446d-9f68-807f5a2be99c" providerId="AD"/>
  <p188:author id="{3D7397AA-3424-8D13-ACD7-8F0C66F4B764}" name="Barragan, John" initials="JB" userId="S::john.barragan@kestrafinancial.com::768a8bae-3668-43b6-977e-66740a238b8b"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1" name="Matt Eller" initials="ME" lastIdx="30" clrIdx="0">
    <p:extLst>
      <p:ext uri="{19B8F6BF-5375-455C-9EA6-DF929625EA0E}">
        <p15:presenceInfo xmlns:p15="http://schemas.microsoft.com/office/powerpoint/2012/main" userId="S::matt.eller@snowsoftware.com::1e4478ff-f0e0-468c-8fff-f9c4a91e9a30"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231F20"/>
    <a:srgbClr val="FFC33E"/>
    <a:srgbClr val="FF5499"/>
    <a:srgbClr val="0F1E2C"/>
    <a:srgbClr val="E8E4E7"/>
    <a:srgbClr val="E8E5E6"/>
    <a:srgbClr val="CFCFCF"/>
    <a:srgbClr val="FFFFFF"/>
    <a:srgbClr val="ADADAD"/>
    <a:srgbClr val="2A455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759C7230-182E-4012-A741-BE167E835471}" v="25" dt="2023-10-18T17:50:50.329"/>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E25E649-3F16-4E02-A733-19D2CDBF48F0}" styleName="Medium Style 3 - Accent 1">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1"/>
          </a:solidFill>
        </a:fill>
      </a:tcStyle>
    </a:lastCol>
    <a:firstCol>
      <a:tcTxStyle b="on">
        <a:fontRef idx="minor">
          <a:scrgbClr r="0" g="0" b="0"/>
        </a:fontRef>
        <a:schemeClr val="lt1"/>
      </a:tcTxStyle>
      <a:tcStyle>
        <a:tcBdr/>
        <a:fill>
          <a:solidFill>
            <a:schemeClr val="accent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1"/>
          </a:solidFill>
        </a:fill>
      </a:tcStyle>
    </a:firstRow>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 styleId="{9DCAF9ED-07DC-4A11-8D7F-57B35C25682E}" styleName="Medium Style 1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a:noFill/>
            </a:ln>
          </a:insideV>
        </a:tcBdr>
        <a:fill>
          <a:solidFill>
            <a:schemeClr val="lt1"/>
          </a:solidFill>
        </a:fill>
      </a:tcStyle>
    </a:wholeTbl>
    <a:band1H>
      <a:tcStyle>
        <a:tcBdr/>
        <a:fill>
          <a:solidFill>
            <a:schemeClr val="accent2">
              <a:tint val="20000"/>
            </a:schemeClr>
          </a:solidFill>
        </a:fill>
      </a:tcStyle>
    </a:band1H>
    <a:band1V>
      <a:tcStyle>
        <a:tcBdr/>
        <a:fill>
          <a:solidFill>
            <a:schemeClr val="accent2">
              <a:tint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solidFill>
            <a:schemeClr val="lt1"/>
          </a:solidFill>
        </a:fill>
      </a:tcStyle>
    </a:lastRow>
    <a:firstRow>
      <a:tcTxStyle b="on">
        <a:fontRef idx="minor">
          <a:scrgbClr r="0" g="0" b="0"/>
        </a:fontRef>
        <a:schemeClr val="lt1"/>
      </a:tcTxStyle>
      <a:tcStyle>
        <a:tcBdr/>
        <a:fill>
          <a:solidFill>
            <a:schemeClr val="accent2"/>
          </a:solidFill>
        </a:fill>
      </a:tcStyle>
    </a:firstRow>
  </a:tblStyle>
  <a:tblStyle styleId="{85BE263C-DBD7-4A20-BB59-AAB30ACAA65A}" styleName="Medium Style 3 - Accent 2">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2"/>
          </a:solidFill>
        </a:fill>
      </a:tcStyle>
    </a:lastCol>
    <a:firstCol>
      <a:tcTxStyle b="on">
        <a:fontRef idx="minor">
          <a:scrgbClr r="0" g="0" b="0"/>
        </a:fontRef>
        <a:schemeClr val="lt1"/>
      </a:tcTxStyle>
      <a:tcStyle>
        <a:tcBdr/>
        <a:fill>
          <a:solidFill>
            <a:schemeClr val="accent2"/>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2"/>
          </a:solidFill>
        </a:fill>
      </a:tcStyle>
    </a:firstRow>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F2DE63D5-997A-4646-A377-4702673A728D}" styleName="Light Style 2 - Accent 3">
    <a:wholeTbl>
      <a:tcTxStyle>
        <a:fontRef idx="minor">
          <a:scrgbClr r="0" g="0" b="0"/>
        </a:fontRef>
        <a:schemeClr val="tx1"/>
      </a:tcTxStyle>
      <a:tcStyle>
        <a:tcBdr>
          <a:left>
            <a:lnRef idx="1">
              <a:schemeClr val="accent3"/>
            </a:lnRef>
          </a:left>
          <a:right>
            <a:lnRef idx="1">
              <a:schemeClr val="accent3"/>
            </a:lnRef>
          </a:right>
          <a:top>
            <a:lnRef idx="1">
              <a:schemeClr val="accent3"/>
            </a:lnRef>
          </a:top>
          <a:bottom>
            <a:lnRef idx="1">
              <a:schemeClr val="accent3"/>
            </a:lnRef>
          </a:bottom>
          <a:insideH>
            <a:ln>
              <a:noFill/>
            </a:ln>
          </a:insideH>
          <a:insideV>
            <a:ln>
              <a:noFill/>
            </a:ln>
          </a:insideV>
        </a:tcBdr>
        <a:fill>
          <a:noFill/>
        </a:fill>
      </a:tcStyle>
    </a:wholeTbl>
    <a:band1H>
      <a:tcStyle>
        <a:tcBdr>
          <a:top>
            <a:lnRef idx="1">
              <a:schemeClr val="accent3"/>
            </a:lnRef>
          </a:top>
          <a:bottom>
            <a:lnRef idx="1">
              <a:schemeClr val="accent3"/>
            </a:lnRef>
          </a:bottom>
        </a:tcBdr>
      </a:tcStyle>
    </a:band1H>
    <a:band1V>
      <a:tcStyle>
        <a:tcBdr>
          <a:left>
            <a:lnRef idx="1">
              <a:schemeClr val="accent3"/>
            </a:lnRef>
          </a:left>
          <a:right>
            <a:lnRef idx="1">
              <a:schemeClr val="accent3"/>
            </a:lnRef>
          </a:right>
        </a:tcBdr>
      </a:tcStyle>
    </a:band1V>
    <a:band2V>
      <a:tcStyle>
        <a:tcBdr>
          <a:left>
            <a:lnRef idx="1">
              <a:schemeClr val="accent3"/>
            </a:lnRef>
          </a:left>
          <a:right>
            <a:lnRef idx="1">
              <a:schemeClr val="accent3"/>
            </a:lnRef>
          </a:right>
        </a:tcBdr>
      </a:tcStyle>
    </a:band2V>
    <a:lastCol>
      <a:tcTxStyle b="on"/>
      <a:tcStyle>
        <a:tcBdr/>
      </a:tcStyle>
    </a:lastCol>
    <a:firstCol>
      <a:tcTxStyle b="on"/>
      <a:tcStyle>
        <a:tcBdr/>
      </a:tcStyle>
    </a:firstCol>
    <a:lastRow>
      <a:tcTxStyle b="on"/>
      <a:tcStyle>
        <a:tcBdr>
          <a:top>
            <a:ln w="50800" cmpd="dbl">
              <a:solidFill>
                <a:schemeClr val="accent3"/>
              </a:solidFill>
            </a:ln>
          </a:top>
        </a:tcBdr>
      </a:tcStyle>
    </a:lastRow>
    <a:firstRow>
      <a:tcTxStyle b="on">
        <a:fontRef idx="minor">
          <a:scrgbClr r="0" g="0" b="0"/>
        </a:fontRef>
        <a:schemeClr val="bg1"/>
      </a:tcTxStyle>
      <a:tcStyle>
        <a:tcBdr/>
        <a:fillRef idx="1">
          <a:schemeClr val="accent3"/>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4660"/>
  </p:normalViewPr>
  <p:slideViewPr>
    <p:cSldViewPr snapToGrid="0">
      <p:cViewPr>
        <p:scale>
          <a:sx n="75" d="100"/>
          <a:sy n="75" d="100"/>
        </p:scale>
        <p:origin x="288" y="-546"/>
      </p:cViewPr>
      <p:guideLst/>
    </p:cSldViewPr>
  </p:slideViewPr>
  <p:notesTextViewPr>
    <p:cViewPr>
      <p:scale>
        <a:sx n="1" d="1"/>
        <a:sy n="1" d="1"/>
      </p:scale>
      <p:origin x="0" y="0"/>
    </p:cViewPr>
  </p:notesTextViewPr>
  <p:notesViewPr>
    <p:cSldViewPr snapToGrid="0">
      <p:cViewPr varScale="1">
        <p:scale>
          <a:sx n="66" d="100"/>
          <a:sy n="66" d="100"/>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5.xml"/><Relationship Id="rId18" Type="http://schemas.openxmlformats.org/officeDocument/2006/relationships/slide" Target="slides/slide10.xml"/><Relationship Id="rId26" Type="http://schemas.openxmlformats.org/officeDocument/2006/relationships/slide" Target="slides/slide18.xml"/><Relationship Id="rId39" Type="http://schemas.openxmlformats.org/officeDocument/2006/relationships/handoutMaster" Target="handoutMasters/handoutMaster1.xml"/><Relationship Id="rId21" Type="http://schemas.openxmlformats.org/officeDocument/2006/relationships/slide" Target="slides/slide13.xml"/><Relationship Id="rId34" Type="http://schemas.openxmlformats.org/officeDocument/2006/relationships/slide" Target="slides/slide26.xml"/><Relationship Id="rId42" Type="http://schemas.openxmlformats.org/officeDocument/2006/relationships/viewProps" Target="viewProps.xml"/><Relationship Id="rId47" Type="http://schemas.microsoft.com/office/2018/10/relationships/authors" Target="authors.xml"/><Relationship Id="rId7" Type="http://schemas.openxmlformats.org/officeDocument/2006/relationships/slideMaster" Target="slideMasters/slideMaster3.xml"/><Relationship Id="rId2" Type="http://schemas.openxmlformats.org/officeDocument/2006/relationships/customXml" Target="../customXml/item2.xml"/><Relationship Id="rId16" Type="http://schemas.openxmlformats.org/officeDocument/2006/relationships/slide" Target="slides/slide8.xml"/><Relationship Id="rId29" Type="http://schemas.openxmlformats.org/officeDocument/2006/relationships/slide" Target="slides/slide21.xml"/><Relationship Id="rId1" Type="http://schemas.openxmlformats.org/officeDocument/2006/relationships/customXml" Target="../customXml/item1.xml"/><Relationship Id="rId6" Type="http://schemas.openxmlformats.org/officeDocument/2006/relationships/slideMaster" Target="slideMasters/slideMaster2.xml"/><Relationship Id="rId11" Type="http://schemas.openxmlformats.org/officeDocument/2006/relationships/slide" Target="slides/slide3.xml"/><Relationship Id="rId24" Type="http://schemas.openxmlformats.org/officeDocument/2006/relationships/slide" Target="slides/slide16.xml"/><Relationship Id="rId32" Type="http://schemas.openxmlformats.org/officeDocument/2006/relationships/slide" Target="slides/slide24.xml"/><Relationship Id="rId37" Type="http://schemas.openxmlformats.org/officeDocument/2006/relationships/slide" Target="slides/slide29.xml"/><Relationship Id="rId40" Type="http://schemas.openxmlformats.org/officeDocument/2006/relationships/commentAuthors" Target="commentAuthors.xml"/><Relationship Id="rId45" Type="http://schemas.microsoft.com/office/2016/11/relationships/changesInfo" Target="changesInfos/changesInfo1.xml"/><Relationship Id="rId5" Type="http://schemas.openxmlformats.org/officeDocument/2006/relationships/slideMaster" Target="slideMasters/slideMaster1.xml"/><Relationship Id="rId15" Type="http://schemas.openxmlformats.org/officeDocument/2006/relationships/slide" Target="slides/slide7.xml"/><Relationship Id="rId23" Type="http://schemas.openxmlformats.org/officeDocument/2006/relationships/slide" Target="slides/slide15.xml"/><Relationship Id="rId28" Type="http://schemas.openxmlformats.org/officeDocument/2006/relationships/slide" Target="slides/slide20.xml"/><Relationship Id="rId36" Type="http://schemas.openxmlformats.org/officeDocument/2006/relationships/slide" Target="slides/slide28.xml"/><Relationship Id="rId10" Type="http://schemas.openxmlformats.org/officeDocument/2006/relationships/slide" Target="slides/slide2.xml"/><Relationship Id="rId19" Type="http://schemas.openxmlformats.org/officeDocument/2006/relationships/slide" Target="slides/slide11.xml"/><Relationship Id="rId31" Type="http://schemas.openxmlformats.org/officeDocument/2006/relationships/slide" Target="slides/slide23.xml"/><Relationship Id="rId44" Type="http://schemas.openxmlformats.org/officeDocument/2006/relationships/tableStyles" Target="tableStyles.xml"/><Relationship Id="rId4" Type="http://schemas.openxmlformats.org/officeDocument/2006/relationships/customXml" Target="../customXml/item4.xml"/><Relationship Id="rId9" Type="http://schemas.openxmlformats.org/officeDocument/2006/relationships/slide" Target="slides/slide1.xml"/><Relationship Id="rId14" Type="http://schemas.openxmlformats.org/officeDocument/2006/relationships/slide" Target="slides/slide6.xml"/><Relationship Id="rId22" Type="http://schemas.openxmlformats.org/officeDocument/2006/relationships/slide" Target="slides/slide14.xml"/><Relationship Id="rId27" Type="http://schemas.openxmlformats.org/officeDocument/2006/relationships/slide" Target="slides/slide19.xml"/><Relationship Id="rId30" Type="http://schemas.openxmlformats.org/officeDocument/2006/relationships/slide" Target="slides/slide22.xml"/><Relationship Id="rId35" Type="http://schemas.openxmlformats.org/officeDocument/2006/relationships/slide" Target="slides/slide27.xml"/><Relationship Id="rId43" Type="http://schemas.openxmlformats.org/officeDocument/2006/relationships/theme" Target="theme/theme1.xml"/><Relationship Id="rId8" Type="http://schemas.openxmlformats.org/officeDocument/2006/relationships/slideMaster" Target="slideMasters/slideMaster4.xml"/><Relationship Id="rId3" Type="http://schemas.openxmlformats.org/officeDocument/2006/relationships/customXml" Target="../customXml/item3.xml"/><Relationship Id="rId12" Type="http://schemas.openxmlformats.org/officeDocument/2006/relationships/slide" Target="slides/slide4.xml"/><Relationship Id="rId17" Type="http://schemas.openxmlformats.org/officeDocument/2006/relationships/slide" Target="slides/slide9.xml"/><Relationship Id="rId25" Type="http://schemas.openxmlformats.org/officeDocument/2006/relationships/slide" Target="slides/slide17.xml"/><Relationship Id="rId33" Type="http://schemas.openxmlformats.org/officeDocument/2006/relationships/slide" Target="slides/slide25.xml"/><Relationship Id="rId38" Type="http://schemas.openxmlformats.org/officeDocument/2006/relationships/notesMaster" Target="notesMasters/notesMaster1.xml"/><Relationship Id="rId46" Type="http://schemas.microsoft.com/office/2015/10/relationships/revisionInfo" Target="revisionInfo.xml"/><Relationship Id="rId20" Type="http://schemas.openxmlformats.org/officeDocument/2006/relationships/slide" Target="slides/slide12.xml"/><Relationship Id="rId41" Type="http://schemas.openxmlformats.org/officeDocument/2006/relationships/presProps" Target="pres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Murphy, Kara" userId="936ee436-71b5-446d-9f68-807f5a2be99c" providerId="ADAL" clId="{1F626DE1-6097-47C5-B16F-EA497926F940}"/>
    <pc:docChg chg="custSel modSld">
      <pc:chgData name="Murphy, Kara" userId="936ee436-71b5-446d-9f68-807f5a2be99c" providerId="ADAL" clId="{1F626DE1-6097-47C5-B16F-EA497926F940}" dt="2023-10-16T19:04:47.038" v="194" actId="478"/>
      <pc:docMkLst>
        <pc:docMk/>
      </pc:docMkLst>
      <pc:sldChg chg="delSp mod">
        <pc:chgData name="Murphy, Kara" userId="936ee436-71b5-446d-9f68-807f5a2be99c" providerId="ADAL" clId="{1F626DE1-6097-47C5-B16F-EA497926F940}" dt="2023-10-16T19:00:03.870" v="114" actId="478"/>
        <pc:sldMkLst>
          <pc:docMk/>
          <pc:sldMk cId="2326514363" sldId="1802"/>
        </pc:sldMkLst>
        <pc:spChg chg="del">
          <ac:chgData name="Murphy, Kara" userId="936ee436-71b5-446d-9f68-807f5a2be99c" providerId="ADAL" clId="{1F626DE1-6097-47C5-B16F-EA497926F940}" dt="2023-10-16T19:00:03.870" v="114" actId="478"/>
          <ac:spMkLst>
            <pc:docMk/>
            <pc:sldMk cId="2326514363" sldId="1802"/>
            <ac:spMk id="13" creationId="{96C954F4-31AF-CBF3-AED0-A242B38C1B96}"/>
          </ac:spMkLst>
        </pc:spChg>
      </pc:sldChg>
      <pc:sldChg chg="modSp mod">
        <pc:chgData name="Murphy, Kara" userId="936ee436-71b5-446d-9f68-807f5a2be99c" providerId="ADAL" clId="{1F626DE1-6097-47C5-B16F-EA497926F940}" dt="2023-10-16T18:59:45.884" v="113" actId="6549"/>
        <pc:sldMkLst>
          <pc:docMk/>
          <pc:sldMk cId="3551354842" sldId="1825"/>
        </pc:sldMkLst>
        <pc:spChg chg="mod">
          <ac:chgData name="Murphy, Kara" userId="936ee436-71b5-446d-9f68-807f5a2be99c" providerId="ADAL" clId="{1F626DE1-6097-47C5-B16F-EA497926F940}" dt="2023-10-16T18:58:18.835" v="11" actId="14100"/>
          <ac:spMkLst>
            <pc:docMk/>
            <pc:sldMk cId="3551354842" sldId="1825"/>
            <ac:spMk id="8" creationId="{F6B405A2-87E1-14A6-9744-843EC7DDF765}"/>
          </ac:spMkLst>
        </pc:spChg>
        <pc:spChg chg="mod">
          <ac:chgData name="Murphy, Kara" userId="936ee436-71b5-446d-9f68-807f5a2be99c" providerId="ADAL" clId="{1F626DE1-6097-47C5-B16F-EA497926F940}" dt="2023-10-16T18:58:00.137" v="6" actId="1037"/>
          <ac:spMkLst>
            <pc:docMk/>
            <pc:sldMk cId="3551354842" sldId="1825"/>
            <ac:spMk id="9" creationId="{7A5EFA69-9989-10DC-4B24-E2ED08B82B40}"/>
          </ac:spMkLst>
        </pc:spChg>
        <pc:spChg chg="mod">
          <ac:chgData name="Murphy, Kara" userId="936ee436-71b5-446d-9f68-807f5a2be99c" providerId="ADAL" clId="{1F626DE1-6097-47C5-B16F-EA497926F940}" dt="2023-10-16T18:58:08.388" v="9" actId="14100"/>
          <ac:spMkLst>
            <pc:docMk/>
            <pc:sldMk cId="3551354842" sldId="1825"/>
            <ac:spMk id="11" creationId="{9FE693F3-3507-9529-2C14-4699F3AFDC4D}"/>
          </ac:spMkLst>
        </pc:spChg>
        <pc:spChg chg="mod">
          <ac:chgData name="Murphy, Kara" userId="936ee436-71b5-446d-9f68-807f5a2be99c" providerId="ADAL" clId="{1F626DE1-6097-47C5-B16F-EA497926F940}" dt="2023-10-16T18:59:41.101" v="112" actId="20577"/>
          <ac:spMkLst>
            <pc:docMk/>
            <pc:sldMk cId="3551354842" sldId="1825"/>
            <ac:spMk id="21" creationId="{703F8303-B7F6-227E-F054-C6EB84D6987A}"/>
          </ac:spMkLst>
        </pc:spChg>
        <pc:spChg chg="mod">
          <ac:chgData name="Murphy, Kara" userId="936ee436-71b5-446d-9f68-807f5a2be99c" providerId="ADAL" clId="{1F626DE1-6097-47C5-B16F-EA497926F940}" dt="2023-10-16T18:59:45.884" v="113" actId="6549"/>
          <ac:spMkLst>
            <pc:docMk/>
            <pc:sldMk cId="3551354842" sldId="1825"/>
            <ac:spMk id="27" creationId="{37CC5597-EC25-E314-C11A-5738AABF70DB}"/>
          </ac:spMkLst>
        </pc:spChg>
      </pc:sldChg>
      <pc:sldChg chg="modSp mod">
        <pc:chgData name="Murphy, Kara" userId="936ee436-71b5-446d-9f68-807f5a2be99c" providerId="ADAL" clId="{1F626DE1-6097-47C5-B16F-EA497926F940}" dt="2023-10-16T19:00:52.874" v="123" actId="20577"/>
        <pc:sldMkLst>
          <pc:docMk/>
          <pc:sldMk cId="2707836438" sldId="1826"/>
        </pc:sldMkLst>
        <pc:spChg chg="mod">
          <ac:chgData name="Murphy, Kara" userId="936ee436-71b5-446d-9f68-807f5a2be99c" providerId="ADAL" clId="{1F626DE1-6097-47C5-B16F-EA497926F940}" dt="2023-10-16T19:00:52.874" v="123" actId="20577"/>
          <ac:spMkLst>
            <pc:docMk/>
            <pc:sldMk cId="2707836438" sldId="1826"/>
            <ac:spMk id="17" creationId="{9E7E189D-BD65-C629-22E4-5ED2A02012FC}"/>
          </ac:spMkLst>
        </pc:spChg>
      </pc:sldChg>
      <pc:sldChg chg="modSp mod">
        <pc:chgData name="Murphy, Kara" userId="936ee436-71b5-446d-9f68-807f5a2be99c" providerId="ADAL" clId="{1F626DE1-6097-47C5-B16F-EA497926F940}" dt="2023-10-16T19:03:45.836" v="192" actId="20577"/>
        <pc:sldMkLst>
          <pc:docMk/>
          <pc:sldMk cId="839797718" sldId="1829"/>
        </pc:sldMkLst>
        <pc:spChg chg="mod">
          <ac:chgData name="Murphy, Kara" userId="936ee436-71b5-446d-9f68-807f5a2be99c" providerId="ADAL" clId="{1F626DE1-6097-47C5-B16F-EA497926F940}" dt="2023-10-16T19:03:45.836" v="192" actId="20577"/>
          <ac:spMkLst>
            <pc:docMk/>
            <pc:sldMk cId="839797718" sldId="1829"/>
            <ac:spMk id="6" creationId="{1FCB4432-3A9B-658B-6C85-DDD4E2F08426}"/>
          </ac:spMkLst>
        </pc:spChg>
      </pc:sldChg>
      <pc:sldChg chg="delSp mod">
        <pc:chgData name="Murphy, Kara" userId="936ee436-71b5-446d-9f68-807f5a2be99c" providerId="ADAL" clId="{1F626DE1-6097-47C5-B16F-EA497926F940}" dt="2023-10-16T19:04:47.038" v="194" actId="478"/>
        <pc:sldMkLst>
          <pc:docMk/>
          <pc:sldMk cId="1317804277" sldId="1831"/>
        </pc:sldMkLst>
        <pc:cxnChg chg="del">
          <ac:chgData name="Murphy, Kara" userId="936ee436-71b5-446d-9f68-807f5a2be99c" providerId="ADAL" clId="{1F626DE1-6097-47C5-B16F-EA497926F940}" dt="2023-10-16T19:04:47.038" v="194" actId="478"/>
          <ac:cxnSpMkLst>
            <pc:docMk/>
            <pc:sldMk cId="1317804277" sldId="1831"/>
            <ac:cxnSpMk id="15" creationId="{1A5439F2-34D7-44AC-87AC-C54C293942F2}"/>
          </ac:cxnSpMkLst>
        </pc:cxnChg>
      </pc:sldChg>
      <pc:sldChg chg="modSp mod">
        <pc:chgData name="Murphy, Kara" userId="936ee436-71b5-446d-9f68-807f5a2be99c" providerId="ADAL" clId="{1F626DE1-6097-47C5-B16F-EA497926F940}" dt="2023-10-16T19:02:47.092" v="177" actId="20577"/>
        <pc:sldMkLst>
          <pc:docMk/>
          <pc:sldMk cId="3332638713" sldId="1833"/>
        </pc:sldMkLst>
        <pc:spChg chg="mod">
          <ac:chgData name="Murphy, Kara" userId="936ee436-71b5-446d-9f68-807f5a2be99c" providerId="ADAL" clId="{1F626DE1-6097-47C5-B16F-EA497926F940}" dt="2023-10-16T19:02:47.092" v="177" actId="20577"/>
          <ac:spMkLst>
            <pc:docMk/>
            <pc:sldMk cId="3332638713" sldId="1833"/>
            <ac:spMk id="11" creationId="{905417D5-3A83-4C8D-AD81-CFE0E87678E9}"/>
          </ac:spMkLst>
        </pc:spChg>
      </pc:sldChg>
      <pc:sldChg chg="addCm">
        <pc:chgData name="Murphy, Kara" userId="936ee436-71b5-446d-9f68-807f5a2be99c" providerId="ADAL" clId="{1F626DE1-6097-47C5-B16F-EA497926F940}" dt="2023-10-16T19:04:22.816" v="193"/>
        <pc:sldMkLst>
          <pc:docMk/>
          <pc:sldMk cId="2828253719" sldId="1836"/>
        </pc:sldMkLst>
        <pc:extLst>
          <p:ext xmlns:p="http://schemas.openxmlformats.org/presentationml/2006/main" uri="{D6D511B9-2390-475A-947B-AFAB55BFBCF1}">
            <pc226:cmChg xmlns:pc226="http://schemas.microsoft.com/office/powerpoint/2022/06/main/command" chg="add">
              <pc226:chgData name="Murphy, Kara" userId="936ee436-71b5-446d-9f68-807f5a2be99c" providerId="ADAL" clId="{1F626DE1-6097-47C5-B16F-EA497926F940}" dt="2023-10-16T19:04:22.816" v="193"/>
              <pc2:cmMkLst xmlns:pc2="http://schemas.microsoft.com/office/powerpoint/2019/9/main/command">
                <pc:docMk/>
                <pc:sldMk cId="2828253719" sldId="1836"/>
                <pc2:cmMk id="{692A079B-0C7D-4987-9CA8-3F8388A63B53}"/>
              </pc2:cmMkLst>
            </pc226:cmChg>
          </p:ext>
        </pc:extLst>
      </pc:sldChg>
      <pc:sldChg chg="addCm">
        <pc:chgData name="Murphy, Kara" userId="936ee436-71b5-446d-9f68-807f5a2be99c" providerId="ADAL" clId="{1F626DE1-6097-47C5-B16F-EA497926F940}" dt="2023-10-16T18:57:38.120" v="0"/>
        <pc:sldMkLst>
          <pc:docMk/>
          <pc:sldMk cId="687178274" sldId="1838"/>
        </pc:sldMkLst>
        <pc:extLst>
          <p:ext xmlns:p="http://schemas.openxmlformats.org/presentationml/2006/main" uri="{D6D511B9-2390-475A-947B-AFAB55BFBCF1}">
            <pc226:cmChg xmlns:pc226="http://schemas.microsoft.com/office/powerpoint/2022/06/main/command" chg="add">
              <pc226:chgData name="Murphy, Kara" userId="936ee436-71b5-446d-9f68-807f5a2be99c" providerId="ADAL" clId="{1F626DE1-6097-47C5-B16F-EA497926F940}" dt="2023-10-16T18:57:38.120" v="0"/>
              <pc2:cmMkLst xmlns:pc2="http://schemas.microsoft.com/office/powerpoint/2019/9/main/command">
                <pc:docMk/>
                <pc:sldMk cId="687178274" sldId="1838"/>
                <pc2:cmMk id="{D47AB0A1-89F8-4B1F-9C22-16E4EBE2F69B}"/>
              </pc2:cmMkLst>
            </pc226:cmChg>
          </p:ext>
        </pc:extLst>
      </pc:sldChg>
    </pc:docChg>
  </pc:docChgLst>
  <pc:docChgLst>
    <pc:chgData name="Chang, Ryan" userId="a3a1ec67-485b-4799-b85c-43e1efc1459e" providerId="ADAL" clId="{759C7230-182E-4012-A741-BE167E835471}"/>
    <pc:docChg chg="custSel modSld">
      <pc:chgData name="Chang, Ryan" userId="a3a1ec67-485b-4799-b85c-43e1efc1459e" providerId="ADAL" clId="{759C7230-182E-4012-A741-BE167E835471}" dt="2023-10-18T17:50:50.329" v="23" actId="478"/>
      <pc:docMkLst>
        <pc:docMk/>
      </pc:docMkLst>
      <pc:sldChg chg="delSp mod">
        <pc:chgData name="Chang, Ryan" userId="a3a1ec67-485b-4799-b85c-43e1efc1459e" providerId="ADAL" clId="{759C7230-182E-4012-A741-BE167E835471}" dt="2023-10-18T17:50:50.329" v="23" actId="478"/>
        <pc:sldMkLst>
          <pc:docMk/>
          <pc:sldMk cId="1519989194" sldId="1806"/>
        </pc:sldMkLst>
        <pc:spChg chg="del">
          <ac:chgData name="Chang, Ryan" userId="a3a1ec67-485b-4799-b85c-43e1efc1459e" providerId="ADAL" clId="{759C7230-182E-4012-A741-BE167E835471}" dt="2023-10-18T17:50:50.329" v="23" actId="478"/>
          <ac:spMkLst>
            <pc:docMk/>
            <pc:sldMk cId="1519989194" sldId="1806"/>
            <ac:spMk id="6" creationId="{EA0F9840-C880-8B46-C085-ED0531AE03C2}"/>
          </ac:spMkLst>
        </pc:spChg>
      </pc:sldChg>
      <pc:sldChg chg="modSp mod delCm">
        <pc:chgData name="Chang, Ryan" userId="a3a1ec67-485b-4799-b85c-43e1efc1459e" providerId="ADAL" clId="{759C7230-182E-4012-A741-BE167E835471}" dt="2023-10-16T19:18:55.935" v="22" actId="20577"/>
        <pc:sldMkLst>
          <pc:docMk/>
          <pc:sldMk cId="2828253719" sldId="1836"/>
        </pc:sldMkLst>
        <pc:spChg chg="mod">
          <ac:chgData name="Chang, Ryan" userId="a3a1ec67-485b-4799-b85c-43e1efc1459e" providerId="ADAL" clId="{759C7230-182E-4012-A741-BE167E835471}" dt="2023-10-16T19:18:55.935" v="22" actId="20577"/>
          <ac:spMkLst>
            <pc:docMk/>
            <pc:sldMk cId="2828253719" sldId="1836"/>
            <ac:spMk id="10" creationId="{07B43D08-6796-4F91-133D-0AA9D7EC3992}"/>
          </ac:spMkLst>
        </pc:spChg>
        <pc:extLst>
          <p:ext xmlns:p="http://schemas.openxmlformats.org/presentationml/2006/main" uri="{D6D511B9-2390-475A-947B-AFAB55BFBCF1}">
            <pc226:cmChg xmlns:pc226="http://schemas.microsoft.com/office/powerpoint/2022/06/main/command" chg="del">
              <pc226:chgData name="Chang, Ryan" userId="a3a1ec67-485b-4799-b85c-43e1efc1459e" providerId="ADAL" clId="{759C7230-182E-4012-A741-BE167E835471}" dt="2023-10-16T19:17:53.561" v="15"/>
              <pc2:cmMkLst xmlns:pc2="http://schemas.microsoft.com/office/powerpoint/2019/9/main/command">
                <pc:docMk/>
                <pc:sldMk cId="2828253719" sldId="1836"/>
                <pc2:cmMk id="{692A079B-0C7D-4987-9CA8-3F8388A63B53}"/>
              </pc2:cmMkLst>
            </pc226:cmChg>
          </p:ext>
        </pc:extLst>
      </pc:sldChg>
      <pc:sldChg chg="addSp modSp mod delCm">
        <pc:chgData name="Chang, Ryan" userId="a3a1ec67-485b-4799-b85c-43e1efc1459e" providerId="ADAL" clId="{759C7230-182E-4012-A741-BE167E835471}" dt="2023-10-16T19:14:19.145" v="13"/>
        <pc:sldMkLst>
          <pc:docMk/>
          <pc:sldMk cId="687178274" sldId="1838"/>
        </pc:sldMkLst>
        <pc:spChg chg="add mod">
          <ac:chgData name="Chang, Ryan" userId="a3a1ec67-485b-4799-b85c-43e1efc1459e" providerId="ADAL" clId="{759C7230-182E-4012-A741-BE167E835471}" dt="2023-10-16T19:14:10.746" v="0"/>
          <ac:spMkLst>
            <pc:docMk/>
            <pc:sldMk cId="687178274" sldId="1838"/>
            <ac:spMk id="3" creationId="{8314BF11-0F30-19E7-CC58-10E3B07A15D3}"/>
          </ac:spMkLst>
        </pc:spChg>
        <pc:spChg chg="mod">
          <ac:chgData name="Chang, Ryan" userId="a3a1ec67-485b-4799-b85c-43e1efc1459e" providerId="ADAL" clId="{759C7230-182E-4012-A741-BE167E835471}" dt="2023-10-16T19:14:15.275" v="12" actId="20577"/>
          <ac:spMkLst>
            <pc:docMk/>
            <pc:sldMk cId="687178274" sldId="1838"/>
            <ac:spMk id="4" creationId="{CAAD9500-4024-44BB-B532-E8773643F943}"/>
          </ac:spMkLst>
        </pc:spChg>
        <pc:extLst>
          <p:ext xmlns:p="http://schemas.openxmlformats.org/presentationml/2006/main" uri="{D6D511B9-2390-475A-947B-AFAB55BFBCF1}">
            <pc226:cmChg xmlns:pc226="http://schemas.microsoft.com/office/powerpoint/2022/06/main/command" chg="del">
              <pc226:chgData name="Chang, Ryan" userId="a3a1ec67-485b-4799-b85c-43e1efc1459e" providerId="ADAL" clId="{759C7230-182E-4012-A741-BE167E835471}" dt="2023-10-16T19:14:19.145" v="13"/>
              <pc2:cmMkLst xmlns:pc2="http://schemas.microsoft.com/office/powerpoint/2019/9/main/command">
                <pc:docMk/>
                <pc:sldMk cId="687178274" sldId="1838"/>
                <pc2:cmMk id="{D47AB0A1-89F8-4B1F-9C22-16E4EBE2F69B}"/>
              </pc2:cmMkLst>
            </pc226:cmChg>
          </p:ext>
        </pc:extLst>
      </pc:sldChg>
    </pc:docChg>
  </pc:docChgLst>
</pc:chgInfo>
</file>

<file path=ppt/charts/_rels/chart1.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xml"/><Relationship Id="rId1" Type="http://schemas.microsoft.com/office/2011/relationships/chartStyle" Target="style1.xml"/></Relationships>
</file>

<file path=ppt/charts/_rels/chart10.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9.xml"/><Relationship Id="rId1" Type="http://schemas.microsoft.com/office/2011/relationships/chartStyle" Target="style9.xml"/></Relationships>
</file>

<file path=ppt/charts/_rels/chart11.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0.xml"/><Relationship Id="rId1" Type="http://schemas.microsoft.com/office/2011/relationships/chartStyle" Target="style10.xml"/></Relationships>
</file>

<file path=ppt/charts/_rels/chart12.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1.xml"/><Relationship Id="rId1" Type="http://schemas.microsoft.com/office/2011/relationships/chartStyle" Target="style11.xml"/></Relationships>
</file>

<file path=ppt/charts/_rels/chart13.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2.xml"/><Relationship Id="rId1" Type="http://schemas.microsoft.com/office/2011/relationships/chartStyle" Target="style12.xml"/></Relationships>
</file>

<file path=ppt/charts/_rels/chart14.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3.xml"/><Relationship Id="rId1" Type="http://schemas.microsoft.com/office/2011/relationships/chartStyle" Target="style13.xml"/></Relationships>
</file>

<file path=ppt/charts/_rels/chart15.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4.xml"/><Relationship Id="rId1" Type="http://schemas.microsoft.com/office/2011/relationships/chartStyle" Target="style14.xml"/></Relationships>
</file>

<file path=ppt/charts/_rels/chart16.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5.xml"/><Relationship Id="rId1" Type="http://schemas.microsoft.com/office/2011/relationships/chartStyle" Target="style15.xml"/></Relationships>
</file>

<file path=ppt/charts/_rels/chart17.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6.xml"/><Relationship Id="rId1" Type="http://schemas.microsoft.com/office/2011/relationships/chartStyle" Target="style16.xml"/></Relationships>
</file>

<file path=ppt/charts/_rels/chart18.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7.xml"/><Relationship Id="rId1" Type="http://schemas.microsoft.com/office/2011/relationships/chartStyle" Target="style17.xml"/></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3" Type="http://schemas.openxmlformats.org/officeDocument/2006/relationships/oleObject" Target="Book1" TargetMode="External"/><Relationship Id="rId2" Type="http://schemas.microsoft.com/office/2011/relationships/chartColorStyle" Target="colors2.xml"/><Relationship Id="rId1" Type="http://schemas.microsoft.com/office/2011/relationships/chartStyle" Target="style2.xml"/></Relationships>
</file>

<file path=ppt/charts/_rels/chart3.xml.rels><?xml version="1.0" encoding="UTF-8" standalone="yes"?>
<Relationships xmlns="http://schemas.openxmlformats.org/package/2006/relationships"><Relationship Id="rId1" Type="http://schemas.openxmlformats.org/officeDocument/2006/relationships/oleObject" Target="https://kestrafinancial.sharepoint.com/sites/Open/NFPSI/Kestra%20IM/Intern/Shawn/Speedometer.xlsx" TargetMode="External"/></Relationships>
</file>

<file path=ppt/charts/_rels/chart4.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3.xml"/><Relationship Id="rId1" Type="http://schemas.microsoft.com/office/2011/relationships/chartStyle" Target="style3.xml"/></Relationships>
</file>

<file path=ppt/charts/_rels/chart5.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023%20Market%20Outlook.xlsx" TargetMode="External"/><Relationship Id="rId2" Type="http://schemas.microsoft.com/office/2011/relationships/chartColorStyle" Target="colors4.xml"/><Relationship Id="rId1" Type="http://schemas.microsoft.com/office/2011/relationships/chartStyle" Target="style4.xml"/></Relationships>
</file>

<file path=ppt/charts/_rels/chart6.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023%20Market%20Outlook.xlsx" TargetMode="External"/><Relationship Id="rId2" Type="http://schemas.microsoft.com/office/2011/relationships/chartColorStyle" Target="colors5.xml"/><Relationship Id="rId1" Type="http://schemas.microsoft.com/office/2011/relationships/chartStyle" Target="style5.xml"/></Relationships>
</file>

<file path=ppt/charts/_rels/chart7.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023%20Market%20Outlook.xlsx" TargetMode="External"/><Relationship Id="rId2" Type="http://schemas.microsoft.com/office/2011/relationships/chartColorStyle" Target="colors6.xml"/><Relationship Id="rId1" Type="http://schemas.microsoft.com/office/2011/relationships/chartStyle" Target="style6.xml"/></Relationships>
</file>

<file path=ppt/charts/_rels/chart8.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7.xml"/><Relationship Id="rId1" Type="http://schemas.microsoft.com/office/2011/relationships/chartStyle" Target="style7.xml"/></Relationships>
</file>

<file path=ppt/charts/_rels/chart9.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8.xml"/><Relationship Id="rId1" Type="http://schemas.microsoft.com/office/2011/relationships/chartStyle" Target="style8.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3.4732958877450405E-2"/>
          <c:y val="0.13891845869051775"/>
          <c:w val="0.94126569023541762"/>
          <c:h val="0.81083047961279531"/>
        </c:manualLayout>
      </c:layout>
      <c:barChart>
        <c:barDir val="col"/>
        <c:grouping val="clustered"/>
        <c:varyColors val="0"/>
        <c:ser>
          <c:idx val="0"/>
          <c:order val="0"/>
          <c:spPr>
            <a:solidFill>
              <a:schemeClr val="accent1"/>
            </a:solidFill>
            <a:ln>
              <a:noFill/>
            </a:ln>
            <a:effectLst/>
          </c:spPr>
          <c:invertIfNegative val="0"/>
          <c:dPt>
            <c:idx val="0"/>
            <c:invertIfNegative val="0"/>
            <c:bubble3D val="0"/>
            <c:spPr>
              <a:solidFill>
                <a:srgbClr val="C09A4F"/>
              </a:solidFill>
              <a:ln>
                <a:noFill/>
              </a:ln>
              <a:effectLst/>
            </c:spPr>
            <c:extLst>
              <c:ext xmlns:c16="http://schemas.microsoft.com/office/drawing/2014/chart" uri="{C3380CC4-5D6E-409C-BE32-E72D297353CC}">
                <c16:uniqueId val="{00000001-241D-4590-920D-002D995594BC}"/>
              </c:ext>
            </c:extLst>
          </c:dPt>
          <c:dPt>
            <c:idx val="1"/>
            <c:invertIfNegative val="0"/>
            <c:bubble3D val="0"/>
            <c:spPr>
              <a:solidFill>
                <a:srgbClr val="C09A4F"/>
              </a:solidFill>
              <a:ln>
                <a:noFill/>
              </a:ln>
              <a:effectLst/>
            </c:spPr>
            <c:extLst>
              <c:ext xmlns:c16="http://schemas.microsoft.com/office/drawing/2014/chart" uri="{C3380CC4-5D6E-409C-BE32-E72D297353CC}">
                <c16:uniqueId val="{00000003-241D-4590-920D-002D995594BC}"/>
              </c:ext>
            </c:extLst>
          </c:dPt>
          <c:dPt>
            <c:idx val="2"/>
            <c:invertIfNegative val="0"/>
            <c:bubble3D val="0"/>
            <c:spPr>
              <a:solidFill>
                <a:srgbClr val="C09A4F"/>
              </a:solidFill>
              <a:ln>
                <a:noFill/>
              </a:ln>
              <a:effectLst/>
            </c:spPr>
            <c:extLst>
              <c:ext xmlns:c16="http://schemas.microsoft.com/office/drawing/2014/chart" uri="{C3380CC4-5D6E-409C-BE32-E72D297353CC}">
                <c16:uniqueId val="{00000005-241D-4590-920D-002D995594BC}"/>
              </c:ext>
            </c:extLst>
          </c:dPt>
          <c:dPt>
            <c:idx val="3"/>
            <c:invertIfNegative val="0"/>
            <c:bubble3D val="0"/>
            <c:spPr>
              <a:solidFill>
                <a:srgbClr val="2B4651"/>
              </a:solidFill>
              <a:ln>
                <a:noFill/>
              </a:ln>
              <a:effectLst/>
            </c:spPr>
            <c:extLst>
              <c:ext xmlns:c16="http://schemas.microsoft.com/office/drawing/2014/chart" uri="{C3380CC4-5D6E-409C-BE32-E72D297353CC}">
                <c16:uniqueId val="{00000007-241D-4590-920D-002D995594BC}"/>
              </c:ext>
            </c:extLst>
          </c:dPt>
          <c:dPt>
            <c:idx val="4"/>
            <c:invertIfNegative val="0"/>
            <c:bubble3D val="0"/>
            <c:spPr>
              <a:solidFill>
                <a:srgbClr val="2B4651"/>
              </a:solidFill>
              <a:ln>
                <a:noFill/>
              </a:ln>
              <a:effectLst/>
            </c:spPr>
            <c:extLst>
              <c:ext xmlns:c16="http://schemas.microsoft.com/office/drawing/2014/chart" uri="{C3380CC4-5D6E-409C-BE32-E72D297353CC}">
                <c16:uniqueId val="{00000009-241D-4590-920D-002D995594BC}"/>
              </c:ext>
            </c:extLst>
          </c:dPt>
          <c:dPt>
            <c:idx val="5"/>
            <c:invertIfNegative val="0"/>
            <c:bubble3D val="0"/>
            <c:spPr>
              <a:solidFill>
                <a:srgbClr val="2B4651"/>
              </a:solidFill>
              <a:ln>
                <a:noFill/>
              </a:ln>
              <a:effectLst/>
            </c:spPr>
            <c:extLst>
              <c:ext xmlns:c16="http://schemas.microsoft.com/office/drawing/2014/chart" uri="{C3380CC4-5D6E-409C-BE32-E72D297353CC}">
                <c16:uniqueId val="{0000000B-241D-4590-920D-002D995594BC}"/>
              </c:ext>
            </c:extLst>
          </c:dPt>
          <c:dPt>
            <c:idx val="6"/>
            <c:invertIfNegative val="0"/>
            <c:bubble3D val="0"/>
            <c:spPr>
              <a:solidFill>
                <a:srgbClr val="A9D18E"/>
              </a:solidFill>
              <a:ln>
                <a:noFill/>
              </a:ln>
              <a:effectLst/>
            </c:spPr>
            <c:extLst>
              <c:ext xmlns:c16="http://schemas.microsoft.com/office/drawing/2014/chart" uri="{C3380CC4-5D6E-409C-BE32-E72D297353CC}">
                <c16:uniqueId val="{0000000D-241D-4590-920D-002D995594BC}"/>
              </c:ext>
            </c:extLst>
          </c:dPt>
          <c:dPt>
            <c:idx val="7"/>
            <c:invertIfNegative val="0"/>
            <c:bubble3D val="0"/>
            <c:spPr>
              <a:solidFill>
                <a:srgbClr val="A9D18E"/>
              </a:solidFill>
              <a:ln>
                <a:noFill/>
              </a:ln>
              <a:effectLst/>
            </c:spPr>
            <c:extLst>
              <c:ext xmlns:c16="http://schemas.microsoft.com/office/drawing/2014/chart" uri="{C3380CC4-5D6E-409C-BE32-E72D297353CC}">
                <c16:uniqueId val="{0000000F-241D-4590-920D-002D995594BC}"/>
              </c:ext>
            </c:extLst>
          </c:dPt>
          <c:dLbls>
            <c:dLbl>
              <c:idx val="5"/>
              <c:spPr>
                <a:noFill/>
                <a:ln>
                  <a:noFill/>
                </a:ln>
                <a:effectLst/>
              </c:spPr>
              <c:txPr>
                <a:bodyPr rot="0" spcFirstLastPara="1" vertOverflow="ellipsis" vert="horz" wrap="square" lIns="38100" tIns="19050" rIns="38100" bIns="19050" anchor="ctr" anchorCtr="1">
                  <a:spAutoFit/>
                </a:bodyPr>
                <a:lstStyle/>
                <a:p>
                  <a:pPr>
                    <a:defRPr sz="1200" b="0" i="0" u="none" strike="noStrike" kern="1200" baseline="0">
                      <a:solidFill>
                        <a:schemeClr val="tx1"/>
                      </a:solidFill>
                      <a:latin typeface="+mn-lt"/>
                      <a:ea typeface="+mn-ea"/>
                      <a:cs typeface="+mn-cs"/>
                    </a:defRPr>
                  </a:pPr>
                  <a:endParaRPr lang="en-US"/>
                </a:p>
              </c:txPr>
              <c:dLblPos val="outEnd"/>
              <c:showLegendKey val="0"/>
              <c:showVal val="1"/>
              <c:showCatName val="0"/>
              <c:showSerName val="0"/>
              <c:showPercent val="0"/>
              <c:showBubbleSize val="0"/>
              <c:extLst>
                <c:ext xmlns:c16="http://schemas.microsoft.com/office/drawing/2014/chart" uri="{C3380CC4-5D6E-409C-BE32-E72D297353CC}">
                  <c16:uniqueId val="{0000000B-241D-4590-920D-002D995594BC}"/>
                </c:ext>
              </c:extLst>
            </c:dLbl>
            <c:dLbl>
              <c:idx val="7"/>
              <c:spPr>
                <a:noFill/>
                <a:ln>
                  <a:noFill/>
                </a:ln>
                <a:effectLst/>
              </c:spPr>
              <c:txPr>
                <a:bodyPr rot="0" spcFirstLastPara="1" vertOverflow="ellipsis" vert="horz" wrap="square" lIns="38100" tIns="19050" rIns="38100" bIns="19050" anchor="ctr" anchorCtr="1">
                  <a:spAutoFit/>
                </a:bodyPr>
                <a:lstStyle/>
                <a:p>
                  <a:pPr>
                    <a:defRPr sz="1200" b="0" i="0" u="none" strike="noStrike" kern="1200" baseline="0">
                      <a:solidFill>
                        <a:schemeClr val="tx1"/>
                      </a:solidFill>
                      <a:latin typeface="+mn-lt"/>
                      <a:ea typeface="+mn-ea"/>
                      <a:cs typeface="+mn-cs"/>
                    </a:defRPr>
                  </a:pPr>
                  <a:endParaRPr lang="en-US"/>
                </a:p>
              </c:txPr>
              <c:dLblPos val="outEnd"/>
              <c:showLegendKey val="0"/>
              <c:showVal val="1"/>
              <c:showCatName val="0"/>
              <c:showSerName val="0"/>
              <c:showPercent val="0"/>
              <c:showBubbleSize val="0"/>
              <c:extLst>
                <c:ext xmlns:c16="http://schemas.microsoft.com/office/drawing/2014/chart" uri="{C3380CC4-5D6E-409C-BE32-E72D297353CC}">
                  <c16:uniqueId val="{0000000F-241D-4590-920D-002D995594BC}"/>
                </c:ext>
              </c:extLst>
            </c:dLbl>
            <c:spPr>
              <a:noFill/>
              <a:ln>
                <a:noFill/>
              </a:ln>
              <a:effectLst/>
            </c:spPr>
            <c:txPr>
              <a:bodyPr rot="0" spcFirstLastPara="1" vertOverflow="ellipsis" vert="horz" wrap="square" lIns="38100" tIns="19050" rIns="38100" bIns="19050" anchor="ctr" anchorCtr="1">
                <a:spAutoFit/>
              </a:bodyPr>
              <a:lstStyle/>
              <a:p>
                <a:pPr>
                  <a:defRPr sz="1200" b="0" i="0" u="none" strike="noStrike" kern="1200" baseline="0">
                    <a:solidFill>
                      <a:srgbClr val="FF0000"/>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Q3.2023 Market Outlook.xlsx]Market Summary (2)'!$C$31:$S$31</c:f>
              <c:strCache>
                <c:ptCount val="8"/>
                <c:pt idx="0">
                  <c:v>U.S.</c:v>
                </c:pt>
                <c:pt idx="1">
                  <c:v>Dev. Ex-U.S.</c:v>
                </c:pt>
                <c:pt idx="2">
                  <c:v>Emerging Markets</c:v>
                </c:pt>
                <c:pt idx="3">
                  <c:v>U.S. AGG</c:v>
                </c:pt>
                <c:pt idx="4">
                  <c:v>Investment Grade Corporate</c:v>
                </c:pt>
                <c:pt idx="5">
                  <c:v>U.S. High Yield</c:v>
                </c:pt>
                <c:pt idx="6">
                  <c:v>U.S. Real Estate</c:v>
                </c:pt>
                <c:pt idx="7">
                  <c:v>Commodities</c:v>
                </c:pt>
              </c:strCache>
            </c:strRef>
          </c:cat>
          <c:val>
            <c:numRef>
              <c:f>'[Q3.2023 Market Outlook.xlsx]Market Summary (2)'!$D$32:$Q$32</c:f>
              <c:numCache>
                <c:formatCode>0.0</c:formatCode>
                <c:ptCount val="8"/>
                <c:pt idx="0">
                  <c:v>-3.4</c:v>
                </c:pt>
                <c:pt idx="1">
                  <c:v>-1.3</c:v>
                </c:pt>
                <c:pt idx="2">
                  <c:v>-1.4</c:v>
                </c:pt>
                <c:pt idx="3">
                  <c:v>-3.2</c:v>
                </c:pt>
                <c:pt idx="4">
                  <c:v>-2.7</c:v>
                </c:pt>
                <c:pt idx="5">
                  <c:v>0.5</c:v>
                </c:pt>
                <c:pt idx="6">
                  <c:v>-7.7</c:v>
                </c:pt>
                <c:pt idx="7">
                  <c:v>4.7</c:v>
                </c:pt>
              </c:numCache>
            </c:numRef>
          </c:val>
          <c:extLst>
            <c:ext xmlns:c16="http://schemas.microsoft.com/office/drawing/2014/chart" uri="{C3380CC4-5D6E-409C-BE32-E72D297353CC}">
              <c16:uniqueId val="{00000010-241D-4590-920D-002D995594BC}"/>
            </c:ext>
          </c:extLst>
        </c:ser>
        <c:dLbls>
          <c:dLblPos val="outEnd"/>
          <c:showLegendKey val="0"/>
          <c:showVal val="1"/>
          <c:showCatName val="0"/>
          <c:showSerName val="0"/>
          <c:showPercent val="0"/>
          <c:showBubbleSize val="0"/>
        </c:dLbls>
        <c:gapWidth val="8"/>
        <c:overlap val="-81"/>
        <c:axId val="271465592"/>
        <c:axId val="271464808"/>
      </c:barChart>
      <c:catAx>
        <c:axId val="271465592"/>
        <c:scaling>
          <c:orientation val="minMax"/>
        </c:scaling>
        <c:delete val="1"/>
        <c:axPos val="b"/>
        <c:numFmt formatCode="General" sourceLinked="1"/>
        <c:majorTickMark val="none"/>
        <c:minorTickMark val="none"/>
        <c:tickLblPos val="nextTo"/>
        <c:crossAx val="271464808"/>
        <c:crosses val="autoZero"/>
        <c:auto val="1"/>
        <c:lblAlgn val="ctr"/>
        <c:lblOffset val="100"/>
        <c:noMultiLvlLbl val="0"/>
      </c:catAx>
      <c:valAx>
        <c:axId val="271464808"/>
        <c:scaling>
          <c:orientation val="minMax"/>
        </c:scaling>
        <c:delete val="1"/>
        <c:axPos val="l"/>
        <c:numFmt formatCode="0.0" sourceLinked="1"/>
        <c:majorTickMark val="none"/>
        <c:minorTickMark val="none"/>
        <c:tickLblPos val="nextTo"/>
        <c:crossAx val="271465592"/>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w="9525" cap="flat" cmpd="sng" algn="ctr">
      <a:noFill/>
      <a:round/>
    </a:ln>
    <a:effectLst/>
  </c:spPr>
  <c:txPr>
    <a:bodyPr/>
    <a:lstStyle/>
    <a:p>
      <a:pPr>
        <a:defRPr/>
      </a:pPr>
      <a:endParaRPr lang="en-US"/>
    </a:p>
  </c:txPr>
  <c:externalData r:id="rId3">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lineChart>
        <c:grouping val="standard"/>
        <c:varyColors val="0"/>
        <c:ser>
          <c:idx val="0"/>
          <c:order val="0"/>
          <c:spPr>
            <a:ln w="28575" cap="rnd">
              <a:solidFill>
                <a:schemeClr val="accent1"/>
              </a:solidFill>
              <a:round/>
            </a:ln>
            <a:effectLst/>
          </c:spPr>
          <c:marker>
            <c:symbol val="circle"/>
            <c:size val="5"/>
            <c:spPr>
              <a:solidFill>
                <a:schemeClr val="accent1"/>
              </a:solidFill>
              <a:ln w="9525">
                <a:solidFill>
                  <a:schemeClr val="accent1"/>
                </a:solidFill>
              </a:ln>
              <a:effectLst/>
            </c:spPr>
          </c:marker>
          <c:cat>
            <c:numRef>
              <c:f>'[Q3.2023 Market Outlook.xlsx]Big 7 vs. Indexes'!$B$3:$B$189</c:f>
              <c:numCache>
                <c:formatCode>mm/dd/yy</c:formatCode>
                <c:ptCount val="187"/>
                <c:pt idx="0">
                  <c:v>44925</c:v>
                </c:pt>
                <c:pt idx="1">
                  <c:v>44929</c:v>
                </c:pt>
                <c:pt idx="2">
                  <c:v>44930</c:v>
                </c:pt>
                <c:pt idx="3">
                  <c:v>44931</c:v>
                </c:pt>
                <c:pt idx="4">
                  <c:v>44932</c:v>
                </c:pt>
                <c:pt idx="5">
                  <c:v>44935</c:v>
                </c:pt>
                <c:pt idx="6">
                  <c:v>44936</c:v>
                </c:pt>
                <c:pt idx="7">
                  <c:v>44937</c:v>
                </c:pt>
                <c:pt idx="8">
                  <c:v>44938</c:v>
                </c:pt>
                <c:pt idx="9">
                  <c:v>44939</c:v>
                </c:pt>
                <c:pt idx="10">
                  <c:v>44943</c:v>
                </c:pt>
                <c:pt idx="11">
                  <c:v>44944</c:v>
                </c:pt>
                <c:pt idx="12">
                  <c:v>44945</c:v>
                </c:pt>
                <c:pt idx="13">
                  <c:v>44946</c:v>
                </c:pt>
                <c:pt idx="14">
                  <c:v>44949</c:v>
                </c:pt>
                <c:pt idx="15">
                  <c:v>44950</c:v>
                </c:pt>
                <c:pt idx="16">
                  <c:v>44951</c:v>
                </c:pt>
                <c:pt idx="17">
                  <c:v>44952</c:v>
                </c:pt>
                <c:pt idx="18">
                  <c:v>44953</c:v>
                </c:pt>
                <c:pt idx="19">
                  <c:v>44956</c:v>
                </c:pt>
                <c:pt idx="20">
                  <c:v>44957</c:v>
                </c:pt>
                <c:pt idx="21">
                  <c:v>44958</c:v>
                </c:pt>
                <c:pt idx="22">
                  <c:v>44959</c:v>
                </c:pt>
                <c:pt idx="23">
                  <c:v>44960</c:v>
                </c:pt>
                <c:pt idx="24">
                  <c:v>44963</c:v>
                </c:pt>
                <c:pt idx="25">
                  <c:v>44964</c:v>
                </c:pt>
                <c:pt idx="26">
                  <c:v>44965</c:v>
                </c:pt>
                <c:pt idx="27">
                  <c:v>44966</c:v>
                </c:pt>
                <c:pt idx="28">
                  <c:v>44967</c:v>
                </c:pt>
                <c:pt idx="29">
                  <c:v>44970</c:v>
                </c:pt>
                <c:pt idx="30">
                  <c:v>44971</c:v>
                </c:pt>
                <c:pt idx="31">
                  <c:v>44972</c:v>
                </c:pt>
                <c:pt idx="32">
                  <c:v>44973</c:v>
                </c:pt>
                <c:pt idx="33">
                  <c:v>44974</c:v>
                </c:pt>
                <c:pt idx="34">
                  <c:v>44978</c:v>
                </c:pt>
                <c:pt idx="35">
                  <c:v>44979</c:v>
                </c:pt>
                <c:pt idx="36">
                  <c:v>44980</c:v>
                </c:pt>
                <c:pt idx="37">
                  <c:v>44981</c:v>
                </c:pt>
                <c:pt idx="38">
                  <c:v>44984</c:v>
                </c:pt>
                <c:pt idx="39">
                  <c:v>44985</c:v>
                </c:pt>
                <c:pt idx="40">
                  <c:v>44986</c:v>
                </c:pt>
                <c:pt idx="41">
                  <c:v>44987</c:v>
                </c:pt>
                <c:pt idx="42">
                  <c:v>44988</c:v>
                </c:pt>
                <c:pt idx="43">
                  <c:v>44991</c:v>
                </c:pt>
                <c:pt idx="44">
                  <c:v>44992</c:v>
                </c:pt>
                <c:pt idx="45">
                  <c:v>44993</c:v>
                </c:pt>
                <c:pt idx="46">
                  <c:v>44994</c:v>
                </c:pt>
                <c:pt idx="47">
                  <c:v>44995</c:v>
                </c:pt>
                <c:pt idx="48">
                  <c:v>44998</c:v>
                </c:pt>
                <c:pt idx="49">
                  <c:v>44999</c:v>
                </c:pt>
                <c:pt idx="50">
                  <c:v>45000</c:v>
                </c:pt>
                <c:pt idx="51">
                  <c:v>45001</c:v>
                </c:pt>
                <c:pt idx="52">
                  <c:v>45002</c:v>
                </c:pt>
                <c:pt idx="53">
                  <c:v>45005</c:v>
                </c:pt>
                <c:pt idx="54">
                  <c:v>45006</c:v>
                </c:pt>
                <c:pt idx="55">
                  <c:v>45007</c:v>
                </c:pt>
                <c:pt idx="56">
                  <c:v>45008</c:v>
                </c:pt>
                <c:pt idx="57">
                  <c:v>45009</c:v>
                </c:pt>
                <c:pt idx="58">
                  <c:v>45012</c:v>
                </c:pt>
                <c:pt idx="59">
                  <c:v>45013</c:v>
                </c:pt>
                <c:pt idx="60">
                  <c:v>45014</c:v>
                </c:pt>
                <c:pt idx="61">
                  <c:v>45015</c:v>
                </c:pt>
                <c:pt idx="62">
                  <c:v>45016</c:v>
                </c:pt>
                <c:pt idx="63">
                  <c:v>45019</c:v>
                </c:pt>
                <c:pt idx="64">
                  <c:v>45020</c:v>
                </c:pt>
                <c:pt idx="65">
                  <c:v>45021</c:v>
                </c:pt>
                <c:pt idx="66">
                  <c:v>45022</c:v>
                </c:pt>
                <c:pt idx="67">
                  <c:v>45026</c:v>
                </c:pt>
                <c:pt idx="68">
                  <c:v>45027</c:v>
                </c:pt>
                <c:pt idx="69">
                  <c:v>45028</c:v>
                </c:pt>
                <c:pt idx="70">
                  <c:v>45029</c:v>
                </c:pt>
                <c:pt idx="71">
                  <c:v>45030</c:v>
                </c:pt>
                <c:pt idx="72">
                  <c:v>45033</c:v>
                </c:pt>
                <c:pt idx="73">
                  <c:v>45034</c:v>
                </c:pt>
                <c:pt idx="74">
                  <c:v>45035</c:v>
                </c:pt>
                <c:pt idx="75">
                  <c:v>45036</c:v>
                </c:pt>
                <c:pt idx="76">
                  <c:v>45037</c:v>
                </c:pt>
                <c:pt idx="77">
                  <c:v>45040</c:v>
                </c:pt>
                <c:pt idx="78">
                  <c:v>45041</c:v>
                </c:pt>
                <c:pt idx="79">
                  <c:v>45042</c:v>
                </c:pt>
                <c:pt idx="80">
                  <c:v>45043</c:v>
                </c:pt>
                <c:pt idx="81">
                  <c:v>45044</c:v>
                </c:pt>
                <c:pt idx="82">
                  <c:v>45047</c:v>
                </c:pt>
                <c:pt idx="83">
                  <c:v>45048</c:v>
                </c:pt>
                <c:pt idx="84">
                  <c:v>45049</c:v>
                </c:pt>
                <c:pt idx="85">
                  <c:v>45050</c:v>
                </c:pt>
                <c:pt idx="86">
                  <c:v>45051</c:v>
                </c:pt>
                <c:pt idx="87">
                  <c:v>45054</c:v>
                </c:pt>
                <c:pt idx="88">
                  <c:v>45055</c:v>
                </c:pt>
                <c:pt idx="89">
                  <c:v>45056</c:v>
                </c:pt>
                <c:pt idx="90">
                  <c:v>45057</c:v>
                </c:pt>
                <c:pt idx="91">
                  <c:v>45058</c:v>
                </c:pt>
                <c:pt idx="92">
                  <c:v>45061</c:v>
                </c:pt>
                <c:pt idx="93">
                  <c:v>45063</c:v>
                </c:pt>
                <c:pt idx="94">
                  <c:v>45064</c:v>
                </c:pt>
                <c:pt idx="95">
                  <c:v>45065</c:v>
                </c:pt>
                <c:pt idx="96">
                  <c:v>45068</c:v>
                </c:pt>
                <c:pt idx="97">
                  <c:v>45069</c:v>
                </c:pt>
                <c:pt idx="98">
                  <c:v>45070</c:v>
                </c:pt>
                <c:pt idx="99">
                  <c:v>45071</c:v>
                </c:pt>
                <c:pt idx="100">
                  <c:v>45072</c:v>
                </c:pt>
                <c:pt idx="101">
                  <c:v>45076</c:v>
                </c:pt>
                <c:pt idx="102">
                  <c:v>45077</c:v>
                </c:pt>
                <c:pt idx="103">
                  <c:v>45078</c:v>
                </c:pt>
                <c:pt idx="104">
                  <c:v>45079</c:v>
                </c:pt>
                <c:pt idx="105">
                  <c:v>45082</c:v>
                </c:pt>
                <c:pt idx="106">
                  <c:v>45083</c:v>
                </c:pt>
                <c:pt idx="107">
                  <c:v>45084</c:v>
                </c:pt>
                <c:pt idx="108">
                  <c:v>45085</c:v>
                </c:pt>
                <c:pt idx="109">
                  <c:v>45086</c:v>
                </c:pt>
                <c:pt idx="110">
                  <c:v>45089</c:v>
                </c:pt>
                <c:pt idx="111">
                  <c:v>45090</c:v>
                </c:pt>
                <c:pt idx="112">
                  <c:v>45091</c:v>
                </c:pt>
                <c:pt idx="113">
                  <c:v>45092</c:v>
                </c:pt>
                <c:pt idx="114">
                  <c:v>45093</c:v>
                </c:pt>
                <c:pt idx="115">
                  <c:v>45097</c:v>
                </c:pt>
                <c:pt idx="116">
                  <c:v>45098</c:v>
                </c:pt>
                <c:pt idx="117">
                  <c:v>45099</c:v>
                </c:pt>
                <c:pt idx="118">
                  <c:v>45100</c:v>
                </c:pt>
                <c:pt idx="119">
                  <c:v>45103</c:v>
                </c:pt>
                <c:pt idx="120">
                  <c:v>45104</c:v>
                </c:pt>
                <c:pt idx="121">
                  <c:v>45105</c:v>
                </c:pt>
                <c:pt idx="122">
                  <c:v>45106</c:v>
                </c:pt>
                <c:pt idx="123">
                  <c:v>45107</c:v>
                </c:pt>
                <c:pt idx="124">
                  <c:v>45110</c:v>
                </c:pt>
                <c:pt idx="125">
                  <c:v>45112</c:v>
                </c:pt>
                <c:pt idx="126">
                  <c:v>45113</c:v>
                </c:pt>
                <c:pt idx="127">
                  <c:v>45114</c:v>
                </c:pt>
                <c:pt idx="128">
                  <c:v>45117</c:v>
                </c:pt>
                <c:pt idx="129">
                  <c:v>45118</c:v>
                </c:pt>
                <c:pt idx="130">
                  <c:v>45119</c:v>
                </c:pt>
                <c:pt idx="131">
                  <c:v>45120</c:v>
                </c:pt>
                <c:pt idx="132">
                  <c:v>45121</c:v>
                </c:pt>
                <c:pt idx="133">
                  <c:v>45124</c:v>
                </c:pt>
                <c:pt idx="134">
                  <c:v>45125</c:v>
                </c:pt>
                <c:pt idx="135">
                  <c:v>45126</c:v>
                </c:pt>
                <c:pt idx="136">
                  <c:v>45127</c:v>
                </c:pt>
                <c:pt idx="137">
                  <c:v>45128</c:v>
                </c:pt>
                <c:pt idx="138">
                  <c:v>45131</c:v>
                </c:pt>
                <c:pt idx="139">
                  <c:v>45132</c:v>
                </c:pt>
                <c:pt idx="140">
                  <c:v>45133</c:v>
                </c:pt>
                <c:pt idx="141">
                  <c:v>45134</c:v>
                </c:pt>
                <c:pt idx="142">
                  <c:v>45135</c:v>
                </c:pt>
                <c:pt idx="143">
                  <c:v>45138</c:v>
                </c:pt>
                <c:pt idx="144">
                  <c:v>45139</c:v>
                </c:pt>
                <c:pt idx="145">
                  <c:v>45140</c:v>
                </c:pt>
                <c:pt idx="146">
                  <c:v>45141</c:v>
                </c:pt>
                <c:pt idx="147">
                  <c:v>45142</c:v>
                </c:pt>
                <c:pt idx="148">
                  <c:v>45145</c:v>
                </c:pt>
                <c:pt idx="149">
                  <c:v>45146</c:v>
                </c:pt>
                <c:pt idx="150">
                  <c:v>45147</c:v>
                </c:pt>
                <c:pt idx="151">
                  <c:v>45148</c:v>
                </c:pt>
                <c:pt idx="152">
                  <c:v>45149</c:v>
                </c:pt>
                <c:pt idx="153">
                  <c:v>45152</c:v>
                </c:pt>
                <c:pt idx="154">
                  <c:v>45153</c:v>
                </c:pt>
                <c:pt idx="155">
                  <c:v>45154</c:v>
                </c:pt>
                <c:pt idx="156">
                  <c:v>45155</c:v>
                </c:pt>
                <c:pt idx="157">
                  <c:v>45156</c:v>
                </c:pt>
                <c:pt idx="158">
                  <c:v>45159</c:v>
                </c:pt>
                <c:pt idx="159">
                  <c:v>45160</c:v>
                </c:pt>
                <c:pt idx="160">
                  <c:v>45161</c:v>
                </c:pt>
                <c:pt idx="161">
                  <c:v>45162</c:v>
                </c:pt>
                <c:pt idx="162">
                  <c:v>45163</c:v>
                </c:pt>
                <c:pt idx="163">
                  <c:v>45166</c:v>
                </c:pt>
                <c:pt idx="164">
                  <c:v>45167</c:v>
                </c:pt>
                <c:pt idx="165">
                  <c:v>45168</c:v>
                </c:pt>
                <c:pt idx="166">
                  <c:v>45169</c:v>
                </c:pt>
                <c:pt idx="167">
                  <c:v>45170</c:v>
                </c:pt>
                <c:pt idx="168">
                  <c:v>45174</c:v>
                </c:pt>
                <c:pt idx="169">
                  <c:v>45175</c:v>
                </c:pt>
                <c:pt idx="170">
                  <c:v>45176</c:v>
                </c:pt>
                <c:pt idx="171">
                  <c:v>45177</c:v>
                </c:pt>
                <c:pt idx="172">
                  <c:v>45180</c:v>
                </c:pt>
                <c:pt idx="173">
                  <c:v>45181</c:v>
                </c:pt>
                <c:pt idx="174">
                  <c:v>45182</c:v>
                </c:pt>
                <c:pt idx="175">
                  <c:v>45183</c:v>
                </c:pt>
                <c:pt idx="176">
                  <c:v>45184</c:v>
                </c:pt>
                <c:pt idx="177">
                  <c:v>45187</c:v>
                </c:pt>
                <c:pt idx="178">
                  <c:v>45188</c:v>
                </c:pt>
                <c:pt idx="179">
                  <c:v>45189</c:v>
                </c:pt>
                <c:pt idx="180">
                  <c:v>45190</c:v>
                </c:pt>
                <c:pt idx="181">
                  <c:v>45191</c:v>
                </c:pt>
                <c:pt idx="182">
                  <c:v>45194</c:v>
                </c:pt>
                <c:pt idx="183">
                  <c:v>45195</c:v>
                </c:pt>
                <c:pt idx="184">
                  <c:v>45196</c:v>
                </c:pt>
                <c:pt idx="185">
                  <c:v>45197</c:v>
                </c:pt>
                <c:pt idx="186">
                  <c:v>45198</c:v>
                </c:pt>
              </c:numCache>
            </c:numRef>
          </c:cat>
          <c:val>
            <c:numRef>
              <c:f>'[Q3.2023 Market Outlook.xlsx]Big 7 vs. Indexes'!$C$3:$C$189</c:f>
            </c:numRef>
          </c:val>
          <c:smooth val="0"/>
          <c:extLst>
            <c:ext xmlns:c16="http://schemas.microsoft.com/office/drawing/2014/chart" uri="{C3380CC4-5D6E-409C-BE32-E72D297353CC}">
              <c16:uniqueId val="{00000000-74ED-41EE-A07D-DD9F6A403A65}"/>
            </c:ext>
          </c:extLst>
        </c:ser>
        <c:ser>
          <c:idx val="1"/>
          <c:order val="1"/>
          <c:tx>
            <c:v>S&amp;P 500 Index</c:v>
          </c:tx>
          <c:spPr>
            <a:ln w="19050" cap="rnd">
              <a:solidFill>
                <a:schemeClr val="accent2"/>
              </a:solidFill>
              <a:round/>
            </a:ln>
            <a:effectLst/>
          </c:spPr>
          <c:marker>
            <c:symbol val="none"/>
          </c:marker>
          <c:cat>
            <c:numRef>
              <c:f>'[Q3.2023 Market Outlook.xlsx]Big 7 vs. Indexes'!$B$3:$B$189</c:f>
              <c:numCache>
                <c:formatCode>mm/dd/yy</c:formatCode>
                <c:ptCount val="187"/>
                <c:pt idx="0">
                  <c:v>44925</c:v>
                </c:pt>
                <c:pt idx="1">
                  <c:v>44929</c:v>
                </c:pt>
                <c:pt idx="2">
                  <c:v>44930</c:v>
                </c:pt>
                <c:pt idx="3">
                  <c:v>44931</c:v>
                </c:pt>
                <c:pt idx="4">
                  <c:v>44932</c:v>
                </c:pt>
                <c:pt idx="5">
                  <c:v>44935</c:v>
                </c:pt>
                <c:pt idx="6">
                  <c:v>44936</c:v>
                </c:pt>
                <c:pt idx="7">
                  <c:v>44937</c:v>
                </c:pt>
                <c:pt idx="8">
                  <c:v>44938</c:v>
                </c:pt>
                <c:pt idx="9">
                  <c:v>44939</c:v>
                </c:pt>
                <c:pt idx="10">
                  <c:v>44943</c:v>
                </c:pt>
                <c:pt idx="11">
                  <c:v>44944</c:v>
                </c:pt>
                <c:pt idx="12">
                  <c:v>44945</c:v>
                </c:pt>
                <c:pt idx="13">
                  <c:v>44946</c:v>
                </c:pt>
                <c:pt idx="14">
                  <c:v>44949</c:v>
                </c:pt>
                <c:pt idx="15">
                  <c:v>44950</c:v>
                </c:pt>
                <c:pt idx="16">
                  <c:v>44951</c:v>
                </c:pt>
                <c:pt idx="17">
                  <c:v>44952</c:v>
                </c:pt>
                <c:pt idx="18">
                  <c:v>44953</c:v>
                </c:pt>
                <c:pt idx="19">
                  <c:v>44956</c:v>
                </c:pt>
                <c:pt idx="20">
                  <c:v>44957</c:v>
                </c:pt>
                <c:pt idx="21">
                  <c:v>44958</c:v>
                </c:pt>
                <c:pt idx="22">
                  <c:v>44959</c:v>
                </c:pt>
                <c:pt idx="23">
                  <c:v>44960</c:v>
                </c:pt>
                <c:pt idx="24">
                  <c:v>44963</c:v>
                </c:pt>
                <c:pt idx="25">
                  <c:v>44964</c:v>
                </c:pt>
                <c:pt idx="26">
                  <c:v>44965</c:v>
                </c:pt>
                <c:pt idx="27">
                  <c:v>44966</c:v>
                </c:pt>
                <c:pt idx="28">
                  <c:v>44967</c:v>
                </c:pt>
                <c:pt idx="29">
                  <c:v>44970</c:v>
                </c:pt>
                <c:pt idx="30">
                  <c:v>44971</c:v>
                </c:pt>
                <c:pt idx="31">
                  <c:v>44972</c:v>
                </c:pt>
                <c:pt idx="32">
                  <c:v>44973</c:v>
                </c:pt>
                <c:pt idx="33">
                  <c:v>44974</c:v>
                </c:pt>
                <c:pt idx="34">
                  <c:v>44978</c:v>
                </c:pt>
                <c:pt idx="35">
                  <c:v>44979</c:v>
                </c:pt>
                <c:pt idx="36">
                  <c:v>44980</c:v>
                </c:pt>
                <c:pt idx="37">
                  <c:v>44981</c:v>
                </c:pt>
                <c:pt idx="38">
                  <c:v>44984</c:v>
                </c:pt>
                <c:pt idx="39">
                  <c:v>44985</c:v>
                </c:pt>
                <c:pt idx="40">
                  <c:v>44986</c:v>
                </c:pt>
                <c:pt idx="41">
                  <c:v>44987</c:v>
                </c:pt>
                <c:pt idx="42">
                  <c:v>44988</c:v>
                </c:pt>
                <c:pt idx="43">
                  <c:v>44991</c:v>
                </c:pt>
                <c:pt idx="44">
                  <c:v>44992</c:v>
                </c:pt>
                <c:pt idx="45">
                  <c:v>44993</c:v>
                </c:pt>
                <c:pt idx="46">
                  <c:v>44994</c:v>
                </c:pt>
                <c:pt idx="47">
                  <c:v>44995</c:v>
                </c:pt>
                <c:pt idx="48">
                  <c:v>44998</c:v>
                </c:pt>
                <c:pt idx="49">
                  <c:v>44999</c:v>
                </c:pt>
                <c:pt idx="50">
                  <c:v>45000</c:v>
                </c:pt>
                <c:pt idx="51">
                  <c:v>45001</c:v>
                </c:pt>
                <c:pt idx="52">
                  <c:v>45002</c:v>
                </c:pt>
                <c:pt idx="53">
                  <c:v>45005</c:v>
                </c:pt>
                <c:pt idx="54">
                  <c:v>45006</c:v>
                </c:pt>
                <c:pt idx="55">
                  <c:v>45007</c:v>
                </c:pt>
                <c:pt idx="56">
                  <c:v>45008</c:v>
                </c:pt>
                <c:pt idx="57">
                  <c:v>45009</c:v>
                </c:pt>
                <c:pt idx="58">
                  <c:v>45012</c:v>
                </c:pt>
                <c:pt idx="59">
                  <c:v>45013</c:v>
                </c:pt>
                <c:pt idx="60">
                  <c:v>45014</c:v>
                </c:pt>
                <c:pt idx="61">
                  <c:v>45015</c:v>
                </c:pt>
                <c:pt idx="62">
                  <c:v>45016</c:v>
                </c:pt>
                <c:pt idx="63">
                  <c:v>45019</c:v>
                </c:pt>
                <c:pt idx="64">
                  <c:v>45020</c:v>
                </c:pt>
                <c:pt idx="65">
                  <c:v>45021</c:v>
                </c:pt>
                <c:pt idx="66">
                  <c:v>45022</c:v>
                </c:pt>
                <c:pt idx="67">
                  <c:v>45026</c:v>
                </c:pt>
                <c:pt idx="68">
                  <c:v>45027</c:v>
                </c:pt>
                <c:pt idx="69">
                  <c:v>45028</c:v>
                </c:pt>
                <c:pt idx="70">
                  <c:v>45029</c:v>
                </c:pt>
                <c:pt idx="71">
                  <c:v>45030</c:v>
                </c:pt>
                <c:pt idx="72">
                  <c:v>45033</c:v>
                </c:pt>
                <c:pt idx="73">
                  <c:v>45034</c:v>
                </c:pt>
                <c:pt idx="74">
                  <c:v>45035</c:v>
                </c:pt>
                <c:pt idx="75">
                  <c:v>45036</c:v>
                </c:pt>
                <c:pt idx="76">
                  <c:v>45037</c:v>
                </c:pt>
                <c:pt idx="77">
                  <c:v>45040</c:v>
                </c:pt>
                <c:pt idx="78">
                  <c:v>45041</c:v>
                </c:pt>
                <c:pt idx="79">
                  <c:v>45042</c:v>
                </c:pt>
                <c:pt idx="80">
                  <c:v>45043</c:v>
                </c:pt>
                <c:pt idx="81">
                  <c:v>45044</c:v>
                </c:pt>
                <c:pt idx="82">
                  <c:v>45047</c:v>
                </c:pt>
                <c:pt idx="83">
                  <c:v>45048</c:v>
                </c:pt>
                <c:pt idx="84">
                  <c:v>45049</c:v>
                </c:pt>
                <c:pt idx="85">
                  <c:v>45050</c:v>
                </c:pt>
                <c:pt idx="86">
                  <c:v>45051</c:v>
                </c:pt>
                <c:pt idx="87">
                  <c:v>45054</c:v>
                </c:pt>
                <c:pt idx="88">
                  <c:v>45055</c:v>
                </c:pt>
                <c:pt idx="89">
                  <c:v>45056</c:v>
                </c:pt>
                <c:pt idx="90">
                  <c:v>45057</c:v>
                </c:pt>
                <c:pt idx="91">
                  <c:v>45058</c:v>
                </c:pt>
                <c:pt idx="92">
                  <c:v>45061</c:v>
                </c:pt>
                <c:pt idx="93">
                  <c:v>45063</c:v>
                </c:pt>
                <c:pt idx="94">
                  <c:v>45064</c:v>
                </c:pt>
                <c:pt idx="95">
                  <c:v>45065</c:v>
                </c:pt>
                <c:pt idx="96">
                  <c:v>45068</c:v>
                </c:pt>
                <c:pt idx="97">
                  <c:v>45069</c:v>
                </c:pt>
                <c:pt idx="98">
                  <c:v>45070</c:v>
                </c:pt>
                <c:pt idx="99">
                  <c:v>45071</c:v>
                </c:pt>
                <c:pt idx="100">
                  <c:v>45072</c:v>
                </c:pt>
                <c:pt idx="101">
                  <c:v>45076</c:v>
                </c:pt>
                <c:pt idx="102">
                  <c:v>45077</c:v>
                </c:pt>
                <c:pt idx="103">
                  <c:v>45078</c:v>
                </c:pt>
                <c:pt idx="104">
                  <c:v>45079</c:v>
                </c:pt>
                <c:pt idx="105">
                  <c:v>45082</c:v>
                </c:pt>
                <c:pt idx="106">
                  <c:v>45083</c:v>
                </c:pt>
                <c:pt idx="107">
                  <c:v>45084</c:v>
                </c:pt>
                <c:pt idx="108">
                  <c:v>45085</c:v>
                </c:pt>
                <c:pt idx="109">
                  <c:v>45086</c:v>
                </c:pt>
                <c:pt idx="110">
                  <c:v>45089</c:v>
                </c:pt>
                <c:pt idx="111">
                  <c:v>45090</c:v>
                </c:pt>
                <c:pt idx="112">
                  <c:v>45091</c:v>
                </c:pt>
                <c:pt idx="113">
                  <c:v>45092</c:v>
                </c:pt>
                <c:pt idx="114">
                  <c:v>45093</c:v>
                </c:pt>
                <c:pt idx="115">
                  <c:v>45097</c:v>
                </c:pt>
                <c:pt idx="116">
                  <c:v>45098</c:v>
                </c:pt>
                <c:pt idx="117">
                  <c:v>45099</c:v>
                </c:pt>
                <c:pt idx="118">
                  <c:v>45100</c:v>
                </c:pt>
                <c:pt idx="119">
                  <c:v>45103</c:v>
                </c:pt>
                <c:pt idx="120">
                  <c:v>45104</c:v>
                </c:pt>
                <c:pt idx="121">
                  <c:v>45105</c:v>
                </c:pt>
                <c:pt idx="122">
                  <c:v>45106</c:v>
                </c:pt>
                <c:pt idx="123">
                  <c:v>45107</c:v>
                </c:pt>
                <c:pt idx="124">
                  <c:v>45110</c:v>
                </c:pt>
                <c:pt idx="125">
                  <c:v>45112</c:v>
                </c:pt>
                <c:pt idx="126">
                  <c:v>45113</c:v>
                </c:pt>
                <c:pt idx="127">
                  <c:v>45114</c:v>
                </c:pt>
                <c:pt idx="128">
                  <c:v>45117</c:v>
                </c:pt>
                <c:pt idx="129">
                  <c:v>45118</c:v>
                </c:pt>
                <c:pt idx="130">
                  <c:v>45119</c:v>
                </c:pt>
                <c:pt idx="131">
                  <c:v>45120</c:v>
                </c:pt>
                <c:pt idx="132">
                  <c:v>45121</c:v>
                </c:pt>
                <c:pt idx="133">
                  <c:v>45124</c:v>
                </c:pt>
                <c:pt idx="134">
                  <c:v>45125</c:v>
                </c:pt>
                <c:pt idx="135">
                  <c:v>45126</c:v>
                </c:pt>
                <c:pt idx="136">
                  <c:v>45127</c:v>
                </c:pt>
                <c:pt idx="137">
                  <c:v>45128</c:v>
                </c:pt>
                <c:pt idx="138">
                  <c:v>45131</c:v>
                </c:pt>
                <c:pt idx="139">
                  <c:v>45132</c:v>
                </c:pt>
                <c:pt idx="140">
                  <c:v>45133</c:v>
                </c:pt>
                <c:pt idx="141">
                  <c:v>45134</c:v>
                </c:pt>
                <c:pt idx="142">
                  <c:v>45135</c:v>
                </c:pt>
                <c:pt idx="143">
                  <c:v>45138</c:v>
                </c:pt>
                <c:pt idx="144">
                  <c:v>45139</c:v>
                </c:pt>
                <c:pt idx="145">
                  <c:v>45140</c:v>
                </c:pt>
                <c:pt idx="146">
                  <c:v>45141</c:v>
                </c:pt>
                <c:pt idx="147">
                  <c:v>45142</c:v>
                </c:pt>
                <c:pt idx="148">
                  <c:v>45145</c:v>
                </c:pt>
                <c:pt idx="149">
                  <c:v>45146</c:v>
                </c:pt>
                <c:pt idx="150">
                  <c:v>45147</c:v>
                </c:pt>
                <c:pt idx="151">
                  <c:v>45148</c:v>
                </c:pt>
                <c:pt idx="152">
                  <c:v>45149</c:v>
                </c:pt>
                <c:pt idx="153">
                  <c:v>45152</c:v>
                </c:pt>
                <c:pt idx="154">
                  <c:v>45153</c:v>
                </c:pt>
                <c:pt idx="155">
                  <c:v>45154</c:v>
                </c:pt>
                <c:pt idx="156">
                  <c:v>45155</c:v>
                </c:pt>
                <c:pt idx="157">
                  <c:v>45156</c:v>
                </c:pt>
                <c:pt idx="158">
                  <c:v>45159</c:v>
                </c:pt>
                <c:pt idx="159">
                  <c:v>45160</c:v>
                </c:pt>
                <c:pt idx="160">
                  <c:v>45161</c:v>
                </c:pt>
                <c:pt idx="161">
                  <c:v>45162</c:v>
                </c:pt>
                <c:pt idx="162">
                  <c:v>45163</c:v>
                </c:pt>
                <c:pt idx="163">
                  <c:v>45166</c:v>
                </c:pt>
                <c:pt idx="164">
                  <c:v>45167</c:v>
                </c:pt>
                <c:pt idx="165">
                  <c:v>45168</c:v>
                </c:pt>
                <c:pt idx="166">
                  <c:v>45169</c:v>
                </c:pt>
                <c:pt idx="167">
                  <c:v>45170</c:v>
                </c:pt>
                <c:pt idx="168">
                  <c:v>45174</c:v>
                </c:pt>
                <c:pt idx="169">
                  <c:v>45175</c:v>
                </c:pt>
                <c:pt idx="170">
                  <c:v>45176</c:v>
                </c:pt>
                <c:pt idx="171">
                  <c:v>45177</c:v>
                </c:pt>
                <c:pt idx="172">
                  <c:v>45180</c:v>
                </c:pt>
                <c:pt idx="173">
                  <c:v>45181</c:v>
                </c:pt>
                <c:pt idx="174">
                  <c:v>45182</c:v>
                </c:pt>
                <c:pt idx="175">
                  <c:v>45183</c:v>
                </c:pt>
                <c:pt idx="176">
                  <c:v>45184</c:v>
                </c:pt>
                <c:pt idx="177">
                  <c:v>45187</c:v>
                </c:pt>
                <c:pt idx="178">
                  <c:v>45188</c:v>
                </c:pt>
                <c:pt idx="179">
                  <c:v>45189</c:v>
                </c:pt>
                <c:pt idx="180">
                  <c:v>45190</c:v>
                </c:pt>
                <c:pt idx="181">
                  <c:v>45191</c:v>
                </c:pt>
                <c:pt idx="182">
                  <c:v>45194</c:v>
                </c:pt>
                <c:pt idx="183">
                  <c:v>45195</c:v>
                </c:pt>
                <c:pt idx="184">
                  <c:v>45196</c:v>
                </c:pt>
                <c:pt idx="185">
                  <c:v>45197</c:v>
                </c:pt>
                <c:pt idx="186">
                  <c:v>45198</c:v>
                </c:pt>
              </c:numCache>
            </c:numRef>
          </c:cat>
          <c:val>
            <c:numRef>
              <c:f>'[Q3.2023 Market Outlook.xlsx]Big 7 vs. Indexes'!$D$3:$D$189</c:f>
              <c:numCache>
                <c:formatCode>#,##0.00</c:formatCode>
                <c:ptCount val="187"/>
                <c:pt idx="0">
                  <c:v>100</c:v>
                </c:pt>
                <c:pt idx="1">
                  <c:v>99.603613913493021</c:v>
                </c:pt>
                <c:pt idx="2">
                  <c:v>100.36254936236298</c:v>
                </c:pt>
                <c:pt idx="3">
                  <c:v>99.213875595437955</c:v>
                </c:pt>
                <c:pt idx="4">
                  <c:v>101.49987024787099</c:v>
                </c:pt>
                <c:pt idx="5">
                  <c:v>101.44188336263203</c:v>
                </c:pt>
                <c:pt idx="6">
                  <c:v>102.13977108410397</c:v>
                </c:pt>
                <c:pt idx="7">
                  <c:v>103.42687812171901</c:v>
                </c:pt>
                <c:pt idx="8">
                  <c:v>103.78041442360497</c:v>
                </c:pt>
                <c:pt idx="9">
                  <c:v>104.18371216443703</c:v>
                </c:pt>
                <c:pt idx="10">
                  <c:v>103.98087308843901</c:v>
                </c:pt>
                <c:pt idx="11">
                  <c:v>102.42466532309901</c:v>
                </c:pt>
                <c:pt idx="12">
                  <c:v>101.67332399088194</c:v>
                </c:pt>
                <c:pt idx="13">
                  <c:v>103.567339237254</c:v>
                </c:pt>
                <c:pt idx="14">
                  <c:v>104.75556669761799</c:v>
                </c:pt>
                <c:pt idx="15">
                  <c:v>104.68672209074695</c:v>
                </c:pt>
                <c:pt idx="16">
                  <c:v>104.66955485217802</c:v>
                </c:pt>
                <c:pt idx="17">
                  <c:v>105.77755753129001</c:v>
                </c:pt>
                <c:pt idx="18">
                  <c:v>106.02878351445595</c:v>
                </c:pt>
                <c:pt idx="19">
                  <c:v>104.74121455484394</c:v>
                </c:pt>
                <c:pt idx="20">
                  <c:v>106.207447542126</c:v>
                </c:pt>
                <c:pt idx="21">
                  <c:v>107.25318420771998</c:v>
                </c:pt>
                <c:pt idx="22">
                  <c:v>108.72858318343398</c:v>
                </c:pt>
                <c:pt idx="23">
                  <c:v>107.69757890214601</c:v>
                </c:pt>
                <c:pt idx="24">
                  <c:v>107.09029232732698</c:v>
                </c:pt>
                <c:pt idx="25">
                  <c:v>108.37929755293692</c:v>
                </c:pt>
                <c:pt idx="26">
                  <c:v>107.27442180075697</c:v>
                </c:pt>
                <c:pt idx="27">
                  <c:v>106.406502550482</c:v>
                </c:pt>
                <c:pt idx="28">
                  <c:v>106.64650251551201</c:v>
                </c:pt>
                <c:pt idx="29">
                  <c:v>107.80673574180493</c:v>
                </c:pt>
                <c:pt idx="30">
                  <c:v>107.79094208108195</c:v>
                </c:pt>
                <c:pt idx="31">
                  <c:v>108.09343899242099</c:v>
                </c:pt>
                <c:pt idx="32">
                  <c:v>106.72360983792095</c:v>
                </c:pt>
                <c:pt idx="33">
                  <c:v>106.46548250397899</c:v>
                </c:pt>
                <c:pt idx="34">
                  <c:v>104.46201791274393</c:v>
                </c:pt>
                <c:pt idx="35">
                  <c:v>104.30648373948502</c:v>
                </c:pt>
                <c:pt idx="36">
                  <c:v>104.84769260675502</c:v>
                </c:pt>
                <c:pt idx="37">
                  <c:v>103.79826858516105</c:v>
                </c:pt>
                <c:pt idx="38">
                  <c:v>104.117990233135</c:v>
                </c:pt>
                <c:pt idx="39">
                  <c:v>103.82451463759995</c:v>
                </c:pt>
                <c:pt idx="40">
                  <c:v>103.35800218502099</c:v>
                </c:pt>
                <c:pt idx="41">
                  <c:v>104.13172623129898</c:v>
                </c:pt>
                <c:pt idx="42">
                  <c:v>105.754959980488</c:v>
                </c:pt>
                <c:pt idx="43">
                  <c:v>105.82743807155893</c:v>
                </c:pt>
                <c:pt idx="44">
                  <c:v>104.29749119167695</c:v>
                </c:pt>
                <c:pt idx="45">
                  <c:v>104.44769554792897</c:v>
                </c:pt>
                <c:pt idx="46">
                  <c:v>102.61789249320101</c:v>
                </c:pt>
                <c:pt idx="47">
                  <c:v>101.17785451151603</c:v>
                </c:pt>
                <c:pt idx="48">
                  <c:v>101.02924129434805</c:v>
                </c:pt>
                <c:pt idx="49">
                  <c:v>102.70093755595094</c:v>
                </c:pt>
                <c:pt idx="50">
                  <c:v>102.00641295334003</c:v>
                </c:pt>
                <c:pt idx="51">
                  <c:v>103.777435350766</c:v>
                </c:pt>
                <c:pt idx="52">
                  <c:v>102.67784766394703</c:v>
                </c:pt>
                <c:pt idx="53">
                  <c:v>103.57050923125898</c:v>
                </c:pt>
                <c:pt idx="54">
                  <c:v>104.87620397122102</c:v>
                </c:pt>
                <c:pt idx="55">
                  <c:v>103.23743190414093</c:v>
                </c:pt>
                <c:pt idx="56">
                  <c:v>103.54442214870002</c:v>
                </c:pt>
                <c:pt idx="57">
                  <c:v>104.10890026479302</c:v>
                </c:pt>
                <c:pt idx="58">
                  <c:v>104.27363882367696</c:v>
                </c:pt>
                <c:pt idx="59">
                  <c:v>104.11866640626899</c:v>
                </c:pt>
                <c:pt idx="60">
                  <c:v>105.54243361233996</c:v>
                </c:pt>
                <c:pt idx="61">
                  <c:v>106.12747766065098</c:v>
                </c:pt>
                <c:pt idx="62">
                  <c:v>107.574995190084</c:v>
                </c:pt>
                <c:pt idx="63">
                  <c:v>107.94492455544098</c:v>
                </c:pt>
                <c:pt idx="64">
                  <c:v>107.37432527115598</c:v>
                </c:pt>
                <c:pt idx="65">
                  <c:v>107.13764671658902</c:v>
                </c:pt>
                <c:pt idx="66">
                  <c:v>107.51649604839801</c:v>
                </c:pt>
                <c:pt idx="67">
                  <c:v>107.61839514914601</c:v>
                </c:pt>
                <c:pt idx="68">
                  <c:v>107.61422529204603</c:v>
                </c:pt>
                <c:pt idx="69">
                  <c:v>107.202865904452</c:v>
                </c:pt>
                <c:pt idx="70">
                  <c:v>108.54495408278696</c:v>
                </c:pt>
                <c:pt idx="71">
                  <c:v>108.33831216714999</c:v>
                </c:pt>
                <c:pt idx="72">
                  <c:v>108.670763399111</c:v>
                </c:pt>
                <c:pt idx="73">
                  <c:v>108.75622326971799</c:v>
                </c:pt>
                <c:pt idx="74">
                  <c:v>108.74777257109102</c:v>
                </c:pt>
                <c:pt idx="75">
                  <c:v>108.16324720464898</c:v>
                </c:pt>
                <c:pt idx="76">
                  <c:v>108.25535054227795</c:v>
                </c:pt>
                <c:pt idx="77">
                  <c:v>108.340586973219</c:v>
                </c:pt>
                <c:pt idx="78">
                  <c:v>106.76367845613098</c:v>
                </c:pt>
                <c:pt idx="79">
                  <c:v>106.380079400328</c:v>
                </c:pt>
                <c:pt idx="80">
                  <c:v>108.33915015353696</c:v>
                </c:pt>
                <c:pt idx="81">
                  <c:v>109.17524176201898</c:v>
                </c:pt>
                <c:pt idx="82">
                  <c:v>109.13680803198402</c:v>
                </c:pt>
                <c:pt idx="83">
                  <c:v>107.97908531565601</c:v>
                </c:pt>
                <c:pt idx="84">
                  <c:v>107.28035207840205</c:v>
                </c:pt>
                <c:pt idx="85">
                  <c:v>106.56940999008302</c:v>
                </c:pt>
                <c:pt idx="86">
                  <c:v>108.42258939208509</c:v>
                </c:pt>
                <c:pt idx="87">
                  <c:v>108.46943914231997</c:v>
                </c:pt>
                <c:pt idx="88">
                  <c:v>108.01856092015404</c:v>
                </c:pt>
                <c:pt idx="89">
                  <c:v>108.46970192314703</c:v>
                </c:pt>
                <c:pt idx="90">
                  <c:v>108.321214668419</c:v>
                </c:pt>
                <c:pt idx="91">
                  <c:v>108.18552361190298</c:v>
                </c:pt>
                <c:pt idx="92">
                  <c:v>108.49493878594501</c:v>
                </c:pt>
                <c:pt idx="93">
                  <c:v>109.703751719469</c:v>
                </c:pt>
                <c:pt idx="94">
                  <c:v>110.66635292762597</c:v>
                </c:pt>
                <c:pt idx="95">
                  <c:v>110.524230497563</c:v>
                </c:pt>
                <c:pt idx="96">
                  <c:v>110.55127350615103</c:v>
                </c:pt>
                <c:pt idx="97">
                  <c:v>109.43087601128701</c:v>
                </c:pt>
                <c:pt idx="98">
                  <c:v>108.70092789416597</c:v>
                </c:pt>
                <c:pt idx="99">
                  <c:v>109.57997399003203</c:v>
                </c:pt>
                <c:pt idx="100">
                  <c:v>110.89192269686004</c:v>
                </c:pt>
                <c:pt idx="101">
                  <c:v>110.90025072208</c:v>
                </c:pt>
                <c:pt idx="102">
                  <c:v>110.31010834967806</c:v>
                </c:pt>
                <c:pt idx="103">
                  <c:v>111.31394512532296</c:v>
                </c:pt>
                <c:pt idx="104">
                  <c:v>112.77319920211499</c:v>
                </c:pt>
                <c:pt idx="105">
                  <c:v>112.57459161308694</c:v>
                </c:pt>
                <c:pt idx="106">
                  <c:v>112.81255486885397</c:v>
                </c:pt>
                <c:pt idx="107">
                  <c:v>112.43422422659303</c:v>
                </c:pt>
                <c:pt idx="108">
                  <c:v>113.06458736120797</c:v>
                </c:pt>
                <c:pt idx="109">
                  <c:v>113.18215868333999</c:v>
                </c:pt>
                <c:pt idx="110">
                  <c:v>114.11443255193602</c:v>
                </c:pt>
                <c:pt idx="111">
                  <c:v>114.81165604135097</c:v>
                </c:pt>
                <c:pt idx="112">
                  <c:v>114.91708951873397</c:v>
                </c:pt>
                <c:pt idx="113">
                  <c:v>116.15273565881502</c:v>
                </c:pt>
                <c:pt idx="114">
                  <c:v>115.78735545058601</c:v>
                </c:pt>
                <c:pt idx="115">
                  <c:v>115.31439512235502</c:v>
                </c:pt>
                <c:pt idx="116">
                  <c:v>114.79638770851793</c:v>
                </c:pt>
                <c:pt idx="117">
                  <c:v>115.17639439879602</c:v>
                </c:pt>
                <c:pt idx="118">
                  <c:v>114.41133400128298</c:v>
                </c:pt>
                <c:pt idx="119">
                  <c:v>113.96467716316904</c:v>
                </c:pt>
                <c:pt idx="120">
                  <c:v>115.11010935154704</c:v>
                </c:pt>
                <c:pt idx="121">
                  <c:v>115.07489988776697</c:v>
                </c:pt>
                <c:pt idx="122">
                  <c:v>115.53403875100896</c:v>
                </c:pt>
                <c:pt idx="123">
                  <c:v>116.764538406353</c:v>
                </c:pt>
                <c:pt idx="124">
                  <c:v>116.88673186406298</c:v>
                </c:pt>
                <c:pt idx="125">
                  <c:v>116.70226806610704</c:v>
                </c:pt>
                <c:pt idx="126">
                  <c:v>115.91758152011103</c:v>
                </c:pt>
                <c:pt idx="127">
                  <c:v>115.64725166871497</c:v>
                </c:pt>
                <c:pt idx="128">
                  <c:v>115.88841330849095</c:v>
                </c:pt>
                <c:pt idx="129">
                  <c:v>116.56431940937604</c:v>
                </c:pt>
                <c:pt idx="130">
                  <c:v>117.30780084076599</c:v>
                </c:pt>
                <c:pt idx="131">
                  <c:v>118.16540240194009</c:v>
                </c:pt>
                <c:pt idx="132">
                  <c:v>118.06623845711304</c:v>
                </c:pt>
                <c:pt idx="133">
                  <c:v>118.451835339951</c:v>
                </c:pt>
                <c:pt idx="134">
                  <c:v>119.16342761168603</c:v>
                </c:pt>
                <c:pt idx="135">
                  <c:v>119.40097010401701</c:v>
                </c:pt>
                <c:pt idx="136">
                  <c:v>118.73500215524105</c:v>
                </c:pt>
                <c:pt idx="137">
                  <c:v>118.76743933491399</c:v>
                </c:pt>
                <c:pt idx="138">
                  <c:v>119.17249039776701</c:v>
                </c:pt>
                <c:pt idx="139">
                  <c:v>119.45575077734598</c:v>
                </c:pt>
                <c:pt idx="140">
                  <c:v>119.44161116581297</c:v>
                </c:pt>
                <c:pt idx="141">
                  <c:v>118.80609048900904</c:v>
                </c:pt>
                <c:pt idx="142">
                  <c:v>119.80354229814598</c:v>
                </c:pt>
                <c:pt idx="143">
                  <c:v>119.95331575437001</c:v>
                </c:pt>
                <c:pt idx="144">
                  <c:v>119.68921244384701</c:v>
                </c:pt>
                <c:pt idx="145">
                  <c:v>118.30632221061396</c:v>
                </c:pt>
                <c:pt idx="146">
                  <c:v>118.05625986975802</c:v>
                </c:pt>
                <c:pt idx="147">
                  <c:v>117.53367447848397</c:v>
                </c:pt>
                <c:pt idx="148">
                  <c:v>118.43862324552296</c:v>
                </c:pt>
                <c:pt idx="149">
                  <c:v>118.01753948039796</c:v>
                </c:pt>
                <c:pt idx="150">
                  <c:v>117.32231776462699</c:v>
                </c:pt>
                <c:pt idx="151">
                  <c:v>117.36013806663696</c:v>
                </c:pt>
                <c:pt idx="152">
                  <c:v>117.26739345467304</c:v>
                </c:pt>
                <c:pt idx="153">
                  <c:v>117.84861271357103</c:v>
                </c:pt>
                <c:pt idx="154">
                  <c:v>116.70880144676399</c:v>
                </c:pt>
                <c:pt idx="155">
                  <c:v>115.96916734953798</c:v>
                </c:pt>
                <c:pt idx="156">
                  <c:v>115.21724880399596</c:v>
                </c:pt>
                <c:pt idx="157">
                  <c:v>115.20905508227705</c:v>
                </c:pt>
                <c:pt idx="158">
                  <c:v>115.89888301925197</c:v>
                </c:pt>
                <c:pt idx="159">
                  <c:v>115.62265019517397</c:v>
                </c:pt>
                <c:pt idx="160">
                  <c:v>116.72907543366898</c:v>
                </c:pt>
                <c:pt idx="161">
                  <c:v>115.38606028015396</c:v>
                </c:pt>
                <c:pt idx="162">
                  <c:v>116.069812708505</c:v>
                </c:pt>
                <c:pt idx="163">
                  <c:v>116.69754644917099</c:v>
                </c:pt>
                <c:pt idx="164">
                  <c:v>118.15149084153694</c:v>
                </c:pt>
                <c:pt idx="165">
                  <c:v>118.55144575729598</c:v>
                </c:pt>
                <c:pt idx="166">
                  <c:v>118.41486681990294</c:v>
                </c:pt>
                <c:pt idx="167">
                  <c:v>118.59991739748594</c:v>
                </c:pt>
                <c:pt idx="168">
                  <c:v>118.18474341225702</c:v>
                </c:pt>
                <c:pt idx="169">
                  <c:v>117.49028770910299</c:v>
                </c:pt>
                <c:pt idx="170">
                  <c:v>117.18271915714493</c:v>
                </c:pt>
                <c:pt idx="171">
                  <c:v>117.33263187487297</c:v>
                </c:pt>
                <c:pt idx="172">
                  <c:v>118.00508561343199</c:v>
                </c:pt>
                <c:pt idx="173">
                  <c:v>117.439388846744</c:v>
                </c:pt>
                <c:pt idx="174">
                  <c:v>117.56434232178293</c:v>
                </c:pt>
                <c:pt idx="175">
                  <c:v>118.43552185088998</c:v>
                </c:pt>
                <c:pt idx="176">
                  <c:v>117.22365081494898</c:v>
                </c:pt>
                <c:pt idx="177">
                  <c:v>117.29732876594697</c:v>
                </c:pt>
                <c:pt idx="178">
                  <c:v>117.08207728192095</c:v>
                </c:pt>
                <c:pt idx="179">
                  <c:v>116.14933267073393</c:v>
                </c:pt>
                <c:pt idx="180">
                  <c:v>114.512542418517</c:v>
                </c:pt>
                <c:pt idx="181">
                  <c:v>114.28451786335899</c:v>
                </c:pt>
                <c:pt idx="182">
                  <c:v>114.68825406518992</c:v>
                </c:pt>
                <c:pt idx="183">
                  <c:v>113.22123377440596</c:v>
                </c:pt>
                <c:pt idx="184">
                  <c:v>113.24619746171402</c:v>
                </c:pt>
                <c:pt idx="185">
                  <c:v>113.84876271559392</c:v>
                </c:pt>
                <c:pt idx="186">
                  <c:v>113.58111480852899</c:v>
                </c:pt>
              </c:numCache>
            </c:numRef>
          </c:val>
          <c:smooth val="0"/>
          <c:extLst>
            <c:ext xmlns:c16="http://schemas.microsoft.com/office/drawing/2014/chart" uri="{C3380CC4-5D6E-409C-BE32-E72D297353CC}">
              <c16:uniqueId val="{00000001-74ED-41EE-A07D-DD9F6A403A65}"/>
            </c:ext>
          </c:extLst>
        </c:ser>
        <c:ser>
          <c:idx val="2"/>
          <c:order val="2"/>
          <c:spPr>
            <a:ln w="28575" cap="rnd">
              <a:solidFill>
                <a:schemeClr val="accent3"/>
              </a:solidFill>
              <a:round/>
            </a:ln>
            <a:effectLst/>
          </c:spPr>
          <c:marker>
            <c:symbol val="circle"/>
            <c:size val="5"/>
            <c:spPr>
              <a:solidFill>
                <a:schemeClr val="accent3"/>
              </a:solidFill>
              <a:ln w="9525">
                <a:solidFill>
                  <a:schemeClr val="accent3"/>
                </a:solidFill>
              </a:ln>
              <a:effectLst/>
            </c:spPr>
          </c:marker>
          <c:cat>
            <c:numRef>
              <c:f>'[Q3.2023 Market Outlook.xlsx]Big 7 vs. Indexes'!$B$3:$B$189</c:f>
              <c:numCache>
                <c:formatCode>mm/dd/yy</c:formatCode>
                <c:ptCount val="187"/>
                <c:pt idx="0">
                  <c:v>44925</c:v>
                </c:pt>
                <c:pt idx="1">
                  <c:v>44929</c:v>
                </c:pt>
                <c:pt idx="2">
                  <c:v>44930</c:v>
                </c:pt>
                <c:pt idx="3">
                  <c:v>44931</c:v>
                </c:pt>
                <c:pt idx="4">
                  <c:v>44932</c:v>
                </c:pt>
                <c:pt idx="5">
                  <c:v>44935</c:v>
                </c:pt>
                <c:pt idx="6">
                  <c:v>44936</c:v>
                </c:pt>
                <c:pt idx="7">
                  <c:v>44937</c:v>
                </c:pt>
                <c:pt idx="8">
                  <c:v>44938</c:v>
                </c:pt>
                <c:pt idx="9">
                  <c:v>44939</c:v>
                </c:pt>
                <c:pt idx="10">
                  <c:v>44943</c:v>
                </c:pt>
                <c:pt idx="11">
                  <c:v>44944</c:v>
                </c:pt>
                <c:pt idx="12">
                  <c:v>44945</c:v>
                </c:pt>
                <c:pt idx="13">
                  <c:v>44946</c:v>
                </c:pt>
                <c:pt idx="14">
                  <c:v>44949</c:v>
                </c:pt>
                <c:pt idx="15">
                  <c:v>44950</c:v>
                </c:pt>
                <c:pt idx="16">
                  <c:v>44951</c:v>
                </c:pt>
                <c:pt idx="17">
                  <c:v>44952</c:v>
                </c:pt>
                <c:pt idx="18">
                  <c:v>44953</c:v>
                </c:pt>
                <c:pt idx="19">
                  <c:v>44956</c:v>
                </c:pt>
                <c:pt idx="20">
                  <c:v>44957</c:v>
                </c:pt>
                <c:pt idx="21">
                  <c:v>44958</c:v>
                </c:pt>
                <c:pt idx="22">
                  <c:v>44959</c:v>
                </c:pt>
                <c:pt idx="23">
                  <c:v>44960</c:v>
                </c:pt>
                <c:pt idx="24">
                  <c:v>44963</c:v>
                </c:pt>
                <c:pt idx="25">
                  <c:v>44964</c:v>
                </c:pt>
                <c:pt idx="26">
                  <c:v>44965</c:v>
                </c:pt>
                <c:pt idx="27">
                  <c:v>44966</c:v>
                </c:pt>
                <c:pt idx="28">
                  <c:v>44967</c:v>
                </c:pt>
                <c:pt idx="29">
                  <c:v>44970</c:v>
                </c:pt>
                <c:pt idx="30">
                  <c:v>44971</c:v>
                </c:pt>
                <c:pt idx="31">
                  <c:v>44972</c:v>
                </c:pt>
                <c:pt idx="32">
                  <c:v>44973</c:v>
                </c:pt>
                <c:pt idx="33">
                  <c:v>44974</c:v>
                </c:pt>
                <c:pt idx="34">
                  <c:v>44978</c:v>
                </c:pt>
                <c:pt idx="35">
                  <c:v>44979</c:v>
                </c:pt>
                <c:pt idx="36">
                  <c:v>44980</c:v>
                </c:pt>
                <c:pt idx="37">
                  <c:v>44981</c:v>
                </c:pt>
                <c:pt idx="38">
                  <c:v>44984</c:v>
                </c:pt>
                <c:pt idx="39">
                  <c:v>44985</c:v>
                </c:pt>
                <c:pt idx="40">
                  <c:v>44986</c:v>
                </c:pt>
                <c:pt idx="41">
                  <c:v>44987</c:v>
                </c:pt>
                <c:pt idx="42">
                  <c:v>44988</c:v>
                </c:pt>
                <c:pt idx="43">
                  <c:v>44991</c:v>
                </c:pt>
                <c:pt idx="44">
                  <c:v>44992</c:v>
                </c:pt>
                <c:pt idx="45">
                  <c:v>44993</c:v>
                </c:pt>
                <c:pt idx="46">
                  <c:v>44994</c:v>
                </c:pt>
                <c:pt idx="47">
                  <c:v>44995</c:v>
                </c:pt>
                <c:pt idx="48">
                  <c:v>44998</c:v>
                </c:pt>
                <c:pt idx="49">
                  <c:v>44999</c:v>
                </c:pt>
                <c:pt idx="50">
                  <c:v>45000</c:v>
                </c:pt>
                <c:pt idx="51">
                  <c:v>45001</c:v>
                </c:pt>
                <c:pt idx="52">
                  <c:v>45002</c:v>
                </c:pt>
                <c:pt idx="53">
                  <c:v>45005</c:v>
                </c:pt>
                <c:pt idx="54">
                  <c:v>45006</c:v>
                </c:pt>
                <c:pt idx="55">
                  <c:v>45007</c:v>
                </c:pt>
                <c:pt idx="56">
                  <c:v>45008</c:v>
                </c:pt>
                <c:pt idx="57">
                  <c:v>45009</c:v>
                </c:pt>
                <c:pt idx="58">
                  <c:v>45012</c:v>
                </c:pt>
                <c:pt idx="59">
                  <c:v>45013</c:v>
                </c:pt>
                <c:pt idx="60">
                  <c:v>45014</c:v>
                </c:pt>
                <c:pt idx="61">
                  <c:v>45015</c:v>
                </c:pt>
                <c:pt idx="62">
                  <c:v>45016</c:v>
                </c:pt>
                <c:pt idx="63">
                  <c:v>45019</c:v>
                </c:pt>
                <c:pt idx="64">
                  <c:v>45020</c:v>
                </c:pt>
                <c:pt idx="65">
                  <c:v>45021</c:v>
                </c:pt>
                <c:pt idx="66">
                  <c:v>45022</c:v>
                </c:pt>
                <c:pt idx="67">
                  <c:v>45026</c:v>
                </c:pt>
                <c:pt idx="68">
                  <c:v>45027</c:v>
                </c:pt>
                <c:pt idx="69">
                  <c:v>45028</c:v>
                </c:pt>
                <c:pt idx="70">
                  <c:v>45029</c:v>
                </c:pt>
                <c:pt idx="71">
                  <c:v>45030</c:v>
                </c:pt>
                <c:pt idx="72">
                  <c:v>45033</c:v>
                </c:pt>
                <c:pt idx="73">
                  <c:v>45034</c:v>
                </c:pt>
                <c:pt idx="74">
                  <c:v>45035</c:v>
                </c:pt>
                <c:pt idx="75">
                  <c:v>45036</c:v>
                </c:pt>
                <c:pt idx="76">
                  <c:v>45037</c:v>
                </c:pt>
                <c:pt idx="77">
                  <c:v>45040</c:v>
                </c:pt>
                <c:pt idx="78">
                  <c:v>45041</c:v>
                </c:pt>
                <c:pt idx="79">
                  <c:v>45042</c:v>
                </c:pt>
                <c:pt idx="80">
                  <c:v>45043</c:v>
                </c:pt>
                <c:pt idx="81">
                  <c:v>45044</c:v>
                </c:pt>
                <c:pt idx="82">
                  <c:v>45047</c:v>
                </c:pt>
                <c:pt idx="83">
                  <c:v>45048</c:v>
                </c:pt>
                <c:pt idx="84">
                  <c:v>45049</c:v>
                </c:pt>
                <c:pt idx="85">
                  <c:v>45050</c:v>
                </c:pt>
                <c:pt idx="86">
                  <c:v>45051</c:v>
                </c:pt>
                <c:pt idx="87">
                  <c:v>45054</c:v>
                </c:pt>
                <c:pt idx="88">
                  <c:v>45055</c:v>
                </c:pt>
                <c:pt idx="89">
                  <c:v>45056</c:v>
                </c:pt>
                <c:pt idx="90">
                  <c:v>45057</c:v>
                </c:pt>
                <c:pt idx="91">
                  <c:v>45058</c:v>
                </c:pt>
                <c:pt idx="92">
                  <c:v>45061</c:v>
                </c:pt>
                <c:pt idx="93">
                  <c:v>45063</c:v>
                </c:pt>
                <c:pt idx="94">
                  <c:v>45064</c:v>
                </c:pt>
                <c:pt idx="95">
                  <c:v>45065</c:v>
                </c:pt>
                <c:pt idx="96">
                  <c:v>45068</c:v>
                </c:pt>
                <c:pt idx="97">
                  <c:v>45069</c:v>
                </c:pt>
                <c:pt idx="98">
                  <c:v>45070</c:v>
                </c:pt>
                <c:pt idx="99">
                  <c:v>45071</c:v>
                </c:pt>
                <c:pt idx="100">
                  <c:v>45072</c:v>
                </c:pt>
                <c:pt idx="101">
                  <c:v>45076</c:v>
                </c:pt>
                <c:pt idx="102">
                  <c:v>45077</c:v>
                </c:pt>
                <c:pt idx="103">
                  <c:v>45078</c:v>
                </c:pt>
                <c:pt idx="104">
                  <c:v>45079</c:v>
                </c:pt>
                <c:pt idx="105">
                  <c:v>45082</c:v>
                </c:pt>
                <c:pt idx="106">
                  <c:v>45083</c:v>
                </c:pt>
                <c:pt idx="107">
                  <c:v>45084</c:v>
                </c:pt>
                <c:pt idx="108">
                  <c:v>45085</c:v>
                </c:pt>
                <c:pt idx="109">
                  <c:v>45086</c:v>
                </c:pt>
                <c:pt idx="110">
                  <c:v>45089</c:v>
                </c:pt>
                <c:pt idx="111">
                  <c:v>45090</c:v>
                </c:pt>
                <c:pt idx="112">
                  <c:v>45091</c:v>
                </c:pt>
                <c:pt idx="113">
                  <c:v>45092</c:v>
                </c:pt>
                <c:pt idx="114">
                  <c:v>45093</c:v>
                </c:pt>
                <c:pt idx="115">
                  <c:v>45097</c:v>
                </c:pt>
                <c:pt idx="116">
                  <c:v>45098</c:v>
                </c:pt>
                <c:pt idx="117">
                  <c:v>45099</c:v>
                </c:pt>
                <c:pt idx="118">
                  <c:v>45100</c:v>
                </c:pt>
                <c:pt idx="119">
                  <c:v>45103</c:v>
                </c:pt>
                <c:pt idx="120">
                  <c:v>45104</c:v>
                </c:pt>
                <c:pt idx="121">
                  <c:v>45105</c:v>
                </c:pt>
                <c:pt idx="122">
                  <c:v>45106</c:v>
                </c:pt>
                <c:pt idx="123">
                  <c:v>45107</c:v>
                </c:pt>
                <c:pt idx="124">
                  <c:v>45110</c:v>
                </c:pt>
                <c:pt idx="125">
                  <c:v>45112</c:v>
                </c:pt>
                <c:pt idx="126">
                  <c:v>45113</c:v>
                </c:pt>
                <c:pt idx="127">
                  <c:v>45114</c:v>
                </c:pt>
                <c:pt idx="128">
                  <c:v>45117</c:v>
                </c:pt>
                <c:pt idx="129">
                  <c:v>45118</c:v>
                </c:pt>
                <c:pt idx="130">
                  <c:v>45119</c:v>
                </c:pt>
                <c:pt idx="131">
                  <c:v>45120</c:v>
                </c:pt>
                <c:pt idx="132">
                  <c:v>45121</c:v>
                </c:pt>
                <c:pt idx="133">
                  <c:v>45124</c:v>
                </c:pt>
                <c:pt idx="134">
                  <c:v>45125</c:v>
                </c:pt>
                <c:pt idx="135">
                  <c:v>45126</c:v>
                </c:pt>
                <c:pt idx="136">
                  <c:v>45127</c:v>
                </c:pt>
                <c:pt idx="137">
                  <c:v>45128</c:v>
                </c:pt>
                <c:pt idx="138">
                  <c:v>45131</c:v>
                </c:pt>
                <c:pt idx="139">
                  <c:v>45132</c:v>
                </c:pt>
                <c:pt idx="140">
                  <c:v>45133</c:v>
                </c:pt>
                <c:pt idx="141">
                  <c:v>45134</c:v>
                </c:pt>
                <c:pt idx="142">
                  <c:v>45135</c:v>
                </c:pt>
                <c:pt idx="143">
                  <c:v>45138</c:v>
                </c:pt>
                <c:pt idx="144">
                  <c:v>45139</c:v>
                </c:pt>
                <c:pt idx="145">
                  <c:v>45140</c:v>
                </c:pt>
                <c:pt idx="146">
                  <c:v>45141</c:v>
                </c:pt>
                <c:pt idx="147">
                  <c:v>45142</c:v>
                </c:pt>
                <c:pt idx="148">
                  <c:v>45145</c:v>
                </c:pt>
                <c:pt idx="149">
                  <c:v>45146</c:v>
                </c:pt>
                <c:pt idx="150">
                  <c:v>45147</c:v>
                </c:pt>
                <c:pt idx="151">
                  <c:v>45148</c:v>
                </c:pt>
                <c:pt idx="152">
                  <c:v>45149</c:v>
                </c:pt>
                <c:pt idx="153">
                  <c:v>45152</c:v>
                </c:pt>
                <c:pt idx="154">
                  <c:v>45153</c:v>
                </c:pt>
                <c:pt idx="155">
                  <c:v>45154</c:v>
                </c:pt>
                <c:pt idx="156">
                  <c:v>45155</c:v>
                </c:pt>
                <c:pt idx="157">
                  <c:v>45156</c:v>
                </c:pt>
                <c:pt idx="158">
                  <c:v>45159</c:v>
                </c:pt>
                <c:pt idx="159">
                  <c:v>45160</c:v>
                </c:pt>
                <c:pt idx="160">
                  <c:v>45161</c:v>
                </c:pt>
                <c:pt idx="161">
                  <c:v>45162</c:v>
                </c:pt>
                <c:pt idx="162">
                  <c:v>45163</c:v>
                </c:pt>
                <c:pt idx="163">
                  <c:v>45166</c:v>
                </c:pt>
                <c:pt idx="164">
                  <c:v>45167</c:v>
                </c:pt>
                <c:pt idx="165">
                  <c:v>45168</c:v>
                </c:pt>
                <c:pt idx="166">
                  <c:v>45169</c:v>
                </c:pt>
                <c:pt idx="167">
                  <c:v>45170</c:v>
                </c:pt>
                <c:pt idx="168">
                  <c:v>45174</c:v>
                </c:pt>
                <c:pt idx="169">
                  <c:v>45175</c:v>
                </c:pt>
                <c:pt idx="170">
                  <c:v>45176</c:v>
                </c:pt>
                <c:pt idx="171">
                  <c:v>45177</c:v>
                </c:pt>
                <c:pt idx="172">
                  <c:v>45180</c:v>
                </c:pt>
                <c:pt idx="173">
                  <c:v>45181</c:v>
                </c:pt>
                <c:pt idx="174">
                  <c:v>45182</c:v>
                </c:pt>
                <c:pt idx="175">
                  <c:v>45183</c:v>
                </c:pt>
                <c:pt idx="176">
                  <c:v>45184</c:v>
                </c:pt>
                <c:pt idx="177">
                  <c:v>45187</c:v>
                </c:pt>
                <c:pt idx="178">
                  <c:v>45188</c:v>
                </c:pt>
                <c:pt idx="179">
                  <c:v>45189</c:v>
                </c:pt>
                <c:pt idx="180">
                  <c:v>45190</c:v>
                </c:pt>
                <c:pt idx="181">
                  <c:v>45191</c:v>
                </c:pt>
                <c:pt idx="182">
                  <c:v>45194</c:v>
                </c:pt>
                <c:pt idx="183">
                  <c:v>45195</c:v>
                </c:pt>
                <c:pt idx="184">
                  <c:v>45196</c:v>
                </c:pt>
                <c:pt idx="185">
                  <c:v>45197</c:v>
                </c:pt>
                <c:pt idx="186">
                  <c:v>45198</c:v>
                </c:pt>
              </c:numCache>
            </c:numRef>
          </c:cat>
          <c:val>
            <c:numRef>
              <c:f>'[Q3.2023 Market Outlook.xlsx]Big 7 vs. Indexes'!$E$3:$E$189</c:f>
            </c:numRef>
          </c:val>
          <c:smooth val="0"/>
          <c:extLst>
            <c:ext xmlns:c16="http://schemas.microsoft.com/office/drawing/2014/chart" uri="{C3380CC4-5D6E-409C-BE32-E72D297353CC}">
              <c16:uniqueId val="{00000002-74ED-41EE-A07D-DD9F6A403A65}"/>
            </c:ext>
          </c:extLst>
        </c:ser>
        <c:ser>
          <c:idx val="3"/>
          <c:order val="3"/>
          <c:tx>
            <c:v>Russell 2000 Index</c:v>
          </c:tx>
          <c:spPr>
            <a:ln w="19050" cap="rnd">
              <a:solidFill>
                <a:schemeClr val="accent4"/>
              </a:solidFill>
              <a:round/>
            </a:ln>
            <a:effectLst/>
          </c:spPr>
          <c:marker>
            <c:symbol val="none"/>
          </c:marker>
          <c:cat>
            <c:numRef>
              <c:f>'[Q3.2023 Market Outlook.xlsx]Big 7 vs. Indexes'!$B$3:$B$189</c:f>
              <c:numCache>
                <c:formatCode>mm/dd/yy</c:formatCode>
                <c:ptCount val="187"/>
                <c:pt idx="0">
                  <c:v>44925</c:v>
                </c:pt>
                <c:pt idx="1">
                  <c:v>44929</c:v>
                </c:pt>
                <c:pt idx="2">
                  <c:v>44930</c:v>
                </c:pt>
                <c:pt idx="3">
                  <c:v>44931</c:v>
                </c:pt>
                <c:pt idx="4">
                  <c:v>44932</c:v>
                </c:pt>
                <c:pt idx="5">
                  <c:v>44935</c:v>
                </c:pt>
                <c:pt idx="6">
                  <c:v>44936</c:v>
                </c:pt>
                <c:pt idx="7">
                  <c:v>44937</c:v>
                </c:pt>
                <c:pt idx="8">
                  <c:v>44938</c:v>
                </c:pt>
                <c:pt idx="9">
                  <c:v>44939</c:v>
                </c:pt>
                <c:pt idx="10">
                  <c:v>44943</c:v>
                </c:pt>
                <c:pt idx="11">
                  <c:v>44944</c:v>
                </c:pt>
                <c:pt idx="12">
                  <c:v>44945</c:v>
                </c:pt>
                <c:pt idx="13">
                  <c:v>44946</c:v>
                </c:pt>
                <c:pt idx="14">
                  <c:v>44949</c:v>
                </c:pt>
                <c:pt idx="15">
                  <c:v>44950</c:v>
                </c:pt>
                <c:pt idx="16">
                  <c:v>44951</c:v>
                </c:pt>
                <c:pt idx="17">
                  <c:v>44952</c:v>
                </c:pt>
                <c:pt idx="18">
                  <c:v>44953</c:v>
                </c:pt>
                <c:pt idx="19">
                  <c:v>44956</c:v>
                </c:pt>
                <c:pt idx="20">
                  <c:v>44957</c:v>
                </c:pt>
                <c:pt idx="21">
                  <c:v>44958</c:v>
                </c:pt>
                <c:pt idx="22">
                  <c:v>44959</c:v>
                </c:pt>
                <c:pt idx="23">
                  <c:v>44960</c:v>
                </c:pt>
                <c:pt idx="24">
                  <c:v>44963</c:v>
                </c:pt>
                <c:pt idx="25">
                  <c:v>44964</c:v>
                </c:pt>
                <c:pt idx="26">
                  <c:v>44965</c:v>
                </c:pt>
                <c:pt idx="27">
                  <c:v>44966</c:v>
                </c:pt>
                <c:pt idx="28">
                  <c:v>44967</c:v>
                </c:pt>
                <c:pt idx="29">
                  <c:v>44970</c:v>
                </c:pt>
                <c:pt idx="30">
                  <c:v>44971</c:v>
                </c:pt>
                <c:pt idx="31">
                  <c:v>44972</c:v>
                </c:pt>
                <c:pt idx="32">
                  <c:v>44973</c:v>
                </c:pt>
                <c:pt idx="33">
                  <c:v>44974</c:v>
                </c:pt>
                <c:pt idx="34">
                  <c:v>44978</c:v>
                </c:pt>
                <c:pt idx="35">
                  <c:v>44979</c:v>
                </c:pt>
                <c:pt idx="36">
                  <c:v>44980</c:v>
                </c:pt>
                <c:pt idx="37">
                  <c:v>44981</c:v>
                </c:pt>
                <c:pt idx="38">
                  <c:v>44984</c:v>
                </c:pt>
                <c:pt idx="39">
                  <c:v>44985</c:v>
                </c:pt>
                <c:pt idx="40">
                  <c:v>44986</c:v>
                </c:pt>
                <c:pt idx="41">
                  <c:v>44987</c:v>
                </c:pt>
                <c:pt idx="42">
                  <c:v>44988</c:v>
                </c:pt>
                <c:pt idx="43">
                  <c:v>44991</c:v>
                </c:pt>
                <c:pt idx="44">
                  <c:v>44992</c:v>
                </c:pt>
                <c:pt idx="45">
                  <c:v>44993</c:v>
                </c:pt>
                <c:pt idx="46">
                  <c:v>44994</c:v>
                </c:pt>
                <c:pt idx="47">
                  <c:v>44995</c:v>
                </c:pt>
                <c:pt idx="48">
                  <c:v>44998</c:v>
                </c:pt>
                <c:pt idx="49">
                  <c:v>44999</c:v>
                </c:pt>
                <c:pt idx="50">
                  <c:v>45000</c:v>
                </c:pt>
                <c:pt idx="51">
                  <c:v>45001</c:v>
                </c:pt>
                <c:pt idx="52">
                  <c:v>45002</c:v>
                </c:pt>
                <c:pt idx="53">
                  <c:v>45005</c:v>
                </c:pt>
                <c:pt idx="54">
                  <c:v>45006</c:v>
                </c:pt>
                <c:pt idx="55">
                  <c:v>45007</c:v>
                </c:pt>
                <c:pt idx="56">
                  <c:v>45008</c:v>
                </c:pt>
                <c:pt idx="57">
                  <c:v>45009</c:v>
                </c:pt>
                <c:pt idx="58">
                  <c:v>45012</c:v>
                </c:pt>
                <c:pt idx="59">
                  <c:v>45013</c:v>
                </c:pt>
                <c:pt idx="60">
                  <c:v>45014</c:v>
                </c:pt>
                <c:pt idx="61">
                  <c:v>45015</c:v>
                </c:pt>
                <c:pt idx="62">
                  <c:v>45016</c:v>
                </c:pt>
                <c:pt idx="63">
                  <c:v>45019</c:v>
                </c:pt>
                <c:pt idx="64">
                  <c:v>45020</c:v>
                </c:pt>
                <c:pt idx="65">
                  <c:v>45021</c:v>
                </c:pt>
                <c:pt idx="66">
                  <c:v>45022</c:v>
                </c:pt>
                <c:pt idx="67">
                  <c:v>45026</c:v>
                </c:pt>
                <c:pt idx="68">
                  <c:v>45027</c:v>
                </c:pt>
                <c:pt idx="69">
                  <c:v>45028</c:v>
                </c:pt>
                <c:pt idx="70">
                  <c:v>45029</c:v>
                </c:pt>
                <c:pt idx="71">
                  <c:v>45030</c:v>
                </c:pt>
                <c:pt idx="72">
                  <c:v>45033</c:v>
                </c:pt>
                <c:pt idx="73">
                  <c:v>45034</c:v>
                </c:pt>
                <c:pt idx="74">
                  <c:v>45035</c:v>
                </c:pt>
                <c:pt idx="75">
                  <c:v>45036</c:v>
                </c:pt>
                <c:pt idx="76">
                  <c:v>45037</c:v>
                </c:pt>
                <c:pt idx="77">
                  <c:v>45040</c:v>
                </c:pt>
                <c:pt idx="78">
                  <c:v>45041</c:v>
                </c:pt>
                <c:pt idx="79">
                  <c:v>45042</c:v>
                </c:pt>
                <c:pt idx="80">
                  <c:v>45043</c:v>
                </c:pt>
                <c:pt idx="81">
                  <c:v>45044</c:v>
                </c:pt>
                <c:pt idx="82">
                  <c:v>45047</c:v>
                </c:pt>
                <c:pt idx="83">
                  <c:v>45048</c:v>
                </c:pt>
                <c:pt idx="84">
                  <c:v>45049</c:v>
                </c:pt>
                <c:pt idx="85">
                  <c:v>45050</c:v>
                </c:pt>
                <c:pt idx="86">
                  <c:v>45051</c:v>
                </c:pt>
                <c:pt idx="87">
                  <c:v>45054</c:v>
                </c:pt>
                <c:pt idx="88">
                  <c:v>45055</c:v>
                </c:pt>
                <c:pt idx="89">
                  <c:v>45056</c:v>
                </c:pt>
                <c:pt idx="90">
                  <c:v>45057</c:v>
                </c:pt>
                <c:pt idx="91">
                  <c:v>45058</c:v>
                </c:pt>
                <c:pt idx="92">
                  <c:v>45061</c:v>
                </c:pt>
                <c:pt idx="93">
                  <c:v>45063</c:v>
                </c:pt>
                <c:pt idx="94">
                  <c:v>45064</c:v>
                </c:pt>
                <c:pt idx="95">
                  <c:v>45065</c:v>
                </c:pt>
                <c:pt idx="96">
                  <c:v>45068</c:v>
                </c:pt>
                <c:pt idx="97">
                  <c:v>45069</c:v>
                </c:pt>
                <c:pt idx="98">
                  <c:v>45070</c:v>
                </c:pt>
                <c:pt idx="99">
                  <c:v>45071</c:v>
                </c:pt>
                <c:pt idx="100">
                  <c:v>45072</c:v>
                </c:pt>
                <c:pt idx="101">
                  <c:v>45076</c:v>
                </c:pt>
                <c:pt idx="102">
                  <c:v>45077</c:v>
                </c:pt>
                <c:pt idx="103">
                  <c:v>45078</c:v>
                </c:pt>
                <c:pt idx="104">
                  <c:v>45079</c:v>
                </c:pt>
                <c:pt idx="105">
                  <c:v>45082</c:v>
                </c:pt>
                <c:pt idx="106">
                  <c:v>45083</c:v>
                </c:pt>
                <c:pt idx="107">
                  <c:v>45084</c:v>
                </c:pt>
                <c:pt idx="108">
                  <c:v>45085</c:v>
                </c:pt>
                <c:pt idx="109">
                  <c:v>45086</c:v>
                </c:pt>
                <c:pt idx="110">
                  <c:v>45089</c:v>
                </c:pt>
                <c:pt idx="111">
                  <c:v>45090</c:v>
                </c:pt>
                <c:pt idx="112">
                  <c:v>45091</c:v>
                </c:pt>
                <c:pt idx="113">
                  <c:v>45092</c:v>
                </c:pt>
                <c:pt idx="114">
                  <c:v>45093</c:v>
                </c:pt>
                <c:pt idx="115">
                  <c:v>45097</c:v>
                </c:pt>
                <c:pt idx="116">
                  <c:v>45098</c:v>
                </c:pt>
                <c:pt idx="117">
                  <c:v>45099</c:v>
                </c:pt>
                <c:pt idx="118">
                  <c:v>45100</c:v>
                </c:pt>
                <c:pt idx="119">
                  <c:v>45103</c:v>
                </c:pt>
                <c:pt idx="120">
                  <c:v>45104</c:v>
                </c:pt>
                <c:pt idx="121">
                  <c:v>45105</c:v>
                </c:pt>
                <c:pt idx="122">
                  <c:v>45106</c:v>
                </c:pt>
                <c:pt idx="123">
                  <c:v>45107</c:v>
                </c:pt>
                <c:pt idx="124">
                  <c:v>45110</c:v>
                </c:pt>
                <c:pt idx="125">
                  <c:v>45112</c:v>
                </c:pt>
                <c:pt idx="126">
                  <c:v>45113</c:v>
                </c:pt>
                <c:pt idx="127">
                  <c:v>45114</c:v>
                </c:pt>
                <c:pt idx="128">
                  <c:v>45117</c:v>
                </c:pt>
                <c:pt idx="129">
                  <c:v>45118</c:v>
                </c:pt>
                <c:pt idx="130">
                  <c:v>45119</c:v>
                </c:pt>
                <c:pt idx="131">
                  <c:v>45120</c:v>
                </c:pt>
                <c:pt idx="132">
                  <c:v>45121</c:v>
                </c:pt>
                <c:pt idx="133">
                  <c:v>45124</c:v>
                </c:pt>
                <c:pt idx="134">
                  <c:v>45125</c:v>
                </c:pt>
                <c:pt idx="135">
                  <c:v>45126</c:v>
                </c:pt>
                <c:pt idx="136">
                  <c:v>45127</c:v>
                </c:pt>
                <c:pt idx="137">
                  <c:v>45128</c:v>
                </c:pt>
                <c:pt idx="138">
                  <c:v>45131</c:v>
                </c:pt>
                <c:pt idx="139">
                  <c:v>45132</c:v>
                </c:pt>
                <c:pt idx="140">
                  <c:v>45133</c:v>
                </c:pt>
                <c:pt idx="141">
                  <c:v>45134</c:v>
                </c:pt>
                <c:pt idx="142">
                  <c:v>45135</c:v>
                </c:pt>
                <c:pt idx="143">
                  <c:v>45138</c:v>
                </c:pt>
                <c:pt idx="144">
                  <c:v>45139</c:v>
                </c:pt>
                <c:pt idx="145">
                  <c:v>45140</c:v>
                </c:pt>
                <c:pt idx="146">
                  <c:v>45141</c:v>
                </c:pt>
                <c:pt idx="147">
                  <c:v>45142</c:v>
                </c:pt>
                <c:pt idx="148">
                  <c:v>45145</c:v>
                </c:pt>
                <c:pt idx="149">
                  <c:v>45146</c:v>
                </c:pt>
                <c:pt idx="150">
                  <c:v>45147</c:v>
                </c:pt>
                <c:pt idx="151">
                  <c:v>45148</c:v>
                </c:pt>
                <c:pt idx="152">
                  <c:v>45149</c:v>
                </c:pt>
                <c:pt idx="153">
                  <c:v>45152</c:v>
                </c:pt>
                <c:pt idx="154">
                  <c:v>45153</c:v>
                </c:pt>
                <c:pt idx="155">
                  <c:v>45154</c:v>
                </c:pt>
                <c:pt idx="156">
                  <c:v>45155</c:v>
                </c:pt>
                <c:pt idx="157">
                  <c:v>45156</c:v>
                </c:pt>
                <c:pt idx="158">
                  <c:v>45159</c:v>
                </c:pt>
                <c:pt idx="159">
                  <c:v>45160</c:v>
                </c:pt>
                <c:pt idx="160">
                  <c:v>45161</c:v>
                </c:pt>
                <c:pt idx="161">
                  <c:v>45162</c:v>
                </c:pt>
                <c:pt idx="162">
                  <c:v>45163</c:v>
                </c:pt>
                <c:pt idx="163">
                  <c:v>45166</c:v>
                </c:pt>
                <c:pt idx="164">
                  <c:v>45167</c:v>
                </c:pt>
                <c:pt idx="165">
                  <c:v>45168</c:v>
                </c:pt>
                <c:pt idx="166">
                  <c:v>45169</c:v>
                </c:pt>
                <c:pt idx="167">
                  <c:v>45170</c:v>
                </c:pt>
                <c:pt idx="168">
                  <c:v>45174</c:v>
                </c:pt>
                <c:pt idx="169">
                  <c:v>45175</c:v>
                </c:pt>
                <c:pt idx="170">
                  <c:v>45176</c:v>
                </c:pt>
                <c:pt idx="171">
                  <c:v>45177</c:v>
                </c:pt>
                <c:pt idx="172">
                  <c:v>45180</c:v>
                </c:pt>
                <c:pt idx="173">
                  <c:v>45181</c:v>
                </c:pt>
                <c:pt idx="174">
                  <c:v>45182</c:v>
                </c:pt>
                <c:pt idx="175">
                  <c:v>45183</c:v>
                </c:pt>
                <c:pt idx="176">
                  <c:v>45184</c:v>
                </c:pt>
                <c:pt idx="177">
                  <c:v>45187</c:v>
                </c:pt>
                <c:pt idx="178">
                  <c:v>45188</c:v>
                </c:pt>
                <c:pt idx="179">
                  <c:v>45189</c:v>
                </c:pt>
                <c:pt idx="180">
                  <c:v>45190</c:v>
                </c:pt>
                <c:pt idx="181">
                  <c:v>45191</c:v>
                </c:pt>
                <c:pt idx="182">
                  <c:v>45194</c:v>
                </c:pt>
                <c:pt idx="183">
                  <c:v>45195</c:v>
                </c:pt>
                <c:pt idx="184">
                  <c:v>45196</c:v>
                </c:pt>
                <c:pt idx="185">
                  <c:v>45197</c:v>
                </c:pt>
                <c:pt idx="186">
                  <c:v>45198</c:v>
                </c:pt>
              </c:numCache>
            </c:numRef>
          </c:cat>
          <c:val>
            <c:numRef>
              <c:f>'[Q3.2023 Market Outlook.xlsx]Big 7 vs. Indexes'!$F$3:$F$189</c:f>
              <c:numCache>
                <c:formatCode>#,##0.00</c:formatCode>
                <c:ptCount val="187"/>
                <c:pt idx="0">
                  <c:v>100</c:v>
                </c:pt>
                <c:pt idx="1">
                  <c:v>99.406073379341194</c:v>
                </c:pt>
                <c:pt idx="2">
                  <c:v>100.6586807077377</c:v>
                </c:pt>
                <c:pt idx="3">
                  <c:v>99.571234049521408</c:v>
                </c:pt>
                <c:pt idx="4">
                  <c:v>101.83259235717787</c:v>
                </c:pt>
                <c:pt idx="5">
                  <c:v>102.00692007913605</c:v>
                </c:pt>
                <c:pt idx="6">
                  <c:v>103.49677049003188</c:v>
                </c:pt>
                <c:pt idx="7">
                  <c:v>104.67084004412889</c:v>
                </c:pt>
                <c:pt idx="8">
                  <c:v>106.41659557580094</c:v>
                </c:pt>
                <c:pt idx="9">
                  <c:v>107.00391209196569</c:v>
                </c:pt>
                <c:pt idx="10">
                  <c:v>106.8584653994367</c:v>
                </c:pt>
                <c:pt idx="11">
                  <c:v>105.27194034736056</c:v>
                </c:pt>
                <c:pt idx="12">
                  <c:v>104.30305347222352</c:v>
                </c:pt>
                <c:pt idx="13">
                  <c:v>105.99418330476806</c:v>
                </c:pt>
                <c:pt idx="14">
                  <c:v>107.24897618486041</c:v>
                </c:pt>
                <c:pt idx="15">
                  <c:v>106.97957010207428</c:v>
                </c:pt>
                <c:pt idx="16">
                  <c:v>107.22967058566728</c:v>
                </c:pt>
                <c:pt idx="17">
                  <c:v>107.90460272526033</c:v>
                </c:pt>
                <c:pt idx="18">
                  <c:v>108.34630460904562</c:v>
                </c:pt>
                <c:pt idx="19">
                  <c:v>107.00704022433133</c:v>
                </c:pt>
                <c:pt idx="20">
                  <c:v>109.45786664302723</c:v>
                </c:pt>
                <c:pt idx="21">
                  <c:v>110.95565218888493</c:v>
                </c:pt>
                <c:pt idx="22">
                  <c:v>113.02030444319573</c:v>
                </c:pt>
                <c:pt idx="23">
                  <c:v>112.24557070853078</c:v>
                </c:pt>
                <c:pt idx="24">
                  <c:v>110.8491814814336</c:v>
                </c:pt>
                <c:pt idx="25">
                  <c:v>111.6144034540594</c:v>
                </c:pt>
                <c:pt idx="26">
                  <c:v>110.09433452861079</c:v>
                </c:pt>
                <c:pt idx="27">
                  <c:v>108.69984988170302</c:v>
                </c:pt>
                <c:pt idx="28">
                  <c:v>108.8861825653732</c:v>
                </c:pt>
                <c:pt idx="29">
                  <c:v>110.05890926427166</c:v>
                </c:pt>
                <c:pt idx="30">
                  <c:v>110.00685950608364</c:v>
                </c:pt>
                <c:pt idx="31">
                  <c:v>111.09442538166272</c:v>
                </c:pt>
                <c:pt idx="32">
                  <c:v>110.14749953801422</c:v>
                </c:pt>
                <c:pt idx="33">
                  <c:v>110.36646664021337</c:v>
                </c:pt>
                <c:pt idx="34">
                  <c:v>107.38023112494409</c:v>
                </c:pt>
                <c:pt idx="35">
                  <c:v>107.72403402025078</c:v>
                </c:pt>
                <c:pt idx="36">
                  <c:v>108.43824070200644</c:v>
                </c:pt>
                <c:pt idx="37">
                  <c:v>107.52199489259972</c:v>
                </c:pt>
                <c:pt idx="38">
                  <c:v>107.83911104265614</c:v>
                </c:pt>
                <c:pt idx="39">
                  <c:v>107.89473574379936</c:v>
                </c:pt>
                <c:pt idx="40">
                  <c:v>107.97323385408718</c:v>
                </c:pt>
                <c:pt idx="41">
                  <c:v>108.20954865968957</c:v>
                </c:pt>
                <c:pt idx="42">
                  <c:v>109.56077591246955</c:v>
                </c:pt>
                <c:pt idx="43">
                  <c:v>108.09377860306283</c:v>
                </c:pt>
                <c:pt idx="44">
                  <c:v>106.98828037787553</c:v>
                </c:pt>
                <c:pt idx="45">
                  <c:v>107.03252056372304</c:v>
                </c:pt>
                <c:pt idx="46">
                  <c:v>104.24013818521917</c:v>
                </c:pt>
                <c:pt idx="47">
                  <c:v>101.29449105752462</c:v>
                </c:pt>
                <c:pt idx="48">
                  <c:v>99.703869669890281</c:v>
                </c:pt>
                <c:pt idx="49">
                  <c:v>101.60762227901002</c:v>
                </c:pt>
                <c:pt idx="50">
                  <c:v>99.874295336303589</c:v>
                </c:pt>
                <c:pt idx="51">
                  <c:v>101.33609907152682</c:v>
                </c:pt>
                <c:pt idx="52">
                  <c:v>98.779712245382953</c:v>
                </c:pt>
                <c:pt idx="53">
                  <c:v>99.887635059266714</c:v>
                </c:pt>
                <c:pt idx="54">
                  <c:v>101.76536911354319</c:v>
                </c:pt>
                <c:pt idx="55">
                  <c:v>98.933508883347258</c:v>
                </c:pt>
                <c:pt idx="56">
                  <c:v>98.527081822640753</c:v>
                </c:pt>
                <c:pt idx="57">
                  <c:v>99.381419146241853</c:v>
                </c:pt>
                <c:pt idx="58">
                  <c:v>100.46333098626734</c:v>
                </c:pt>
                <c:pt idx="59">
                  <c:v>100.40568798709252</c:v>
                </c:pt>
                <c:pt idx="60">
                  <c:v>101.48981142824752</c:v>
                </c:pt>
                <c:pt idx="61">
                  <c:v>101.36333845443824</c:v>
                </c:pt>
                <c:pt idx="62">
                  <c:v>103.29796995139512</c:v>
                </c:pt>
                <c:pt idx="63">
                  <c:v>103.29329355640924</c:v>
                </c:pt>
                <c:pt idx="64">
                  <c:v>101.48535540213221</c:v>
                </c:pt>
                <c:pt idx="65">
                  <c:v>100.50270963297466</c:v>
                </c:pt>
                <c:pt idx="66">
                  <c:v>100.63843573648974</c:v>
                </c:pt>
                <c:pt idx="67">
                  <c:v>101.66584004569727</c:v>
                </c:pt>
                <c:pt idx="68">
                  <c:v>102.4663111520902</c:v>
                </c:pt>
                <c:pt idx="69">
                  <c:v>101.74760132728834</c:v>
                </c:pt>
                <c:pt idx="70">
                  <c:v>103.05197175296929</c:v>
                </c:pt>
                <c:pt idx="71">
                  <c:v>102.19081633016374</c:v>
                </c:pt>
                <c:pt idx="72">
                  <c:v>103.40828834001981</c:v>
                </c:pt>
                <c:pt idx="73">
                  <c:v>103.00431766742145</c:v>
                </c:pt>
                <c:pt idx="74">
                  <c:v>103.22292261828278</c:v>
                </c:pt>
                <c:pt idx="75">
                  <c:v>102.68428210470647</c:v>
                </c:pt>
                <c:pt idx="76">
                  <c:v>102.78842335503367</c:v>
                </c:pt>
                <c:pt idx="77">
                  <c:v>102.64308406897818</c:v>
                </c:pt>
                <c:pt idx="78">
                  <c:v>100.24760341549339</c:v>
                </c:pt>
                <c:pt idx="79">
                  <c:v>99.357517396501379</c:v>
                </c:pt>
                <c:pt idx="80">
                  <c:v>100.56868718105551</c:v>
                </c:pt>
                <c:pt idx="81">
                  <c:v>101.58401715904584</c:v>
                </c:pt>
                <c:pt idx="82">
                  <c:v>101.5980903635964</c:v>
                </c:pt>
                <c:pt idx="83">
                  <c:v>99.501424531505535</c:v>
                </c:pt>
                <c:pt idx="84">
                  <c:v>99.919735292790691</c:v>
                </c:pt>
                <c:pt idx="85">
                  <c:v>98.749249596921615</c:v>
                </c:pt>
                <c:pt idx="86">
                  <c:v>101.15301980634092</c:v>
                </c:pt>
                <c:pt idx="87">
                  <c:v>100.84888844697231</c:v>
                </c:pt>
                <c:pt idx="88">
                  <c:v>100.58258386378711</c:v>
                </c:pt>
                <c:pt idx="89">
                  <c:v>101.14998772824991</c:v>
                </c:pt>
                <c:pt idx="90">
                  <c:v>100.31556058587459</c:v>
                </c:pt>
                <c:pt idx="91">
                  <c:v>100.1126604619252</c:v>
                </c:pt>
                <c:pt idx="92">
                  <c:v>101.31406652405812</c:v>
                </c:pt>
                <c:pt idx="93">
                  <c:v>103.53157504778611</c:v>
                </c:pt>
                <c:pt idx="94">
                  <c:v>104.1270161779385</c:v>
                </c:pt>
                <c:pt idx="95">
                  <c:v>103.50653510695356</c:v>
                </c:pt>
                <c:pt idx="96">
                  <c:v>104.73002525988336</c:v>
                </c:pt>
                <c:pt idx="97">
                  <c:v>104.30588077768699</c:v>
                </c:pt>
                <c:pt idx="98">
                  <c:v>103.14941042321975</c:v>
                </c:pt>
                <c:pt idx="99">
                  <c:v>102.45715106799422</c:v>
                </c:pt>
                <c:pt idx="100">
                  <c:v>103.51141388669792</c:v>
                </c:pt>
                <c:pt idx="101">
                  <c:v>103.20026675030851</c:v>
                </c:pt>
                <c:pt idx="102">
                  <c:v>102.22697838652255</c:v>
                </c:pt>
                <c:pt idx="103">
                  <c:v>103.28543662035344</c:v>
                </c:pt>
                <c:pt idx="104">
                  <c:v>106.84916380040642</c:v>
                </c:pt>
                <c:pt idx="105">
                  <c:v>105.52947039442988</c:v>
                </c:pt>
                <c:pt idx="106">
                  <c:v>108.22764853661525</c:v>
                </c:pt>
                <c:pt idx="107">
                  <c:v>110.01277815110117</c:v>
                </c:pt>
                <c:pt idx="108">
                  <c:v>109.61543342810896</c:v>
                </c:pt>
                <c:pt idx="109">
                  <c:v>108.8188499771252</c:v>
                </c:pt>
                <c:pt idx="110">
                  <c:v>109.22177650107199</c:v>
                </c:pt>
                <c:pt idx="111">
                  <c:v>110.46393692774575</c:v>
                </c:pt>
                <c:pt idx="112">
                  <c:v>109.32299614574377</c:v>
                </c:pt>
                <c:pt idx="113">
                  <c:v>110.14893241450005</c:v>
                </c:pt>
                <c:pt idx="114">
                  <c:v>109.42190332650381</c:v>
                </c:pt>
                <c:pt idx="115">
                  <c:v>108.95468703302343</c:v>
                </c:pt>
                <c:pt idx="116">
                  <c:v>108.7595734713048</c:v>
                </c:pt>
                <c:pt idx="117">
                  <c:v>107.96492957499645</c:v>
                </c:pt>
                <c:pt idx="118">
                  <c:v>106.53298606644559</c:v>
                </c:pt>
                <c:pt idx="119">
                  <c:v>106.62331161552592</c:v>
                </c:pt>
                <c:pt idx="120">
                  <c:v>108.08734649357667</c:v>
                </c:pt>
                <c:pt idx="121">
                  <c:v>108.56313550508658</c:v>
                </c:pt>
                <c:pt idx="122">
                  <c:v>109.84695248849101</c:v>
                </c:pt>
                <c:pt idx="123">
                  <c:v>110.23197452074076</c:v>
                </c:pt>
                <c:pt idx="124">
                  <c:v>110.66422829573146</c:v>
                </c:pt>
                <c:pt idx="125">
                  <c:v>109.41083123773174</c:v>
                </c:pt>
                <c:pt idx="126">
                  <c:v>107.77831255690754</c:v>
                </c:pt>
                <c:pt idx="127">
                  <c:v>108.99731573232482</c:v>
                </c:pt>
                <c:pt idx="128">
                  <c:v>110.63929645994143</c:v>
                </c:pt>
                <c:pt idx="129">
                  <c:v>111.59596464128977</c:v>
                </c:pt>
                <c:pt idx="130">
                  <c:v>112.64542957389394</c:v>
                </c:pt>
                <c:pt idx="131">
                  <c:v>113.55838654102845</c:v>
                </c:pt>
                <c:pt idx="132">
                  <c:v>112.54626606064197</c:v>
                </c:pt>
                <c:pt idx="133">
                  <c:v>113.59172624963176</c:v>
                </c:pt>
                <c:pt idx="134">
                  <c:v>114.86283097664354</c:v>
                </c:pt>
                <c:pt idx="135">
                  <c:v>115.31108817712735</c:v>
                </c:pt>
                <c:pt idx="136">
                  <c:v>114.42225661803406</c:v>
                </c:pt>
                <c:pt idx="137">
                  <c:v>114.07340279978298</c:v>
                </c:pt>
                <c:pt idx="138">
                  <c:v>114.35148810600511</c:v>
                </c:pt>
                <c:pt idx="139">
                  <c:v>114.37370090165041</c:v>
                </c:pt>
                <c:pt idx="140">
                  <c:v>115.09813366179938</c:v>
                </c:pt>
                <c:pt idx="141">
                  <c:v>113.81326618311739</c:v>
                </c:pt>
                <c:pt idx="142">
                  <c:v>115.18200200080628</c:v>
                </c:pt>
                <c:pt idx="143">
                  <c:v>116.27554246596031</c:v>
                </c:pt>
                <c:pt idx="144">
                  <c:v>115.82616323443531</c:v>
                </c:pt>
                <c:pt idx="145">
                  <c:v>114.45950132559179</c:v>
                </c:pt>
                <c:pt idx="146">
                  <c:v>114.18931628332314</c:v>
                </c:pt>
                <c:pt idx="147">
                  <c:v>113.99976051815347</c:v>
                </c:pt>
                <c:pt idx="148">
                  <c:v>114.0772742224806</c:v>
                </c:pt>
                <c:pt idx="149">
                  <c:v>113.49313369260889</c:v>
                </c:pt>
                <c:pt idx="150">
                  <c:v>112.64311983283218</c:v>
                </c:pt>
                <c:pt idx="151">
                  <c:v>112.23377601935954</c:v>
                </c:pt>
                <c:pt idx="152">
                  <c:v>112.37331525556402</c:v>
                </c:pt>
                <c:pt idx="153">
                  <c:v>112.15505293053624</c:v>
                </c:pt>
                <c:pt idx="154">
                  <c:v>110.87276211355227</c:v>
                </c:pt>
                <c:pt idx="155">
                  <c:v>109.60934365589448</c:v>
                </c:pt>
                <c:pt idx="156">
                  <c:v>108.47251217356964</c:v>
                </c:pt>
                <c:pt idx="157">
                  <c:v>108.98249724369859</c:v>
                </c:pt>
                <c:pt idx="158">
                  <c:v>108.80267909614406</c:v>
                </c:pt>
                <c:pt idx="159">
                  <c:v>108.52730256269155</c:v>
                </c:pt>
                <c:pt idx="160">
                  <c:v>109.5685253021922</c:v>
                </c:pt>
                <c:pt idx="161">
                  <c:v>108.3048914203488</c:v>
                </c:pt>
                <c:pt idx="162">
                  <c:v>108.70423656501896</c:v>
                </c:pt>
                <c:pt idx="163">
                  <c:v>109.53405511558346</c:v>
                </c:pt>
                <c:pt idx="164">
                  <c:v>110.95551139906519</c:v>
                </c:pt>
                <c:pt idx="165">
                  <c:v>111.37497016564356</c:v>
                </c:pt>
                <c:pt idx="166">
                  <c:v>111.21413737057786</c:v>
                </c:pt>
                <c:pt idx="167">
                  <c:v>112.32986786655428</c:v>
                </c:pt>
                <c:pt idx="168">
                  <c:v>110.22970302095355</c:v>
                </c:pt>
                <c:pt idx="169">
                  <c:v>109.90511348738706</c:v>
                </c:pt>
                <c:pt idx="170">
                  <c:v>108.9303165322295</c:v>
                </c:pt>
                <c:pt idx="171">
                  <c:v>108.7070268098898</c:v>
                </c:pt>
                <c:pt idx="172">
                  <c:v>108.90219257058953</c:v>
                </c:pt>
                <c:pt idx="173">
                  <c:v>108.91524657032926</c:v>
                </c:pt>
                <c:pt idx="174">
                  <c:v>108.14234806975281</c:v>
                </c:pt>
                <c:pt idx="175">
                  <c:v>109.5776019117345</c:v>
                </c:pt>
                <c:pt idx="176">
                  <c:v>108.52948782220031</c:v>
                </c:pt>
                <c:pt idx="177">
                  <c:v>107.84234440649396</c:v>
                </c:pt>
                <c:pt idx="178">
                  <c:v>107.42159494910909</c:v>
                </c:pt>
                <c:pt idx="179">
                  <c:v>106.52480890291153</c:v>
                </c:pt>
                <c:pt idx="180">
                  <c:v>104.96509648129602</c:v>
                </c:pt>
                <c:pt idx="181">
                  <c:v>104.66908505042751</c:v>
                </c:pt>
                <c:pt idx="182">
                  <c:v>105.1057152806403</c:v>
                </c:pt>
                <c:pt idx="183">
                  <c:v>103.83804782607069</c:v>
                </c:pt>
                <c:pt idx="184">
                  <c:v>104.82277152485867</c:v>
                </c:pt>
                <c:pt idx="185">
                  <c:v>105.74486230356456</c:v>
                </c:pt>
                <c:pt idx="186">
                  <c:v>105.23895298734058</c:v>
                </c:pt>
              </c:numCache>
            </c:numRef>
          </c:val>
          <c:smooth val="0"/>
          <c:extLst>
            <c:ext xmlns:c16="http://schemas.microsoft.com/office/drawing/2014/chart" uri="{C3380CC4-5D6E-409C-BE32-E72D297353CC}">
              <c16:uniqueId val="{00000003-74ED-41EE-A07D-DD9F6A403A65}"/>
            </c:ext>
          </c:extLst>
        </c:ser>
        <c:ser>
          <c:idx val="4"/>
          <c:order val="4"/>
          <c:tx>
            <c:v>The Big 7</c:v>
          </c:tx>
          <c:spPr>
            <a:ln w="19050" cap="rnd">
              <a:solidFill>
                <a:schemeClr val="accent5"/>
              </a:solidFill>
              <a:prstDash val="sysDash"/>
              <a:round/>
            </a:ln>
            <a:effectLst/>
          </c:spPr>
          <c:marker>
            <c:symbol val="none"/>
          </c:marker>
          <c:cat>
            <c:numRef>
              <c:f>'[Q3.2023 Market Outlook.xlsx]Big 7 vs. Indexes'!$B$3:$B$189</c:f>
              <c:numCache>
                <c:formatCode>mm/dd/yy</c:formatCode>
                <c:ptCount val="187"/>
                <c:pt idx="0">
                  <c:v>44925</c:v>
                </c:pt>
                <c:pt idx="1">
                  <c:v>44929</c:v>
                </c:pt>
                <c:pt idx="2">
                  <c:v>44930</c:v>
                </c:pt>
                <c:pt idx="3">
                  <c:v>44931</c:v>
                </c:pt>
                <c:pt idx="4">
                  <c:v>44932</c:v>
                </c:pt>
                <c:pt idx="5">
                  <c:v>44935</c:v>
                </c:pt>
                <c:pt idx="6">
                  <c:v>44936</c:v>
                </c:pt>
                <c:pt idx="7">
                  <c:v>44937</c:v>
                </c:pt>
                <c:pt idx="8">
                  <c:v>44938</c:v>
                </c:pt>
                <c:pt idx="9">
                  <c:v>44939</c:v>
                </c:pt>
                <c:pt idx="10">
                  <c:v>44943</c:v>
                </c:pt>
                <c:pt idx="11">
                  <c:v>44944</c:v>
                </c:pt>
                <c:pt idx="12">
                  <c:v>44945</c:v>
                </c:pt>
                <c:pt idx="13">
                  <c:v>44946</c:v>
                </c:pt>
                <c:pt idx="14">
                  <c:v>44949</c:v>
                </c:pt>
                <c:pt idx="15">
                  <c:v>44950</c:v>
                </c:pt>
                <c:pt idx="16">
                  <c:v>44951</c:v>
                </c:pt>
                <c:pt idx="17">
                  <c:v>44952</c:v>
                </c:pt>
                <c:pt idx="18">
                  <c:v>44953</c:v>
                </c:pt>
                <c:pt idx="19">
                  <c:v>44956</c:v>
                </c:pt>
                <c:pt idx="20">
                  <c:v>44957</c:v>
                </c:pt>
                <c:pt idx="21">
                  <c:v>44958</c:v>
                </c:pt>
                <c:pt idx="22">
                  <c:v>44959</c:v>
                </c:pt>
                <c:pt idx="23">
                  <c:v>44960</c:v>
                </c:pt>
                <c:pt idx="24">
                  <c:v>44963</c:v>
                </c:pt>
                <c:pt idx="25">
                  <c:v>44964</c:v>
                </c:pt>
                <c:pt idx="26">
                  <c:v>44965</c:v>
                </c:pt>
                <c:pt idx="27">
                  <c:v>44966</c:v>
                </c:pt>
                <c:pt idx="28">
                  <c:v>44967</c:v>
                </c:pt>
                <c:pt idx="29">
                  <c:v>44970</c:v>
                </c:pt>
                <c:pt idx="30">
                  <c:v>44971</c:v>
                </c:pt>
                <c:pt idx="31">
                  <c:v>44972</c:v>
                </c:pt>
                <c:pt idx="32">
                  <c:v>44973</c:v>
                </c:pt>
                <c:pt idx="33">
                  <c:v>44974</c:v>
                </c:pt>
                <c:pt idx="34">
                  <c:v>44978</c:v>
                </c:pt>
                <c:pt idx="35">
                  <c:v>44979</c:v>
                </c:pt>
                <c:pt idx="36">
                  <c:v>44980</c:v>
                </c:pt>
                <c:pt idx="37">
                  <c:v>44981</c:v>
                </c:pt>
                <c:pt idx="38">
                  <c:v>44984</c:v>
                </c:pt>
                <c:pt idx="39">
                  <c:v>44985</c:v>
                </c:pt>
                <c:pt idx="40">
                  <c:v>44986</c:v>
                </c:pt>
                <c:pt idx="41">
                  <c:v>44987</c:v>
                </c:pt>
                <c:pt idx="42">
                  <c:v>44988</c:v>
                </c:pt>
                <c:pt idx="43">
                  <c:v>44991</c:v>
                </c:pt>
                <c:pt idx="44">
                  <c:v>44992</c:v>
                </c:pt>
                <c:pt idx="45">
                  <c:v>44993</c:v>
                </c:pt>
                <c:pt idx="46">
                  <c:v>44994</c:v>
                </c:pt>
                <c:pt idx="47">
                  <c:v>44995</c:v>
                </c:pt>
                <c:pt idx="48">
                  <c:v>44998</c:v>
                </c:pt>
                <c:pt idx="49">
                  <c:v>44999</c:v>
                </c:pt>
                <c:pt idx="50">
                  <c:v>45000</c:v>
                </c:pt>
                <c:pt idx="51">
                  <c:v>45001</c:v>
                </c:pt>
                <c:pt idx="52">
                  <c:v>45002</c:v>
                </c:pt>
                <c:pt idx="53">
                  <c:v>45005</c:v>
                </c:pt>
                <c:pt idx="54">
                  <c:v>45006</c:v>
                </c:pt>
                <c:pt idx="55">
                  <c:v>45007</c:v>
                </c:pt>
                <c:pt idx="56">
                  <c:v>45008</c:v>
                </c:pt>
                <c:pt idx="57">
                  <c:v>45009</c:v>
                </c:pt>
                <c:pt idx="58">
                  <c:v>45012</c:v>
                </c:pt>
                <c:pt idx="59">
                  <c:v>45013</c:v>
                </c:pt>
                <c:pt idx="60">
                  <c:v>45014</c:v>
                </c:pt>
                <c:pt idx="61">
                  <c:v>45015</c:v>
                </c:pt>
                <c:pt idx="62">
                  <c:v>45016</c:v>
                </c:pt>
                <c:pt idx="63">
                  <c:v>45019</c:v>
                </c:pt>
                <c:pt idx="64">
                  <c:v>45020</c:v>
                </c:pt>
                <c:pt idx="65">
                  <c:v>45021</c:v>
                </c:pt>
                <c:pt idx="66">
                  <c:v>45022</c:v>
                </c:pt>
                <c:pt idx="67">
                  <c:v>45026</c:v>
                </c:pt>
                <c:pt idx="68">
                  <c:v>45027</c:v>
                </c:pt>
                <c:pt idx="69">
                  <c:v>45028</c:v>
                </c:pt>
                <c:pt idx="70">
                  <c:v>45029</c:v>
                </c:pt>
                <c:pt idx="71">
                  <c:v>45030</c:v>
                </c:pt>
                <c:pt idx="72">
                  <c:v>45033</c:v>
                </c:pt>
                <c:pt idx="73">
                  <c:v>45034</c:v>
                </c:pt>
                <c:pt idx="74">
                  <c:v>45035</c:v>
                </c:pt>
                <c:pt idx="75">
                  <c:v>45036</c:v>
                </c:pt>
                <c:pt idx="76">
                  <c:v>45037</c:v>
                </c:pt>
                <c:pt idx="77">
                  <c:v>45040</c:v>
                </c:pt>
                <c:pt idx="78">
                  <c:v>45041</c:v>
                </c:pt>
                <c:pt idx="79">
                  <c:v>45042</c:v>
                </c:pt>
                <c:pt idx="80">
                  <c:v>45043</c:v>
                </c:pt>
                <c:pt idx="81">
                  <c:v>45044</c:v>
                </c:pt>
                <c:pt idx="82">
                  <c:v>45047</c:v>
                </c:pt>
                <c:pt idx="83">
                  <c:v>45048</c:v>
                </c:pt>
                <c:pt idx="84">
                  <c:v>45049</c:v>
                </c:pt>
                <c:pt idx="85">
                  <c:v>45050</c:v>
                </c:pt>
                <c:pt idx="86">
                  <c:v>45051</c:v>
                </c:pt>
                <c:pt idx="87">
                  <c:v>45054</c:v>
                </c:pt>
                <c:pt idx="88">
                  <c:v>45055</c:v>
                </c:pt>
                <c:pt idx="89">
                  <c:v>45056</c:v>
                </c:pt>
                <c:pt idx="90">
                  <c:v>45057</c:v>
                </c:pt>
                <c:pt idx="91">
                  <c:v>45058</c:v>
                </c:pt>
                <c:pt idx="92">
                  <c:v>45061</c:v>
                </c:pt>
                <c:pt idx="93">
                  <c:v>45063</c:v>
                </c:pt>
                <c:pt idx="94">
                  <c:v>45064</c:v>
                </c:pt>
                <c:pt idx="95">
                  <c:v>45065</c:v>
                </c:pt>
                <c:pt idx="96">
                  <c:v>45068</c:v>
                </c:pt>
                <c:pt idx="97">
                  <c:v>45069</c:v>
                </c:pt>
                <c:pt idx="98">
                  <c:v>45070</c:v>
                </c:pt>
                <c:pt idx="99">
                  <c:v>45071</c:v>
                </c:pt>
                <c:pt idx="100">
                  <c:v>45072</c:v>
                </c:pt>
                <c:pt idx="101">
                  <c:v>45076</c:v>
                </c:pt>
                <c:pt idx="102">
                  <c:v>45077</c:v>
                </c:pt>
                <c:pt idx="103">
                  <c:v>45078</c:v>
                </c:pt>
                <c:pt idx="104">
                  <c:v>45079</c:v>
                </c:pt>
                <c:pt idx="105">
                  <c:v>45082</c:v>
                </c:pt>
                <c:pt idx="106">
                  <c:v>45083</c:v>
                </c:pt>
                <c:pt idx="107">
                  <c:v>45084</c:v>
                </c:pt>
                <c:pt idx="108">
                  <c:v>45085</c:v>
                </c:pt>
                <c:pt idx="109">
                  <c:v>45086</c:v>
                </c:pt>
                <c:pt idx="110">
                  <c:v>45089</c:v>
                </c:pt>
                <c:pt idx="111">
                  <c:v>45090</c:v>
                </c:pt>
                <c:pt idx="112">
                  <c:v>45091</c:v>
                </c:pt>
                <c:pt idx="113">
                  <c:v>45092</c:v>
                </c:pt>
                <c:pt idx="114">
                  <c:v>45093</c:v>
                </c:pt>
                <c:pt idx="115">
                  <c:v>45097</c:v>
                </c:pt>
                <c:pt idx="116">
                  <c:v>45098</c:v>
                </c:pt>
                <c:pt idx="117">
                  <c:v>45099</c:v>
                </c:pt>
                <c:pt idx="118">
                  <c:v>45100</c:v>
                </c:pt>
                <c:pt idx="119">
                  <c:v>45103</c:v>
                </c:pt>
                <c:pt idx="120">
                  <c:v>45104</c:v>
                </c:pt>
                <c:pt idx="121">
                  <c:v>45105</c:v>
                </c:pt>
                <c:pt idx="122">
                  <c:v>45106</c:v>
                </c:pt>
                <c:pt idx="123">
                  <c:v>45107</c:v>
                </c:pt>
                <c:pt idx="124">
                  <c:v>45110</c:v>
                </c:pt>
                <c:pt idx="125">
                  <c:v>45112</c:v>
                </c:pt>
                <c:pt idx="126">
                  <c:v>45113</c:v>
                </c:pt>
                <c:pt idx="127">
                  <c:v>45114</c:v>
                </c:pt>
                <c:pt idx="128">
                  <c:v>45117</c:v>
                </c:pt>
                <c:pt idx="129">
                  <c:v>45118</c:v>
                </c:pt>
                <c:pt idx="130">
                  <c:v>45119</c:v>
                </c:pt>
                <c:pt idx="131">
                  <c:v>45120</c:v>
                </c:pt>
                <c:pt idx="132">
                  <c:v>45121</c:v>
                </c:pt>
                <c:pt idx="133">
                  <c:v>45124</c:v>
                </c:pt>
                <c:pt idx="134">
                  <c:v>45125</c:v>
                </c:pt>
                <c:pt idx="135">
                  <c:v>45126</c:v>
                </c:pt>
                <c:pt idx="136">
                  <c:v>45127</c:v>
                </c:pt>
                <c:pt idx="137">
                  <c:v>45128</c:v>
                </c:pt>
                <c:pt idx="138">
                  <c:v>45131</c:v>
                </c:pt>
                <c:pt idx="139">
                  <c:v>45132</c:v>
                </c:pt>
                <c:pt idx="140">
                  <c:v>45133</c:v>
                </c:pt>
                <c:pt idx="141">
                  <c:v>45134</c:v>
                </c:pt>
                <c:pt idx="142">
                  <c:v>45135</c:v>
                </c:pt>
                <c:pt idx="143">
                  <c:v>45138</c:v>
                </c:pt>
                <c:pt idx="144">
                  <c:v>45139</c:v>
                </c:pt>
                <c:pt idx="145">
                  <c:v>45140</c:v>
                </c:pt>
                <c:pt idx="146">
                  <c:v>45141</c:v>
                </c:pt>
                <c:pt idx="147">
                  <c:v>45142</c:v>
                </c:pt>
                <c:pt idx="148">
                  <c:v>45145</c:v>
                </c:pt>
                <c:pt idx="149">
                  <c:v>45146</c:v>
                </c:pt>
                <c:pt idx="150">
                  <c:v>45147</c:v>
                </c:pt>
                <c:pt idx="151">
                  <c:v>45148</c:v>
                </c:pt>
                <c:pt idx="152">
                  <c:v>45149</c:v>
                </c:pt>
                <c:pt idx="153">
                  <c:v>45152</c:v>
                </c:pt>
                <c:pt idx="154">
                  <c:v>45153</c:v>
                </c:pt>
                <c:pt idx="155">
                  <c:v>45154</c:v>
                </c:pt>
                <c:pt idx="156">
                  <c:v>45155</c:v>
                </c:pt>
                <c:pt idx="157">
                  <c:v>45156</c:v>
                </c:pt>
                <c:pt idx="158">
                  <c:v>45159</c:v>
                </c:pt>
                <c:pt idx="159">
                  <c:v>45160</c:v>
                </c:pt>
                <c:pt idx="160">
                  <c:v>45161</c:v>
                </c:pt>
                <c:pt idx="161">
                  <c:v>45162</c:v>
                </c:pt>
                <c:pt idx="162">
                  <c:v>45163</c:v>
                </c:pt>
                <c:pt idx="163">
                  <c:v>45166</c:v>
                </c:pt>
                <c:pt idx="164">
                  <c:v>45167</c:v>
                </c:pt>
                <c:pt idx="165">
                  <c:v>45168</c:v>
                </c:pt>
                <c:pt idx="166">
                  <c:v>45169</c:v>
                </c:pt>
                <c:pt idx="167">
                  <c:v>45170</c:v>
                </c:pt>
                <c:pt idx="168">
                  <c:v>45174</c:v>
                </c:pt>
                <c:pt idx="169">
                  <c:v>45175</c:v>
                </c:pt>
                <c:pt idx="170">
                  <c:v>45176</c:v>
                </c:pt>
                <c:pt idx="171">
                  <c:v>45177</c:v>
                </c:pt>
                <c:pt idx="172">
                  <c:v>45180</c:v>
                </c:pt>
                <c:pt idx="173">
                  <c:v>45181</c:v>
                </c:pt>
                <c:pt idx="174">
                  <c:v>45182</c:v>
                </c:pt>
                <c:pt idx="175">
                  <c:v>45183</c:v>
                </c:pt>
                <c:pt idx="176">
                  <c:v>45184</c:v>
                </c:pt>
                <c:pt idx="177">
                  <c:v>45187</c:v>
                </c:pt>
                <c:pt idx="178">
                  <c:v>45188</c:v>
                </c:pt>
                <c:pt idx="179">
                  <c:v>45189</c:v>
                </c:pt>
                <c:pt idx="180">
                  <c:v>45190</c:v>
                </c:pt>
                <c:pt idx="181">
                  <c:v>45191</c:v>
                </c:pt>
                <c:pt idx="182">
                  <c:v>45194</c:v>
                </c:pt>
                <c:pt idx="183">
                  <c:v>45195</c:v>
                </c:pt>
                <c:pt idx="184">
                  <c:v>45196</c:v>
                </c:pt>
                <c:pt idx="185">
                  <c:v>45197</c:v>
                </c:pt>
                <c:pt idx="186">
                  <c:v>45198</c:v>
                </c:pt>
              </c:numCache>
            </c:numRef>
          </c:cat>
          <c:val>
            <c:numRef>
              <c:f>'[Q3.2023 Market Outlook.xlsx]Big 7 vs. Indexes'!$U$3:$U$189</c:f>
              <c:numCache>
                <c:formatCode>General</c:formatCode>
                <c:ptCount val="187"/>
                <c:pt idx="0">
                  <c:v>99.999999999999972</c:v>
                </c:pt>
                <c:pt idx="1">
                  <c:v>98.386131409717407</c:v>
                </c:pt>
                <c:pt idx="2">
                  <c:v>99.095107601152051</c:v>
                </c:pt>
                <c:pt idx="3">
                  <c:v>96.944492722937653</c:v>
                </c:pt>
                <c:pt idx="4">
                  <c:v>99.629786564262602</c:v>
                </c:pt>
                <c:pt idx="5">
                  <c:v>101.6776842400928</c:v>
                </c:pt>
                <c:pt idx="6">
                  <c:v>102.86106346558161</c:v>
                </c:pt>
                <c:pt idx="7">
                  <c:v>105.52240909391898</c:v>
                </c:pt>
                <c:pt idx="8">
                  <c:v>106.5514327924724</c:v>
                </c:pt>
                <c:pt idx="9">
                  <c:v>107.5514730779304</c:v>
                </c:pt>
                <c:pt idx="10">
                  <c:v>108.88414675908372</c:v>
                </c:pt>
                <c:pt idx="11">
                  <c:v>107.61956616748833</c:v>
                </c:pt>
                <c:pt idx="12">
                  <c:v>107.08147364697146</c:v>
                </c:pt>
                <c:pt idx="13">
                  <c:v>111.12924779288629</c:v>
                </c:pt>
                <c:pt idx="14">
                  <c:v>114.4930688167525</c:v>
                </c:pt>
                <c:pt idx="15">
                  <c:v>114.18457959003953</c:v>
                </c:pt>
                <c:pt idx="16">
                  <c:v>113.73089469840926</c:v>
                </c:pt>
                <c:pt idx="17">
                  <c:v>117.53253054992426</c:v>
                </c:pt>
                <c:pt idx="18">
                  <c:v>120.8512920794365</c:v>
                </c:pt>
                <c:pt idx="19">
                  <c:v>117.47815948238335</c:v>
                </c:pt>
                <c:pt idx="20">
                  <c:v>119.58118507789146</c:v>
                </c:pt>
                <c:pt idx="21">
                  <c:v>122.58995367958516</c:v>
                </c:pt>
                <c:pt idx="22">
                  <c:v>130.27205964439383</c:v>
                </c:pt>
                <c:pt idx="23">
                  <c:v>128.2456942995297</c:v>
                </c:pt>
                <c:pt idx="24">
                  <c:v>127.79468518959115</c:v>
                </c:pt>
                <c:pt idx="25">
                  <c:v>130.62976578490034</c:v>
                </c:pt>
                <c:pt idx="26">
                  <c:v>128.68270946637932</c:v>
                </c:pt>
                <c:pt idx="27">
                  <c:v>127.61591003504236</c:v>
                </c:pt>
                <c:pt idx="28">
                  <c:v>125.75799328616013</c:v>
                </c:pt>
                <c:pt idx="29">
                  <c:v>127.38271608564401</c:v>
                </c:pt>
                <c:pt idx="30">
                  <c:v>129.25259232886833</c:v>
                </c:pt>
                <c:pt idx="31">
                  <c:v>129.91478988047942</c:v>
                </c:pt>
                <c:pt idx="32">
                  <c:v>127.07735810431311</c:v>
                </c:pt>
                <c:pt idx="33">
                  <c:v>126.51601027181417</c:v>
                </c:pt>
                <c:pt idx="34">
                  <c:v>123.75785169529381</c:v>
                </c:pt>
                <c:pt idx="35">
                  <c:v>124.1359946754489</c:v>
                </c:pt>
                <c:pt idx="36">
                  <c:v>126.42010019907083</c:v>
                </c:pt>
                <c:pt idx="37">
                  <c:v>124.49703866739905</c:v>
                </c:pt>
                <c:pt idx="38">
                  <c:v>125.66773559175621</c:v>
                </c:pt>
                <c:pt idx="39">
                  <c:v>125.82770134809753</c:v>
                </c:pt>
                <c:pt idx="40">
                  <c:v>124.53200920064289</c:v>
                </c:pt>
                <c:pt idx="41">
                  <c:v>124.76770037298006</c:v>
                </c:pt>
                <c:pt idx="42">
                  <c:v>127.93852348843586</c:v>
                </c:pt>
                <c:pt idx="43">
                  <c:v>127.82906187399698</c:v>
                </c:pt>
                <c:pt idx="44">
                  <c:v>126.61083914084683</c:v>
                </c:pt>
                <c:pt idx="45">
                  <c:v>126.96993219073651</c:v>
                </c:pt>
                <c:pt idx="46">
                  <c:v>124.72643748937399</c:v>
                </c:pt>
                <c:pt idx="47">
                  <c:v>123.40453624249757</c:v>
                </c:pt>
                <c:pt idx="48">
                  <c:v>124.44058420512674</c:v>
                </c:pt>
                <c:pt idx="49">
                  <c:v>128.29280772976324</c:v>
                </c:pt>
                <c:pt idx="50">
                  <c:v>129.26260555417355</c:v>
                </c:pt>
                <c:pt idx="51">
                  <c:v>132.88898676914101</c:v>
                </c:pt>
                <c:pt idx="52">
                  <c:v>132.15048098917245</c:v>
                </c:pt>
                <c:pt idx="53">
                  <c:v>132.27362234046132</c:v>
                </c:pt>
                <c:pt idx="54">
                  <c:v>135.06798994030268</c:v>
                </c:pt>
                <c:pt idx="55">
                  <c:v>133.89365097813007</c:v>
                </c:pt>
                <c:pt idx="56">
                  <c:v>135.37437075031403</c:v>
                </c:pt>
                <c:pt idx="57">
                  <c:v>135.3071625916302</c:v>
                </c:pt>
                <c:pt idx="58">
                  <c:v>134.25426443251285</c:v>
                </c:pt>
                <c:pt idx="59">
                  <c:v>133.40960009948111</c:v>
                </c:pt>
                <c:pt idx="60">
                  <c:v>135.4565592171549</c:v>
                </c:pt>
                <c:pt idx="61">
                  <c:v>136.44466801504166</c:v>
                </c:pt>
                <c:pt idx="62">
                  <c:v>138.84309827343796</c:v>
                </c:pt>
                <c:pt idx="63">
                  <c:v>138.16417842464523</c:v>
                </c:pt>
                <c:pt idx="64">
                  <c:v>138.06781746869174</c:v>
                </c:pt>
                <c:pt idx="65">
                  <c:v>136.30254616760357</c:v>
                </c:pt>
                <c:pt idx="66">
                  <c:v>137.78117400483987</c:v>
                </c:pt>
                <c:pt idx="67">
                  <c:v>137.3539162424542</c:v>
                </c:pt>
                <c:pt idx="68">
                  <c:v>136.36502160209736</c:v>
                </c:pt>
                <c:pt idx="69">
                  <c:v>135.11870484916611</c:v>
                </c:pt>
                <c:pt idx="70">
                  <c:v>137.80489799379654</c:v>
                </c:pt>
                <c:pt idx="71">
                  <c:v>137.96316361052158</c:v>
                </c:pt>
                <c:pt idx="72">
                  <c:v>137.86737935870795</c:v>
                </c:pt>
                <c:pt idx="73">
                  <c:v>137.773969179397</c:v>
                </c:pt>
                <c:pt idx="74">
                  <c:v>137.81741976736998</c:v>
                </c:pt>
                <c:pt idx="75">
                  <c:v>135.71367943081481</c:v>
                </c:pt>
                <c:pt idx="76">
                  <c:v>136.18526412511781</c:v>
                </c:pt>
                <c:pt idx="77">
                  <c:v>135.72214009367858</c:v>
                </c:pt>
                <c:pt idx="78">
                  <c:v>133.54984801969619</c:v>
                </c:pt>
                <c:pt idx="79">
                  <c:v>134.80146098197736</c:v>
                </c:pt>
                <c:pt idx="80">
                  <c:v>139.58855507789895</c:v>
                </c:pt>
                <c:pt idx="81">
                  <c:v>139.9557450776482</c:v>
                </c:pt>
                <c:pt idx="82">
                  <c:v>139.94197962459918</c:v>
                </c:pt>
                <c:pt idx="83">
                  <c:v>139.10562807689115</c:v>
                </c:pt>
                <c:pt idx="84">
                  <c:v>138.66911315676282</c:v>
                </c:pt>
                <c:pt idx="85">
                  <c:v>138.24316474616739</c:v>
                </c:pt>
                <c:pt idx="86">
                  <c:v>140.82545519403254</c:v>
                </c:pt>
                <c:pt idx="87">
                  <c:v>141.45909615724844</c:v>
                </c:pt>
                <c:pt idx="88">
                  <c:v>140.79359666810367</c:v>
                </c:pt>
                <c:pt idx="89">
                  <c:v>142.34074494162394</c:v>
                </c:pt>
                <c:pt idx="90">
                  <c:v>143.44465172568067</c:v>
                </c:pt>
                <c:pt idx="91">
                  <c:v>142.60623284154161</c:v>
                </c:pt>
                <c:pt idx="92">
                  <c:v>143.06665306600667</c:v>
                </c:pt>
                <c:pt idx="93">
                  <c:v>144.99722043112274</c:v>
                </c:pt>
                <c:pt idx="94">
                  <c:v>147.17731503550601</c:v>
                </c:pt>
                <c:pt idx="95">
                  <c:v>146.94609322753769</c:v>
                </c:pt>
                <c:pt idx="96">
                  <c:v>147.91732160011119</c:v>
                </c:pt>
                <c:pt idx="97">
                  <c:v>146.60157529114247</c:v>
                </c:pt>
                <c:pt idx="98">
                  <c:v>146.43863875088101</c:v>
                </c:pt>
                <c:pt idx="99">
                  <c:v>150.97785525408702</c:v>
                </c:pt>
                <c:pt idx="100">
                  <c:v>153.81606878172497</c:v>
                </c:pt>
                <c:pt idx="101">
                  <c:v>155.01723509698041</c:v>
                </c:pt>
                <c:pt idx="102">
                  <c:v>154.17781763780161</c:v>
                </c:pt>
                <c:pt idx="103">
                  <c:v>156.35555899569286</c:v>
                </c:pt>
                <c:pt idx="104">
                  <c:v>157.11170892969091</c:v>
                </c:pt>
                <c:pt idx="105">
                  <c:v>157.4232481659287</c:v>
                </c:pt>
                <c:pt idx="106">
                  <c:v>157.63458010036817</c:v>
                </c:pt>
                <c:pt idx="107">
                  <c:v>155.31596791149977</c:v>
                </c:pt>
                <c:pt idx="108">
                  <c:v>157.03608557673732</c:v>
                </c:pt>
                <c:pt idx="109">
                  <c:v>157.74709996858007</c:v>
                </c:pt>
                <c:pt idx="110">
                  <c:v>159.62857635170295</c:v>
                </c:pt>
                <c:pt idx="111">
                  <c:v>160.80763786722594</c:v>
                </c:pt>
                <c:pt idx="112">
                  <c:v>161.63097528986452</c:v>
                </c:pt>
                <c:pt idx="113">
                  <c:v>162.76799619273754</c:v>
                </c:pt>
                <c:pt idx="114">
                  <c:v>162.31728106030664</c:v>
                </c:pt>
                <c:pt idx="115">
                  <c:v>163.43434473945993</c:v>
                </c:pt>
                <c:pt idx="116">
                  <c:v>161.59547254987746</c:v>
                </c:pt>
                <c:pt idx="117">
                  <c:v>163.45314164709959</c:v>
                </c:pt>
                <c:pt idx="118">
                  <c:v>162.53718245025766</c:v>
                </c:pt>
                <c:pt idx="119">
                  <c:v>159.56042750255523</c:v>
                </c:pt>
                <c:pt idx="120">
                  <c:v>161.66185005554132</c:v>
                </c:pt>
                <c:pt idx="121">
                  <c:v>162.0125307931475</c:v>
                </c:pt>
                <c:pt idx="122">
                  <c:v>161.52905241259822</c:v>
                </c:pt>
                <c:pt idx="123">
                  <c:v>163.4712757469957</c:v>
                </c:pt>
                <c:pt idx="124">
                  <c:v>164.23636899050211</c:v>
                </c:pt>
                <c:pt idx="125">
                  <c:v>164.91775079941263</c:v>
                </c:pt>
                <c:pt idx="126">
                  <c:v>164.18349124752623</c:v>
                </c:pt>
                <c:pt idx="127">
                  <c:v>163.96819363774441</c:v>
                </c:pt>
                <c:pt idx="128">
                  <c:v>162.74684979237372</c:v>
                </c:pt>
                <c:pt idx="129">
                  <c:v>163.29358955651441</c:v>
                </c:pt>
                <c:pt idx="130">
                  <c:v>165.21759294076537</c:v>
                </c:pt>
                <c:pt idx="131">
                  <c:v>167.73657763179096</c:v>
                </c:pt>
                <c:pt idx="132">
                  <c:v>167.81085955237151</c:v>
                </c:pt>
                <c:pt idx="133">
                  <c:v>168.72139629004889</c:v>
                </c:pt>
                <c:pt idx="134">
                  <c:v>169.61974944827725</c:v>
                </c:pt>
                <c:pt idx="135">
                  <c:v>169.57249381863411</c:v>
                </c:pt>
                <c:pt idx="136">
                  <c:v>165.72341337361127</c:v>
                </c:pt>
                <c:pt idx="137">
                  <c:v>164.68378252109895</c:v>
                </c:pt>
                <c:pt idx="138">
                  <c:v>165.31332146389357</c:v>
                </c:pt>
                <c:pt idx="139">
                  <c:v>166.01841070287091</c:v>
                </c:pt>
                <c:pt idx="140">
                  <c:v>166.34034919590604</c:v>
                </c:pt>
                <c:pt idx="141">
                  <c:v>166.27628148396192</c:v>
                </c:pt>
                <c:pt idx="142">
                  <c:v>169.08695685849494</c:v>
                </c:pt>
                <c:pt idx="143">
                  <c:v>168.94736525206395</c:v>
                </c:pt>
                <c:pt idx="144">
                  <c:v>168.34185680806809</c:v>
                </c:pt>
                <c:pt idx="145">
                  <c:v>165.58354941231241</c:v>
                </c:pt>
                <c:pt idx="146">
                  <c:v>165.84947845259131</c:v>
                </c:pt>
                <c:pt idx="147">
                  <c:v>165.99593151299609</c:v>
                </c:pt>
                <c:pt idx="148">
                  <c:v>166.8715073349276</c:v>
                </c:pt>
                <c:pt idx="149">
                  <c:v>166.01552670730462</c:v>
                </c:pt>
                <c:pt idx="150">
                  <c:v>163.87366204990545</c:v>
                </c:pt>
                <c:pt idx="151">
                  <c:v>164.11882611478686</c:v>
                </c:pt>
                <c:pt idx="152">
                  <c:v>163.14405760162103</c:v>
                </c:pt>
                <c:pt idx="153">
                  <c:v>164.88987889731783</c:v>
                </c:pt>
                <c:pt idx="154">
                  <c:v>163.62850849081767</c:v>
                </c:pt>
                <c:pt idx="155">
                  <c:v>162.17302206624402</c:v>
                </c:pt>
                <c:pt idx="156">
                  <c:v>160.93087017319576</c:v>
                </c:pt>
                <c:pt idx="157">
                  <c:v>160.25159887183435</c:v>
                </c:pt>
                <c:pt idx="158">
                  <c:v>163.45679710321497</c:v>
                </c:pt>
                <c:pt idx="159">
                  <c:v>163.23839439892936</c:v>
                </c:pt>
                <c:pt idx="160">
                  <c:v>165.25995486800923</c:v>
                </c:pt>
                <c:pt idx="161">
                  <c:v>163.15079543258446</c:v>
                </c:pt>
                <c:pt idx="162">
                  <c:v>163.7525394146279</c:v>
                </c:pt>
                <c:pt idx="163">
                  <c:v>164.52776257453732</c:v>
                </c:pt>
                <c:pt idx="164">
                  <c:v>167.698506300774</c:v>
                </c:pt>
                <c:pt idx="165">
                  <c:v>168.13139586185434</c:v>
                </c:pt>
                <c:pt idx="166">
                  <c:v>168.5750802303377</c:v>
                </c:pt>
                <c:pt idx="167">
                  <c:v>167.74840439719759</c:v>
                </c:pt>
                <c:pt idx="168">
                  <c:v>168.76528115989757</c:v>
                </c:pt>
                <c:pt idx="169">
                  <c:v>167.15107530446613</c:v>
                </c:pt>
                <c:pt idx="170">
                  <c:v>166.65637952442836</c:v>
                </c:pt>
                <c:pt idx="171">
                  <c:v>166.63889155762573</c:v>
                </c:pt>
                <c:pt idx="172">
                  <c:v>169.23223413874183</c:v>
                </c:pt>
                <c:pt idx="173">
                  <c:v>167.68618619315561</c:v>
                </c:pt>
                <c:pt idx="174">
                  <c:v>168.77317540652291</c:v>
                </c:pt>
                <c:pt idx="175">
                  <c:v>169.73491845963716</c:v>
                </c:pt>
                <c:pt idx="176">
                  <c:v>167.6829228859566</c:v>
                </c:pt>
                <c:pt idx="177">
                  <c:v>167.57059139628186</c:v>
                </c:pt>
                <c:pt idx="178">
                  <c:v>167.42345930195745</c:v>
                </c:pt>
                <c:pt idx="179">
                  <c:v>165.22447567304363</c:v>
                </c:pt>
                <c:pt idx="180">
                  <c:v>163.08446857128894</c:v>
                </c:pt>
                <c:pt idx="181">
                  <c:v>162.7622926442607</c:v>
                </c:pt>
                <c:pt idx="182">
                  <c:v>163.64060408399706</c:v>
                </c:pt>
                <c:pt idx="183">
                  <c:v>161.85037838416241</c:v>
                </c:pt>
                <c:pt idx="184">
                  <c:v>161.89219607133091</c:v>
                </c:pt>
                <c:pt idx="185">
                  <c:v>163.00312184665168</c:v>
                </c:pt>
                <c:pt idx="186">
                  <c:v>163.29779862543819</c:v>
                </c:pt>
              </c:numCache>
            </c:numRef>
          </c:val>
          <c:smooth val="0"/>
          <c:extLst>
            <c:ext xmlns:c16="http://schemas.microsoft.com/office/drawing/2014/chart" uri="{C3380CC4-5D6E-409C-BE32-E72D297353CC}">
              <c16:uniqueId val="{00000004-74ED-41EE-A07D-DD9F6A403A65}"/>
            </c:ext>
          </c:extLst>
        </c:ser>
        <c:dLbls>
          <c:showLegendKey val="0"/>
          <c:showVal val="0"/>
          <c:showCatName val="0"/>
          <c:showSerName val="0"/>
          <c:showPercent val="0"/>
          <c:showBubbleSize val="0"/>
        </c:dLbls>
        <c:smooth val="0"/>
        <c:axId val="1661921984"/>
        <c:axId val="1476184928"/>
      </c:lineChart>
      <c:dateAx>
        <c:axId val="1661921984"/>
        <c:scaling>
          <c:orientation val="minMax"/>
        </c:scaling>
        <c:delete val="0"/>
        <c:axPos val="b"/>
        <c:numFmt formatCode="mm/dd/yy" sourceLinked="1"/>
        <c:majorTickMark val="cross"/>
        <c:minorTickMark val="out"/>
        <c:tickLblPos val="nextTo"/>
        <c:spPr>
          <a:noFill/>
          <a:ln w="9525" cap="flat" cmpd="sng" algn="ctr">
            <a:solidFill>
              <a:schemeClr val="tx1"/>
            </a:solidFill>
            <a:round/>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1476184928"/>
        <c:crosses val="autoZero"/>
        <c:auto val="1"/>
        <c:lblOffset val="100"/>
        <c:baseTimeUnit val="days"/>
      </c:dateAx>
      <c:valAx>
        <c:axId val="1476184928"/>
        <c:scaling>
          <c:orientation val="minMax"/>
          <c:min val="90"/>
        </c:scaling>
        <c:delete val="0"/>
        <c:axPos val="l"/>
        <c:numFmt formatCode="#,##0" sourceLinked="0"/>
        <c:majorTickMark val="none"/>
        <c:minorTickMark val="none"/>
        <c:tickLblPos val="nextTo"/>
        <c:spPr>
          <a:noFill/>
          <a:ln>
            <a:noFill/>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1661921984"/>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solidFill>
      <a:schemeClr val="bg1"/>
    </a:solidFill>
    <a:ln w="9525" cap="flat" cmpd="sng" algn="ctr">
      <a:noFill/>
      <a:round/>
    </a:ln>
    <a:effectLst/>
  </c:spPr>
  <c:txPr>
    <a:bodyPr/>
    <a:lstStyle/>
    <a:p>
      <a:pPr>
        <a:defRPr/>
      </a:pPr>
      <a:endParaRPr lang="en-US"/>
    </a:p>
  </c:txPr>
  <c:externalData r:id="rId3">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6.7265345091315987E-2"/>
          <c:y val="3.6289258379519664E-2"/>
          <c:w val="0.92186981353536801"/>
          <c:h val="0.81095348532739819"/>
        </c:manualLayout>
      </c:layout>
      <c:lineChart>
        <c:grouping val="standard"/>
        <c:varyColors val="0"/>
        <c:ser>
          <c:idx val="0"/>
          <c:order val="0"/>
          <c:tx>
            <c:v>S&amp;P 500</c:v>
          </c:tx>
          <c:spPr>
            <a:ln w="19050" cap="rnd">
              <a:solidFill>
                <a:schemeClr val="accent1"/>
              </a:solidFill>
              <a:round/>
            </a:ln>
            <a:effectLst/>
          </c:spPr>
          <c:marker>
            <c:symbol val="none"/>
          </c:marker>
          <c:cat>
            <c:numRef>
              <c:f>'50D MVA (2)'!$E$3881:$E$5978</c:f>
              <c:numCache>
                <c:formatCode>m/d/yyyy</c:formatCode>
                <c:ptCount val="2098"/>
                <c:pt idx="0">
                  <c:v>42157</c:v>
                </c:pt>
                <c:pt idx="1">
                  <c:v>42158</c:v>
                </c:pt>
                <c:pt idx="2">
                  <c:v>42159</c:v>
                </c:pt>
                <c:pt idx="3">
                  <c:v>42160</c:v>
                </c:pt>
                <c:pt idx="4">
                  <c:v>42163</c:v>
                </c:pt>
                <c:pt idx="5">
                  <c:v>42164</c:v>
                </c:pt>
                <c:pt idx="6">
                  <c:v>42165</c:v>
                </c:pt>
                <c:pt idx="7">
                  <c:v>42166</c:v>
                </c:pt>
                <c:pt idx="8">
                  <c:v>42167</c:v>
                </c:pt>
                <c:pt idx="9">
                  <c:v>42170</c:v>
                </c:pt>
                <c:pt idx="10">
                  <c:v>42171</c:v>
                </c:pt>
                <c:pt idx="11">
                  <c:v>42172</c:v>
                </c:pt>
                <c:pt idx="12">
                  <c:v>42173</c:v>
                </c:pt>
                <c:pt idx="13">
                  <c:v>42174</c:v>
                </c:pt>
                <c:pt idx="14">
                  <c:v>42177</c:v>
                </c:pt>
                <c:pt idx="15">
                  <c:v>42178</c:v>
                </c:pt>
                <c:pt idx="16">
                  <c:v>42179</c:v>
                </c:pt>
                <c:pt idx="17">
                  <c:v>42180</c:v>
                </c:pt>
                <c:pt idx="18">
                  <c:v>42181</c:v>
                </c:pt>
                <c:pt idx="19">
                  <c:v>42184</c:v>
                </c:pt>
                <c:pt idx="20">
                  <c:v>42185</c:v>
                </c:pt>
                <c:pt idx="21">
                  <c:v>42186</c:v>
                </c:pt>
                <c:pt idx="22">
                  <c:v>42187</c:v>
                </c:pt>
                <c:pt idx="23">
                  <c:v>42191</c:v>
                </c:pt>
                <c:pt idx="24">
                  <c:v>42192</c:v>
                </c:pt>
                <c:pt idx="25">
                  <c:v>42193</c:v>
                </c:pt>
                <c:pt idx="26">
                  <c:v>42194</c:v>
                </c:pt>
                <c:pt idx="27">
                  <c:v>42195</c:v>
                </c:pt>
                <c:pt idx="28">
                  <c:v>42198</c:v>
                </c:pt>
                <c:pt idx="29">
                  <c:v>42199</c:v>
                </c:pt>
                <c:pt idx="30">
                  <c:v>42200</c:v>
                </c:pt>
                <c:pt idx="31">
                  <c:v>42201</c:v>
                </c:pt>
                <c:pt idx="32">
                  <c:v>42202</c:v>
                </c:pt>
                <c:pt idx="33">
                  <c:v>42205</c:v>
                </c:pt>
                <c:pt idx="34">
                  <c:v>42206</c:v>
                </c:pt>
                <c:pt idx="35">
                  <c:v>42207</c:v>
                </c:pt>
                <c:pt idx="36">
                  <c:v>42208</c:v>
                </c:pt>
                <c:pt idx="37">
                  <c:v>42209</c:v>
                </c:pt>
                <c:pt idx="38">
                  <c:v>42212</c:v>
                </c:pt>
                <c:pt idx="39">
                  <c:v>42213</c:v>
                </c:pt>
                <c:pt idx="40">
                  <c:v>42214</c:v>
                </c:pt>
                <c:pt idx="41">
                  <c:v>42215</c:v>
                </c:pt>
                <c:pt idx="42">
                  <c:v>42216</c:v>
                </c:pt>
                <c:pt idx="43">
                  <c:v>42219</c:v>
                </c:pt>
                <c:pt idx="44">
                  <c:v>42220</c:v>
                </c:pt>
                <c:pt idx="45">
                  <c:v>42221</c:v>
                </c:pt>
                <c:pt idx="46">
                  <c:v>42222</c:v>
                </c:pt>
                <c:pt idx="47">
                  <c:v>42223</c:v>
                </c:pt>
                <c:pt idx="48">
                  <c:v>42226</c:v>
                </c:pt>
                <c:pt idx="49">
                  <c:v>42227</c:v>
                </c:pt>
                <c:pt idx="50">
                  <c:v>42228</c:v>
                </c:pt>
                <c:pt idx="51">
                  <c:v>42229</c:v>
                </c:pt>
                <c:pt idx="52">
                  <c:v>42230</c:v>
                </c:pt>
                <c:pt idx="53">
                  <c:v>42233</c:v>
                </c:pt>
                <c:pt idx="54">
                  <c:v>42234</c:v>
                </c:pt>
                <c:pt idx="55">
                  <c:v>42235</c:v>
                </c:pt>
                <c:pt idx="56">
                  <c:v>42236</c:v>
                </c:pt>
                <c:pt idx="57">
                  <c:v>42237</c:v>
                </c:pt>
                <c:pt idx="58">
                  <c:v>42240</c:v>
                </c:pt>
                <c:pt idx="59">
                  <c:v>42241</c:v>
                </c:pt>
                <c:pt idx="60">
                  <c:v>42242</c:v>
                </c:pt>
                <c:pt idx="61">
                  <c:v>42243</c:v>
                </c:pt>
                <c:pt idx="62">
                  <c:v>42244</c:v>
                </c:pt>
                <c:pt idx="63">
                  <c:v>42247</c:v>
                </c:pt>
                <c:pt idx="64">
                  <c:v>42248</c:v>
                </c:pt>
                <c:pt idx="65">
                  <c:v>42249</c:v>
                </c:pt>
                <c:pt idx="66">
                  <c:v>42250</c:v>
                </c:pt>
                <c:pt idx="67">
                  <c:v>42251</c:v>
                </c:pt>
                <c:pt idx="68">
                  <c:v>42255</c:v>
                </c:pt>
                <c:pt idx="69">
                  <c:v>42256</c:v>
                </c:pt>
                <c:pt idx="70">
                  <c:v>42257</c:v>
                </c:pt>
                <c:pt idx="71">
                  <c:v>42258</c:v>
                </c:pt>
                <c:pt idx="72">
                  <c:v>42261</c:v>
                </c:pt>
                <c:pt idx="73">
                  <c:v>42262</c:v>
                </c:pt>
                <c:pt idx="74">
                  <c:v>42263</c:v>
                </c:pt>
                <c:pt idx="75">
                  <c:v>42264</c:v>
                </c:pt>
                <c:pt idx="76">
                  <c:v>42265</c:v>
                </c:pt>
                <c:pt idx="77">
                  <c:v>42268</c:v>
                </c:pt>
                <c:pt idx="78">
                  <c:v>42269</c:v>
                </c:pt>
                <c:pt idx="79">
                  <c:v>42270</c:v>
                </c:pt>
                <c:pt idx="80">
                  <c:v>42271</c:v>
                </c:pt>
                <c:pt idx="81">
                  <c:v>42272</c:v>
                </c:pt>
                <c:pt idx="82">
                  <c:v>42275</c:v>
                </c:pt>
                <c:pt idx="83">
                  <c:v>42276</c:v>
                </c:pt>
                <c:pt idx="84">
                  <c:v>42277</c:v>
                </c:pt>
                <c:pt idx="85">
                  <c:v>42278</c:v>
                </c:pt>
                <c:pt idx="86">
                  <c:v>42279</c:v>
                </c:pt>
                <c:pt idx="87">
                  <c:v>42282</c:v>
                </c:pt>
                <c:pt idx="88">
                  <c:v>42283</c:v>
                </c:pt>
                <c:pt idx="89">
                  <c:v>42284</c:v>
                </c:pt>
                <c:pt idx="90">
                  <c:v>42285</c:v>
                </c:pt>
                <c:pt idx="91">
                  <c:v>42286</c:v>
                </c:pt>
                <c:pt idx="92">
                  <c:v>42289</c:v>
                </c:pt>
                <c:pt idx="93">
                  <c:v>42290</c:v>
                </c:pt>
                <c:pt idx="94">
                  <c:v>42291</c:v>
                </c:pt>
                <c:pt idx="95">
                  <c:v>42292</c:v>
                </c:pt>
                <c:pt idx="96">
                  <c:v>42293</c:v>
                </c:pt>
                <c:pt idx="97">
                  <c:v>42296</c:v>
                </c:pt>
                <c:pt idx="98">
                  <c:v>42297</c:v>
                </c:pt>
                <c:pt idx="99">
                  <c:v>42298</c:v>
                </c:pt>
                <c:pt idx="100">
                  <c:v>42299</c:v>
                </c:pt>
                <c:pt idx="101">
                  <c:v>42300</c:v>
                </c:pt>
                <c:pt idx="102">
                  <c:v>42303</c:v>
                </c:pt>
                <c:pt idx="103">
                  <c:v>42304</c:v>
                </c:pt>
                <c:pt idx="104">
                  <c:v>42305</c:v>
                </c:pt>
                <c:pt idx="105">
                  <c:v>42306</c:v>
                </c:pt>
                <c:pt idx="106">
                  <c:v>42307</c:v>
                </c:pt>
                <c:pt idx="107">
                  <c:v>42310</c:v>
                </c:pt>
                <c:pt idx="108">
                  <c:v>42311</c:v>
                </c:pt>
                <c:pt idx="109">
                  <c:v>42312</c:v>
                </c:pt>
                <c:pt idx="110">
                  <c:v>42313</c:v>
                </c:pt>
                <c:pt idx="111">
                  <c:v>42314</c:v>
                </c:pt>
                <c:pt idx="112">
                  <c:v>42317</c:v>
                </c:pt>
                <c:pt idx="113">
                  <c:v>42318</c:v>
                </c:pt>
                <c:pt idx="114">
                  <c:v>42319</c:v>
                </c:pt>
                <c:pt idx="115">
                  <c:v>42320</c:v>
                </c:pt>
                <c:pt idx="116">
                  <c:v>42321</c:v>
                </c:pt>
                <c:pt idx="117">
                  <c:v>42324</c:v>
                </c:pt>
                <c:pt idx="118">
                  <c:v>42325</c:v>
                </c:pt>
                <c:pt idx="119">
                  <c:v>42326</c:v>
                </c:pt>
                <c:pt idx="120">
                  <c:v>42327</c:v>
                </c:pt>
                <c:pt idx="121">
                  <c:v>42328</c:v>
                </c:pt>
                <c:pt idx="122">
                  <c:v>42331</c:v>
                </c:pt>
                <c:pt idx="123">
                  <c:v>42332</c:v>
                </c:pt>
                <c:pt idx="124">
                  <c:v>42333</c:v>
                </c:pt>
                <c:pt idx="125">
                  <c:v>42335</c:v>
                </c:pt>
                <c:pt idx="126">
                  <c:v>42338</c:v>
                </c:pt>
                <c:pt idx="127">
                  <c:v>42339</c:v>
                </c:pt>
                <c:pt idx="128">
                  <c:v>42340</c:v>
                </c:pt>
                <c:pt idx="129">
                  <c:v>42341</c:v>
                </c:pt>
                <c:pt idx="130">
                  <c:v>42342</c:v>
                </c:pt>
                <c:pt idx="131">
                  <c:v>42345</c:v>
                </c:pt>
                <c:pt idx="132">
                  <c:v>42346</c:v>
                </c:pt>
                <c:pt idx="133">
                  <c:v>42347</c:v>
                </c:pt>
                <c:pt idx="134">
                  <c:v>42348</c:v>
                </c:pt>
                <c:pt idx="135">
                  <c:v>42349</c:v>
                </c:pt>
                <c:pt idx="136">
                  <c:v>42352</c:v>
                </c:pt>
                <c:pt idx="137">
                  <c:v>42353</c:v>
                </c:pt>
                <c:pt idx="138">
                  <c:v>42354</c:v>
                </c:pt>
                <c:pt idx="139">
                  <c:v>42355</c:v>
                </c:pt>
                <c:pt idx="140">
                  <c:v>42356</c:v>
                </c:pt>
                <c:pt idx="141">
                  <c:v>42359</c:v>
                </c:pt>
                <c:pt idx="142">
                  <c:v>42360</c:v>
                </c:pt>
                <c:pt idx="143">
                  <c:v>42361</c:v>
                </c:pt>
                <c:pt idx="144">
                  <c:v>42362</c:v>
                </c:pt>
                <c:pt idx="145">
                  <c:v>42366</c:v>
                </c:pt>
                <c:pt idx="146">
                  <c:v>42367</c:v>
                </c:pt>
                <c:pt idx="147">
                  <c:v>42368</c:v>
                </c:pt>
                <c:pt idx="148">
                  <c:v>42369</c:v>
                </c:pt>
                <c:pt idx="149">
                  <c:v>42373</c:v>
                </c:pt>
                <c:pt idx="150">
                  <c:v>42374</c:v>
                </c:pt>
                <c:pt idx="151">
                  <c:v>42375</c:v>
                </c:pt>
                <c:pt idx="152">
                  <c:v>42376</c:v>
                </c:pt>
                <c:pt idx="153">
                  <c:v>42377</c:v>
                </c:pt>
                <c:pt idx="154">
                  <c:v>42380</c:v>
                </c:pt>
                <c:pt idx="155">
                  <c:v>42381</c:v>
                </c:pt>
                <c:pt idx="156">
                  <c:v>42382</c:v>
                </c:pt>
                <c:pt idx="157">
                  <c:v>42383</c:v>
                </c:pt>
                <c:pt idx="158">
                  <c:v>42384</c:v>
                </c:pt>
                <c:pt idx="159">
                  <c:v>42388</c:v>
                </c:pt>
                <c:pt idx="160">
                  <c:v>42389</c:v>
                </c:pt>
                <c:pt idx="161">
                  <c:v>42390</c:v>
                </c:pt>
                <c:pt idx="162">
                  <c:v>42391</c:v>
                </c:pt>
                <c:pt idx="163">
                  <c:v>42394</c:v>
                </c:pt>
                <c:pt idx="164">
                  <c:v>42395</c:v>
                </c:pt>
                <c:pt idx="165">
                  <c:v>42396</c:v>
                </c:pt>
                <c:pt idx="166">
                  <c:v>42397</c:v>
                </c:pt>
                <c:pt idx="167">
                  <c:v>42398</c:v>
                </c:pt>
                <c:pt idx="168">
                  <c:v>42401</c:v>
                </c:pt>
                <c:pt idx="169">
                  <c:v>42402</c:v>
                </c:pt>
                <c:pt idx="170">
                  <c:v>42403</c:v>
                </c:pt>
                <c:pt idx="171">
                  <c:v>42404</c:v>
                </c:pt>
                <c:pt idx="172">
                  <c:v>42405</c:v>
                </c:pt>
                <c:pt idx="173">
                  <c:v>42408</c:v>
                </c:pt>
                <c:pt idx="174">
                  <c:v>42409</c:v>
                </c:pt>
                <c:pt idx="175">
                  <c:v>42410</c:v>
                </c:pt>
                <c:pt idx="176">
                  <c:v>42411</c:v>
                </c:pt>
                <c:pt idx="177">
                  <c:v>42412</c:v>
                </c:pt>
                <c:pt idx="178">
                  <c:v>42416</c:v>
                </c:pt>
                <c:pt idx="179">
                  <c:v>42417</c:v>
                </c:pt>
                <c:pt idx="180">
                  <c:v>42418</c:v>
                </c:pt>
                <c:pt idx="181">
                  <c:v>42419</c:v>
                </c:pt>
                <c:pt idx="182">
                  <c:v>42422</c:v>
                </c:pt>
                <c:pt idx="183">
                  <c:v>42423</c:v>
                </c:pt>
                <c:pt idx="184">
                  <c:v>42424</c:v>
                </c:pt>
                <c:pt idx="185">
                  <c:v>42425</c:v>
                </c:pt>
                <c:pt idx="186">
                  <c:v>42426</c:v>
                </c:pt>
                <c:pt idx="187">
                  <c:v>42429</c:v>
                </c:pt>
                <c:pt idx="188">
                  <c:v>42430</c:v>
                </c:pt>
                <c:pt idx="189">
                  <c:v>42431</c:v>
                </c:pt>
                <c:pt idx="190">
                  <c:v>42432</c:v>
                </c:pt>
                <c:pt idx="191">
                  <c:v>42433</c:v>
                </c:pt>
                <c:pt idx="192">
                  <c:v>42436</c:v>
                </c:pt>
                <c:pt idx="193">
                  <c:v>42437</c:v>
                </c:pt>
                <c:pt idx="194">
                  <c:v>42438</c:v>
                </c:pt>
                <c:pt idx="195">
                  <c:v>42439</c:v>
                </c:pt>
                <c:pt idx="196">
                  <c:v>42440</c:v>
                </c:pt>
                <c:pt idx="197">
                  <c:v>42443</c:v>
                </c:pt>
                <c:pt idx="198">
                  <c:v>42444</c:v>
                </c:pt>
                <c:pt idx="199">
                  <c:v>42445</c:v>
                </c:pt>
                <c:pt idx="200">
                  <c:v>42446</c:v>
                </c:pt>
                <c:pt idx="201">
                  <c:v>42447</c:v>
                </c:pt>
                <c:pt idx="202">
                  <c:v>42450</c:v>
                </c:pt>
                <c:pt idx="203">
                  <c:v>42451</c:v>
                </c:pt>
                <c:pt idx="204">
                  <c:v>42452</c:v>
                </c:pt>
                <c:pt idx="205">
                  <c:v>42453</c:v>
                </c:pt>
                <c:pt idx="206">
                  <c:v>42457</c:v>
                </c:pt>
                <c:pt idx="207">
                  <c:v>42458</c:v>
                </c:pt>
                <c:pt idx="208">
                  <c:v>42459</c:v>
                </c:pt>
                <c:pt idx="209">
                  <c:v>42460</c:v>
                </c:pt>
                <c:pt idx="210">
                  <c:v>42461</c:v>
                </c:pt>
                <c:pt idx="211">
                  <c:v>42464</c:v>
                </c:pt>
                <c:pt idx="212">
                  <c:v>42465</c:v>
                </c:pt>
                <c:pt idx="213">
                  <c:v>42466</c:v>
                </c:pt>
                <c:pt idx="214">
                  <c:v>42467</c:v>
                </c:pt>
                <c:pt idx="215">
                  <c:v>42468</c:v>
                </c:pt>
                <c:pt idx="216">
                  <c:v>42471</c:v>
                </c:pt>
                <c:pt idx="217">
                  <c:v>42472</c:v>
                </c:pt>
                <c:pt idx="218">
                  <c:v>42473</c:v>
                </c:pt>
                <c:pt idx="219">
                  <c:v>42474</c:v>
                </c:pt>
                <c:pt idx="220">
                  <c:v>42475</c:v>
                </c:pt>
                <c:pt idx="221">
                  <c:v>42478</c:v>
                </c:pt>
                <c:pt idx="222">
                  <c:v>42479</c:v>
                </c:pt>
                <c:pt idx="223">
                  <c:v>42480</c:v>
                </c:pt>
                <c:pt idx="224">
                  <c:v>42481</c:v>
                </c:pt>
                <c:pt idx="225">
                  <c:v>42482</c:v>
                </c:pt>
                <c:pt idx="226">
                  <c:v>42485</c:v>
                </c:pt>
                <c:pt idx="227">
                  <c:v>42486</c:v>
                </c:pt>
                <c:pt idx="228">
                  <c:v>42487</c:v>
                </c:pt>
                <c:pt idx="229">
                  <c:v>42488</c:v>
                </c:pt>
                <c:pt idx="230">
                  <c:v>42489</c:v>
                </c:pt>
                <c:pt idx="231">
                  <c:v>42492</c:v>
                </c:pt>
                <c:pt idx="232">
                  <c:v>42493</c:v>
                </c:pt>
                <c:pt idx="233">
                  <c:v>42494</c:v>
                </c:pt>
                <c:pt idx="234">
                  <c:v>42495</c:v>
                </c:pt>
                <c:pt idx="235">
                  <c:v>42496</c:v>
                </c:pt>
                <c:pt idx="236">
                  <c:v>42499</c:v>
                </c:pt>
                <c:pt idx="237">
                  <c:v>42500</c:v>
                </c:pt>
                <c:pt idx="238">
                  <c:v>42501</c:v>
                </c:pt>
                <c:pt idx="239">
                  <c:v>42502</c:v>
                </c:pt>
                <c:pt idx="240">
                  <c:v>42503</c:v>
                </c:pt>
                <c:pt idx="241">
                  <c:v>42506</c:v>
                </c:pt>
                <c:pt idx="242">
                  <c:v>42507</c:v>
                </c:pt>
                <c:pt idx="243">
                  <c:v>42508</c:v>
                </c:pt>
                <c:pt idx="244">
                  <c:v>42509</c:v>
                </c:pt>
                <c:pt idx="245">
                  <c:v>42510</c:v>
                </c:pt>
                <c:pt idx="246">
                  <c:v>42513</c:v>
                </c:pt>
                <c:pt idx="247">
                  <c:v>42514</c:v>
                </c:pt>
                <c:pt idx="248">
                  <c:v>42515</c:v>
                </c:pt>
                <c:pt idx="249">
                  <c:v>42516</c:v>
                </c:pt>
                <c:pt idx="250">
                  <c:v>42517</c:v>
                </c:pt>
                <c:pt idx="251">
                  <c:v>42521</c:v>
                </c:pt>
                <c:pt idx="252">
                  <c:v>42522</c:v>
                </c:pt>
                <c:pt idx="253">
                  <c:v>42523</c:v>
                </c:pt>
                <c:pt idx="254">
                  <c:v>42524</c:v>
                </c:pt>
                <c:pt idx="255">
                  <c:v>42527</c:v>
                </c:pt>
                <c:pt idx="256">
                  <c:v>42528</c:v>
                </c:pt>
                <c:pt idx="257">
                  <c:v>42529</c:v>
                </c:pt>
                <c:pt idx="258">
                  <c:v>42530</c:v>
                </c:pt>
                <c:pt idx="259">
                  <c:v>42531</c:v>
                </c:pt>
                <c:pt idx="260">
                  <c:v>42534</c:v>
                </c:pt>
                <c:pt idx="261">
                  <c:v>42535</c:v>
                </c:pt>
                <c:pt idx="262">
                  <c:v>42536</c:v>
                </c:pt>
                <c:pt idx="263">
                  <c:v>42537</c:v>
                </c:pt>
                <c:pt idx="264">
                  <c:v>42538</c:v>
                </c:pt>
                <c:pt idx="265">
                  <c:v>42541</c:v>
                </c:pt>
                <c:pt idx="266">
                  <c:v>42542</c:v>
                </c:pt>
                <c:pt idx="267">
                  <c:v>42543</c:v>
                </c:pt>
                <c:pt idx="268">
                  <c:v>42544</c:v>
                </c:pt>
                <c:pt idx="269">
                  <c:v>42545</c:v>
                </c:pt>
                <c:pt idx="270">
                  <c:v>42548</c:v>
                </c:pt>
                <c:pt idx="271">
                  <c:v>42549</c:v>
                </c:pt>
                <c:pt idx="272">
                  <c:v>42550</c:v>
                </c:pt>
                <c:pt idx="273">
                  <c:v>42551</c:v>
                </c:pt>
                <c:pt idx="274">
                  <c:v>42552</c:v>
                </c:pt>
                <c:pt idx="275">
                  <c:v>42556</c:v>
                </c:pt>
                <c:pt idx="276">
                  <c:v>42557</c:v>
                </c:pt>
                <c:pt idx="277">
                  <c:v>42558</c:v>
                </c:pt>
                <c:pt idx="278">
                  <c:v>42559</c:v>
                </c:pt>
                <c:pt idx="279">
                  <c:v>42562</c:v>
                </c:pt>
                <c:pt idx="280">
                  <c:v>42563</c:v>
                </c:pt>
                <c:pt idx="281">
                  <c:v>42564</c:v>
                </c:pt>
                <c:pt idx="282">
                  <c:v>42565</c:v>
                </c:pt>
                <c:pt idx="283">
                  <c:v>42566</c:v>
                </c:pt>
                <c:pt idx="284">
                  <c:v>42569</c:v>
                </c:pt>
                <c:pt idx="285">
                  <c:v>42570</c:v>
                </c:pt>
                <c:pt idx="286">
                  <c:v>42571</c:v>
                </c:pt>
                <c:pt idx="287">
                  <c:v>42572</c:v>
                </c:pt>
                <c:pt idx="288">
                  <c:v>42573</c:v>
                </c:pt>
                <c:pt idx="289">
                  <c:v>42576</c:v>
                </c:pt>
                <c:pt idx="290">
                  <c:v>42577</c:v>
                </c:pt>
                <c:pt idx="291">
                  <c:v>42578</c:v>
                </c:pt>
                <c:pt idx="292">
                  <c:v>42579</c:v>
                </c:pt>
                <c:pt idx="293">
                  <c:v>42580</c:v>
                </c:pt>
                <c:pt idx="294">
                  <c:v>42583</c:v>
                </c:pt>
                <c:pt idx="295">
                  <c:v>42584</c:v>
                </c:pt>
                <c:pt idx="296">
                  <c:v>42585</c:v>
                </c:pt>
                <c:pt idx="297">
                  <c:v>42586</c:v>
                </c:pt>
                <c:pt idx="298">
                  <c:v>42587</c:v>
                </c:pt>
                <c:pt idx="299">
                  <c:v>42590</c:v>
                </c:pt>
                <c:pt idx="300">
                  <c:v>42591</c:v>
                </c:pt>
                <c:pt idx="301">
                  <c:v>42592</c:v>
                </c:pt>
                <c:pt idx="302">
                  <c:v>42593</c:v>
                </c:pt>
                <c:pt idx="303">
                  <c:v>42594</c:v>
                </c:pt>
                <c:pt idx="304">
                  <c:v>42597</c:v>
                </c:pt>
                <c:pt idx="305">
                  <c:v>42598</c:v>
                </c:pt>
                <c:pt idx="306">
                  <c:v>42599</c:v>
                </c:pt>
                <c:pt idx="307">
                  <c:v>42600</c:v>
                </c:pt>
                <c:pt idx="308">
                  <c:v>42601</c:v>
                </c:pt>
                <c:pt idx="309">
                  <c:v>42604</c:v>
                </c:pt>
                <c:pt idx="310">
                  <c:v>42605</c:v>
                </c:pt>
                <c:pt idx="311">
                  <c:v>42606</c:v>
                </c:pt>
                <c:pt idx="312">
                  <c:v>42607</c:v>
                </c:pt>
                <c:pt idx="313">
                  <c:v>42608</c:v>
                </c:pt>
                <c:pt idx="314">
                  <c:v>42611</c:v>
                </c:pt>
                <c:pt idx="315">
                  <c:v>42612</c:v>
                </c:pt>
                <c:pt idx="316">
                  <c:v>42613</c:v>
                </c:pt>
                <c:pt idx="317">
                  <c:v>42614</c:v>
                </c:pt>
                <c:pt idx="318">
                  <c:v>42615</c:v>
                </c:pt>
                <c:pt idx="319">
                  <c:v>42619</c:v>
                </c:pt>
                <c:pt idx="320">
                  <c:v>42620</c:v>
                </c:pt>
                <c:pt idx="321">
                  <c:v>42621</c:v>
                </c:pt>
                <c:pt idx="322">
                  <c:v>42622</c:v>
                </c:pt>
                <c:pt idx="323">
                  <c:v>42625</c:v>
                </c:pt>
                <c:pt idx="324">
                  <c:v>42626</c:v>
                </c:pt>
                <c:pt idx="325">
                  <c:v>42627</c:v>
                </c:pt>
                <c:pt idx="326">
                  <c:v>42628</c:v>
                </c:pt>
                <c:pt idx="327">
                  <c:v>42629</c:v>
                </c:pt>
                <c:pt idx="328">
                  <c:v>42632</c:v>
                </c:pt>
                <c:pt idx="329">
                  <c:v>42633</c:v>
                </c:pt>
                <c:pt idx="330">
                  <c:v>42634</c:v>
                </c:pt>
                <c:pt idx="331">
                  <c:v>42635</c:v>
                </c:pt>
                <c:pt idx="332">
                  <c:v>42636</c:v>
                </c:pt>
                <c:pt idx="333">
                  <c:v>42639</c:v>
                </c:pt>
                <c:pt idx="334">
                  <c:v>42640</c:v>
                </c:pt>
                <c:pt idx="335">
                  <c:v>42641</c:v>
                </c:pt>
                <c:pt idx="336">
                  <c:v>42642</c:v>
                </c:pt>
                <c:pt idx="337">
                  <c:v>42643</c:v>
                </c:pt>
                <c:pt idx="338">
                  <c:v>42646</c:v>
                </c:pt>
                <c:pt idx="339">
                  <c:v>42647</c:v>
                </c:pt>
                <c:pt idx="340">
                  <c:v>42648</c:v>
                </c:pt>
                <c:pt idx="341">
                  <c:v>42649</c:v>
                </c:pt>
                <c:pt idx="342">
                  <c:v>42650</c:v>
                </c:pt>
                <c:pt idx="343">
                  <c:v>42653</c:v>
                </c:pt>
                <c:pt idx="344">
                  <c:v>42654</c:v>
                </c:pt>
                <c:pt idx="345">
                  <c:v>42655</c:v>
                </c:pt>
                <c:pt idx="346">
                  <c:v>42656</c:v>
                </c:pt>
                <c:pt idx="347">
                  <c:v>42657</c:v>
                </c:pt>
                <c:pt idx="348">
                  <c:v>42660</c:v>
                </c:pt>
                <c:pt idx="349">
                  <c:v>42661</c:v>
                </c:pt>
                <c:pt idx="350">
                  <c:v>42662</c:v>
                </c:pt>
                <c:pt idx="351">
                  <c:v>42663</c:v>
                </c:pt>
                <c:pt idx="352">
                  <c:v>42664</c:v>
                </c:pt>
                <c:pt idx="353">
                  <c:v>42667</c:v>
                </c:pt>
                <c:pt idx="354">
                  <c:v>42668</c:v>
                </c:pt>
                <c:pt idx="355">
                  <c:v>42669</c:v>
                </c:pt>
                <c:pt idx="356">
                  <c:v>42670</c:v>
                </c:pt>
                <c:pt idx="357">
                  <c:v>42671</c:v>
                </c:pt>
                <c:pt idx="358">
                  <c:v>42674</c:v>
                </c:pt>
                <c:pt idx="359">
                  <c:v>42675</c:v>
                </c:pt>
                <c:pt idx="360">
                  <c:v>42676</c:v>
                </c:pt>
                <c:pt idx="361">
                  <c:v>42677</c:v>
                </c:pt>
                <c:pt idx="362">
                  <c:v>42678</c:v>
                </c:pt>
                <c:pt idx="363">
                  <c:v>42681</c:v>
                </c:pt>
                <c:pt idx="364">
                  <c:v>42682</c:v>
                </c:pt>
                <c:pt idx="365">
                  <c:v>42683</c:v>
                </c:pt>
                <c:pt idx="366">
                  <c:v>42684</c:v>
                </c:pt>
                <c:pt idx="367">
                  <c:v>42685</c:v>
                </c:pt>
                <c:pt idx="368">
                  <c:v>42688</c:v>
                </c:pt>
                <c:pt idx="369">
                  <c:v>42689</c:v>
                </c:pt>
                <c:pt idx="370">
                  <c:v>42690</c:v>
                </c:pt>
                <c:pt idx="371">
                  <c:v>42691</c:v>
                </c:pt>
                <c:pt idx="372">
                  <c:v>42692</c:v>
                </c:pt>
                <c:pt idx="373">
                  <c:v>42695</c:v>
                </c:pt>
                <c:pt idx="374">
                  <c:v>42696</c:v>
                </c:pt>
                <c:pt idx="375">
                  <c:v>42697</c:v>
                </c:pt>
                <c:pt idx="376">
                  <c:v>42699</c:v>
                </c:pt>
                <c:pt idx="377">
                  <c:v>42702</c:v>
                </c:pt>
                <c:pt idx="378">
                  <c:v>42703</c:v>
                </c:pt>
                <c:pt idx="379">
                  <c:v>42704</c:v>
                </c:pt>
                <c:pt idx="380">
                  <c:v>42705</c:v>
                </c:pt>
                <c:pt idx="381">
                  <c:v>42706</c:v>
                </c:pt>
                <c:pt idx="382">
                  <c:v>42709</c:v>
                </c:pt>
                <c:pt idx="383">
                  <c:v>42710</c:v>
                </c:pt>
                <c:pt idx="384">
                  <c:v>42711</c:v>
                </c:pt>
                <c:pt idx="385">
                  <c:v>42712</c:v>
                </c:pt>
                <c:pt idx="386">
                  <c:v>42713</c:v>
                </c:pt>
                <c:pt idx="387">
                  <c:v>42716</c:v>
                </c:pt>
                <c:pt idx="388">
                  <c:v>42717</c:v>
                </c:pt>
                <c:pt idx="389">
                  <c:v>42718</c:v>
                </c:pt>
                <c:pt idx="390">
                  <c:v>42719</c:v>
                </c:pt>
                <c:pt idx="391">
                  <c:v>42720</c:v>
                </c:pt>
                <c:pt idx="392">
                  <c:v>42723</c:v>
                </c:pt>
                <c:pt idx="393">
                  <c:v>42724</c:v>
                </c:pt>
                <c:pt idx="394">
                  <c:v>42725</c:v>
                </c:pt>
                <c:pt idx="395">
                  <c:v>42726</c:v>
                </c:pt>
                <c:pt idx="396">
                  <c:v>42727</c:v>
                </c:pt>
                <c:pt idx="397">
                  <c:v>42731</c:v>
                </c:pt>
                <c:pt idx="398">
                  <c:v>42732</c:v>
                </c:pt>
                <c:pt idx="399">
                  <c:v>42733</c:v>
                </c:pt>
                <c:pt idx="400">
                  <c:v>42734</c:v>
                </c:pt>
                <c:pt idx="401">
                  <c:v>42738</c:v>
                </c:pt>
                <c:pt idx="402">
                  <c:v>42739</c:v>
                </c:pt>
                <c:pt idx="403">
                  <c:v>42740</c:v>
                </c:pt>
                <c:pt idx="404">
                  <c:v>42741</c:v>
                </c:pt>
                <c:pt idx="405">
                  <c:v>42744</c:v>
                </c:pt>
                <c:pt idx="406">
                  <c:v>42745</c:v>
                </c:pt>
                <c:pt idx="407">
                  <c:v>42746</c:v>
                </c:pt>
                <c:pt idx="408">
                  <c:v>42747</c:v>
                </c:pt>
                <c:pt idx="409">
                  <c:v>42748</c:v>
                </c:pt>
                <c:pt idx="410">
                  <c:v>42752</c:v>
                </c:pt>
                <c:pt idx="411">
                  <c:v>42753</c:v>
                </c:pt>
                <c:pt idx="412">
                  <c:v>42754</c:v>
                </c:pt>
                <c:pt idx="413">
                  <c:v>42755</c:v>
                </c:pt>
                <c:pt idx="414">
                  <c:v>42758</c:v>
                </c:pt>
                <c:pt idx="415">
                  <c:v>42759</c:v>
                </c:pt>
                <c:pt idx="416">
                  <c:v>42760</c:v>
                </c:pt>
                <c:pt idx="417">
                  <c:v>42761</c:v>
                </c:pt>
                <c:pt idx="418">
                  <c:v>42762</c:v>
                </c:pt>
                <c:pt idx="419">
                  <c:v>42765</c:v>
                </c:pt>
                <c:pt idx="420">
                  <c:v>42766</c:v>
                </c:pt>
                <c:pt idx="421">
                  <c:v>42767</c:v>
                </c:pt>
                <c:pt idx="422">
                  <c:v>42768</c:v>
                </c:pt>
                <c:pt idx="423">
                  <c:v>42769</c:v>
                </c:pt>
                <c:pt idx="424">
                  <c:v>42772</c:v>
                </c:pt>
                <c:pt idx="425">
                  <c:v>42773</c:v>
                </c:pt>
                <c:pt idx="426">
                  <c:v>42774</c:v>
                </c:pt>
                <c:pt idx="427">
                  <c:v>42775</c:v>
                </c:pt>
                <c:pt idx="428">
                  <c:v>42776</c:v>
                </c:pt>
                <c:pt idx="429">
                  <c:v>42779</c:v>
                </c:pt>
                <c:pt idx="430">
                  <c:v>42780</c:v>
                </c:pt>
                <c:pt idx="431">
                  <c:v>42781</c:v>
                </c:pt>
                <c:pt idx="432">
                  <c:v>42782</c:v>
                </c:pt>
                <c:pt idx="433">
                  <c:v>42783</c:v>
                </c:pt>
                <c:pt idx="434">
                  <c:v>42787</c:v>
                </c:pt>
                <c:pt idx="435">
                  <c:v>42788</c:v>
                </c:pt>
                <c:pt idx="436">
                  <c:v>42789</c:v>
                </c:pt>
                <c:pt idx="437">
                  <c:v>42790</c:v>
                </c:pt>
                <c:pt idx="438">
                  <c:v>42793</c:v>
                </c:pt>
                <c:pt idx="439">
                  <c:v>42794</c:v>
                </c:pt>
                <c:pt idx="440">
                  <c:v>42795</c:v>
                </c:pt>
                <c:pt idx="441">
                  <c:v>42796</c:v>
                </c:pt>
                <c:pt idx="442">
                  <c:v>42797</c:v>
                </c:pt>
                <c:pt idx="443">
                  <c:v>42800</c:v>
                </c:pt>
                <c:pt idx="444">
                  <c:v>42801</c:v>
                </c:pt>
                <c:pt idx="445">
                  <c:v>42802</c:v>
                </c:pt>
                <c:pt idx="446">
                  <c:v>42803</c:v>
                </c:pt>
                <c:pt idx="447">
                  <c:v>42804</c:v>
                </c:pt>
                <c:pt idx="448">
                  <c:v>42807</c:v>
                </c:pt>
                <c:pt idx="449">
                  <c:v>42808</c:v>
                </c:pt>
                <c:pt idx="450">
                  <c:v>42809</c:v>
                </c:pt>
                <c:pt idx="451">
                  <c:v>42810</c:v>
                </c:pt>
                <c:pt idx="452">
                  <c:v>42811</c:v>
                </c:pt>
                <c:pt idx="453">
                  <c:v>42814</c:v>
                </c:pt>
                <c:pt idx="454">
                  <c:v>42815</c:v>
                </c:pt>
                <c:pt idx="455">
                  <c:v>42816</c:v>
                </c:pt>
                <c:pt idx="456">
                  <c:v>42817</c:v>
                </c:pt>
                <c:pt idx="457">
                  <c:v>42818</c:v>
                </c:pt>
                <c:pt idx="458">
                  <c:v>42821</c:v>
                </c:pt>
                <c:pt idx="459">
                  <c:v>42822</c:v>
                </c:pt>
                <c:pt idx="460">
                  <c:v>42823</c:v>
                </c:pt>
                <c:pt idx="461">
                  <c:v>42824</c:v>
                </c:pt>
                <c:pt idx="462">
                  <c:v>42825</c:v>
                </c:pt>
                <c:pt idx="463">
                  <c:v>42828</c:v>
                </c:pt>
                <c:pt idx="464">
                  <c:v>42829</c:v>
                </c:pt>
                <c:pt idx="465">
                  <c:v>42830</c:v>
                </c:pt>
                <c:pt idx="466">
                  <c:v>42831</c:v>
                </c:pt>
                <c:pt idx="467">
                  <c:v>42832</c:v>
                </c:pt>
                <c:pt idx="468">
                  <c:v>42835</c:v>
                </c:pt>
                <c:pt idx="469">
                  <c:v>42836</c:v>
                </c:pt>
                <c:pt idx="470">
                  <c:v>42837</c:v>
                </c:pt>
                <c:pt idx="471">
                  <c:v>42838</c:v>
                </c:pt>
                <c:pt idx="472">
                  <c:v>42842</c:v>
                </c:pt>
                <c:pt idx="473">
                  <c:v>42843</c:v>
                </c:pt>
                <c:pt idx="474">
                  <c:v>42844</c:v>
                </c:pt>
                <c:pt idx="475">
                  <c:v>42845</c:v>
                </c:pt>
                <c:pt idx="476">
                  <c:v>42846</c:v>
                </c:pt>
                <c:pt idx="477">
                  <c:v>42849</c:v>
                </c:pt>
                <c:pt idx="478">
                  <c:v>42850</c:v>
                </c:pt>
                <c:pt idx="479">
                  <c:v>42851</c:v>
                </c:pt>
                <c:pt idx="480">
                  <c:v>42852</c:v>
                </c:pt>
                <c:pt idx="481">
                  <c:v>42853</c:v>
                </c:pt>
                <c:pt idx="482">
                  <c:v>42856</c:v>
                </c:pt>
                <c:pt idx="483">
                  <c:v>42857</c:v>
                </c:pt>
                <c:pt idx="484">
                  <c:v>42858</c:v>
                </c:pt>
                <c:pt idx="485">
                  <c:v>42859</c:v>
                </c:pt>
                <c:pt idx="486">
                  <c:v>42860</c:v>
                </c:pt>
                <c:pt idx="487">
                  <c:v>42863</c:v>
                </c:pt>
                <c:pt idx="488">
                  <c:v>42864</c:v>
                </c:pt>
                <c:pt idx="489">
                  <c:v>42865</c:v>
                </c:pt>
                <c:pt idx="490">
                  <c:v>42866</c:v>
                </c:pt>
                <c:pt idx="491">
                  <c:v>42867</c:v>
                </c:pt>
                <c:pt idx="492">
                  <c:v>42870</c:v>
                </c:pt>
                <c:pt idx="493">
                  <c:v>42871</c:v>
                </c:pt>
                <c:pt idx="494">
                  <c:v>42872</c:v>
                </c:pt>
                <c:pt idx="495">
                  <c:v>42873</c:v>
                </c:pt>
                <c:pt idx="496">
                  <c:v>42874</c:v>
                </c:pt>
                <c:pt idx="497">
                  <c:v>42877</c:v>
                </c:pt>
                <c:pt idx="498">
                  <c:v>42878</c:v>
                </c:pt>
                <c:pt idx="499">
                  <c:v>42879</c:v>
                </c:pt>
                <c:pt idx="500">
                  <c:v>42880</c:v>
                </c:pt>
                <c:pt idx="501">
                  <c:v>42881</c:v>
                </c:pt>
                <c:pt idx="502">
                  <c:v>42885</c:v>
                </c:pt>
                <c:pt idx="503">
                  <c:v>42886</c:v>
                </c:pt>
                <c:pt idx="504">
                  <c:v>42887</c:v>
                </c:pt>
                <c:pt idx="505">
                  <c:v>42888</c:v>
                </c:pt>
                <c:pt idx="506">
                  <c:v>42891</c:v>
                </c:pt>
                <c:pt idx="507">
                  <c:v>42892</c:v>
                </c:pt>
                <c:pt idx="508">
                  <c:v>42893</c:v>
                </c:pt>
                <c:pt idx="509">
                  <c:v>42894</c:v>
                </c:pt>
                <c:pt idx="510">
                  <c:v>42895</c:v>
                </c:pt>
                <c:pt idx="511">
                  <c:v>42898</c:v>
                </c:pt>
                <c:pt idx="512">
                  <c:v>42899</c:v>
                </c:pt>
                <c:pt idx="513">
                  <c:v>42900</c:v>
                </c:pt>
                <c:pt idx="514">
                  <c:v>42901</c:v>
                </c:pt>
                <c:pt idx="515">
                  <c:v>42902</c:v>
                </c:pt>
                <c:pt idx="516">
                  <c:v>42905</c:v>
                </c:pt>
                <c:pt idx="517">
                  <c:v>42906</c:v>
                </c:pt>
                <c:pt idx="518">
                  <c:v>42907</c:v>
                </c:pt>
                <c:pt idx="519">
                  <c:v>42908</c:v>
                </c:pt>
                <c:pt idx="520">
                  <c:v>42909</c:v>
                </c:pt>
                <c:pt idx="521">
                  <c:v>42912</c:v>
                </c:pt>
                <c:pt idx="522">
                  <c:v>42913</c:v>
                </c:pt>
                <c:pt idx="523">
                  <c:v>42914</c:v>
                </c:pt>
                <c:pt idx="524">
                  <c:v>42915</c:v>
                </c:pt>
                <c:pt idx="525">
                  <c:v>42916</c:v>
                </c:pt>
                <c:pt idx="526">
                  <c:v>42919</c:v>
                </c:pt>
                <c:pt idx="527">
                  <c:v>42921</c:v>
                </c:pt>
                <c:pt idx="528">
                  <c:v>42922</c:v>
                </c:pt>
                <c:pt idx="529">
                  <c:v>42923</c:v>
                </c:pt>
                <c:pt idx="530">
                  <c:v>42926</c:v>
                </c:pt>
                <c:pt idx="531">
                  <c:v>42927</c:v>
                </c:pt>
                <c:pt idx="532">
                  <c:v>42928</c:v>
                </c:pt>
                <c:pt idx="533">
                  <c:v>42929</c:v>
                </c:pt>
                <c:pt idx="534">
                  <c:v>42930</c:v>
                </c:pt>
                <c:pt idx="535">
                  <c:v>42933</c:v>
                </c:pt>
                <c:pt idx="536">
                  <c:v>42934</c:v>
                </c:pt>
                <c:pt idx="537">
                  <c:v>42935</c:v>
                </c:pt>
                <c:pt idx="538">
                  <c:v>42936</c:v>
                </c:pt>
                <c:pt idx="539">
                  <c:v>42937</c:v>
                </c:pt>
                <c:pt idx="540">
                  <c:v>42940</c:v>
                </c:pt>
                <c:pt idx="541">
                  <c:v>42941</c:v>
                </c:pt>
                <c:pt idx="542">
                  <c:v>42942</c:v>
                </c:pt>
                <c:pt idx="543">
                  <c:v>42943</c:v>
                </c:pt>
                <c:pt idx="544">
                  <c:v>42944</c:v>
                </c:pt>
                <c:pt idx="545">
                  <c:v>42947</c:v>
                </c:pt>
                <c:pt idx="546">
                  <c:v>42948</c:v>
                </c:pt>
                <c:pt idx="547">
                  <c:v>42949</c:v>
                </c:pt>
                <c:pt idx="548">
                  <c:v>42950</c:v>
                </c:pt>
                <c:pt idx="549">
                  <c:v>42951</c:v>
                </c:pt>
                <c:pt idx="550">
                  <c:v>42954</c:v>
                </c:pt>
                <c:pt idx="551">
                  <c:v>42955</c:v>
                </c:pt>
                <c:pt idx="552">
                  <c:v>42956</c:v>
                </c:pt>
                <c:pt idx="553">
                  <c:v>42957</c:v>
                </c:pt>
                <c:pt idx="554">
                  <c:v>42958</c:v>
                </c:pt>
                <c:pt idx="555">
                  <c:v>42961</c:v>
                </c:pt>
                <c:pt idx="556">
                  <c:v>42962</c:v>
                </c:pt>
                <c:pt idx="557">
                  <c:v>42963</c:v>
                </c:pt>
                <c:pt idx="558">
                  <c:v>42964</c:v>
                </c:pt>
                <c:pt idx="559">
                  <c:v>42965</c:v>
                </c:pt>
                <c:pt idx="560">
                  <c:v>42968</c:v>
                </c:pt>
                <c:pt idx="561">
                  <c:v>42969</c:v>
                </c:pt>
                <c:pt idx="562">
                  <c:v>42970</c:v>
                </c:pt>
                <c:pt idx="563">
                  <c:v>42971</c:v>
                </c:pt>
                <c:pt idx="564">
                  <c:v>42972</c:v>
                </c:pt>
                <c:pt idx="565">
                  <c:v>42975</c:v>
                </c:pt>
                <c:pt idx="566">
                  <c:v>42976</c:v>
                </c:pt>
                <c:pt idx="567">
                  <c:v>42977</c:v>
                </c:pt>
                <c:pt idx="568">
                  <c:v>42978</c:v>
                </c:pt>
                <c:pt idx="569">
                  <c:v>42979</c:v>
                </c:pt>
                <c:pt idx="570">
                  <c:v>42983</c:v>
                </c:pt>
                <c:pt idx="571">
                  <c:v>42984</c:v>
                </c:pt>
                <c:pt idx="572">
                  <c:v>42985</c:v>
                </c:pt>
                <c:pt idx="573">
                  <c:v>42986</c:v>
                </c:pt>
                <c:pt idx="574">
                  <c:v>42989</c:v>
                </c:pt>
                <c:pt idx="575">
                  <c:v>42990</c:v>
                </c:pt>
                <c:pt idx="576">
                  <c:v>42991</c:v>
                </c:pt>
                <c:pt idx="577">
                  <c:v>42992</c:v>
                </c:pt>
                <c:pt idx="578">
                  <c:v>42993</c:v>
                </c:pt>
                <c:pt idx="579">
                  <c:v>42996</c:v>
                </c:pt>
                <c:pt idx="580">
                  <c:v>42997</c:v>
                </c:pt>
                <c:pt idx="581">
                  <c:v>42998</c:v>
                </c:pt>
                <c:pt idx="582">
                  <c:v>42999</c:v>
                </c:pt>
                <c:pt idx="583">
                  <c:v>43000</c:v>
                </c:pt>
                <c:pt idx="584">
                  <c:v>43003</c:v>
                </c:pt>
                <c:pt idx="585">
                  <c:v>43004</c:v>
                </c:pt>
                <c:pt idx="586">
                  <c:v>43005</c:v>
                </c:pt>
                <c:pt idx="587">
                  <c:v>43006</c:v>
                </c:pt>
                <c:pt idx="588">
                  <c:v>43007</c:v>
                </c:pt>
                <c:pt idx="589">
                  <c:v>43010</c:v>
                </c:pt>
                <c:pt idx="590">
                  <c:v>43011</c:v>
                </c:pt>
                <c:pt idx="591">
                  <c:v>43012</c:v>
                </c:pt>
                <c:pt idx="592">
                  <c:v>43013</c:v>
                </c:pt>
                <c:pt idx="593">
                  <c:v>43014</c:v>
                </c:pt>
                <c:pt idx="594">
                  <c:v>43017</c:v>
                </c:pt>
                <c:pt idx="595">
                  <c:v>43018</c:v>
                </c:pt>
                <c:pt idx="596">
                  <c:v>43019</c:v>
                </c:pt>
                <c:pt idx="597">
                  <c:v>43020</c:v>
                </c:pt>
                <c:pt idx="598">
                  <c:v>43021</c:v>
                </c:pt>
                <c:pt idx="599">
                  <c:v>43024</c:v>
                </c:pt>
                <c:pt idx="600">
                  <c:v>43025</c:v>
                </c:pt>
                <c:pt idx="601">
                  <c:v>43026</c:v>
                </c:pt>
                <c:pt idx="602">
                  <c:v>43027</c:v>
                </c:pt>
                <c:pt idx="603">
                  <c:v>43028</c:v>
                </c:pt>
                <c:pt idx="604">
                  <c:v>43031</c:v>
                </c:pt>
                <c:pt idx="605">
                  <c:v>43032</c:v>
                </c:pt>
                <c:pt idx="606">
                  <c:v>43033</c:v>
                </c:pt>
                <c:pt idx="607">
                  <c:v>43034</c:v>
                </c:pt>
                <c:pt idx="608">
                  <c:v>43035</c:v>
                </c:pt>
                <c:pt idx="609">
                  <c:v>43038</c:v>
                </c:pt>
                <c:pt idx="610">
                  <c:v>43039</c:v>
                </c:pt>
                <c:pt idx="611">
                  <c:v>43040</c:v>
                </c:pt>
                <c:pt idx="612">
                  <c:v>43041</c:v>
                </c:pt>
                <c:pt idx="613">
                  <c:v>43042</c:v>
                </c:pt>
                <c:pt idx="614">
                  <c:v>43045</c:v>
                </c:pt>
                <c:pt idx="615">
                  <c:v>43046</c:v>
                </c:pt>
                <c:pt idx="616">
                  <c:v>43047</c:v>
                </c:pt>
                <c:pt idx="617">
                  <c:v>43048</c:v>
                </c:pt>
                <c:pt idx="618">
                  <c:v>43049</c:v>
                </c:pt>
                <c:pt idx="619">
                  <c:v>43052</c:v>
                </c:pt>
                <c:pt idx="620">
                  <c:v>43053</c:v>
                </c:pt>
                <c:pt idx="621">
                  <c:v>43054</c:v>
                </c:pt>
                <c:pt idx="622">
                  <c:v>43055</c:v>
                </c:pt>
                <c:pt idx="623">
                  <c:v>43056</c:v>
                </c:pt>
                <c:pt idx="624">
                  <c:v>43059</c:v>
                </c:pt>
                <c:pt idx="625">
                  <c:v>43060</c:v>
                </c:pt>
                <c:pt idx="626">
                  <c:v>43061</c:v>
                </c:pt>
                <c:pt idx="627">
                  <c:v>43063</c:v>
                </c:pt>
                <c:pt idx="628">
                  <c:v>43066</c:v>
                </c:pt>
                <c:pt idx="629">
                  <c:v>43067</c:v>
                </c:pt>
                <c:pt idx="630">
                  <c:v>43068</c:v>
                </c:pt>
                <c:pt idx="631">
                  <c:v>43069</c:v>
                </c:pt>
                <c:pt idx="632">
                  <c:v>43070</c:v>
                </c:pt>
                <c:pt idx="633">
                  <c:v>43073</c:v>
                </c:pt>
                <c:pt idx="634">
                  <c:v>43074</c:v>
                </c:pt>
                <c:pt idx="635">
                  <c:v>43075</c:v>
                </c:pt>
                <c:pt idx="636">
                  <c:v>43076</c:v>
                </c:pt>
                <c:pt idx="637">
                  <c:v>43077</c:v>
                </c:pt>
                <c:pt idx="638">
                  <c:v>43080</c:v>
                </c:pt>
                <c:pt idx="639">
                  <c:v>43081</c:v>
                </c:pt>
                <c:pt idx="640">
                  <c:v>43082</c:v>
                </c:pt>
                <c:pt idx="641">
                  <c:v>43083</c:v>
                </c:pt>
                <c:pt idx="642">
                  <c:v>43084</c:v>
                </c:pt>
                <c:pt idx="643">
                  <c:v>43087</c:v>
                </c:pt>
                <c:pt idx="644">
                  <c:v>43088</c:v>
                </c:pt>
                <c:pt idx="645">
                  <c:v>43089</c:v>
                </c:pt>
                <c:pt idx="646">
                  <c:v>43090</c:v>
                </c:pt>
                <c:pt idx="647">
                  <c:v>43091</c:v>
                </c:pt>
                <c:pt idx="648">
                  <c:v>43095</c:v>
                </c:pt>
                <c:pt idx="649">
                  <c:v>43096</c:v>
                </c:pt>
                <c:pt idx="650">
                  <c:v>43097</c:v>
                </c:pt>
                <c:pt idx="651">
                  <c:v>43098</c:v>
                </c:pt>
                <c:pt idx="652">
                  <c:v>43102</c:v>
                </c:pt>
                <c:pt idx="653">
                  <c:v>43103</c:v>
                </c:pt>
                <c:pt idx="654">
                  <c:v>43104</c:v>
                </c:pt>
                <c:pt idx="655">
                  <c:v>43105</c:v>
                </c:pt>
                <c:pt idx="656">
                  <c:v>43108</c:v>
                </c:pt>
                <c:pt idx="657">
                  <c:v>43109</c:v>
                </c:pt>
                <c:pt idx="658">
                  <c:v>43110</c:v>
                </c:pt>
                <c:pt idx="659">
                  <c:v>43111</c:v>
                </c:pt>
                <c:pt idx="660">
                  <c:v>43112</c:v>
                </c:pt>
                <c:pt idx="661">
                  <c:v>43116</c:v>
                </c:pt>
                <c:pt idx="662">
                  <c:v>43117</c:v>
                </c:pt>
                <c:pt idx="663">
                  <c:v>43118</c:v>
                </c:pt>
                <c:pt idx="664">
                  <c:v>43119</c:v>
                </c:pt>
                <c:pt idx="665">
                  <c:v>43122</c:v>
                </c:pt>
                <c:pt idx="666">
                  <c:v>43123</c:v>
                </c:pt>
                <c:pt idx="667">
                  <c:v>43124</c:v>
                </c:pt>
                <c:pt idx="668">
                  <c:v>43125</c:v>
                </c:pt>
                <c:pt idx="669">
                  <c:v>43126</c:v>
                </c:pt>
                <c:pt idx="670">
                  <c:v>43129</c:v>
                </c:pt>
                <c:pt idx="671">
                  <c:v>43130</c:v>
                </c:pt>
                <c:pt idx="672">
                  <c:v>43131</c:v>
                </c:pt>
                <c:pt idx="673">
                  <c:v>43132</c:v>
                </c:pt>
                <c:pt idx="674">
                  <c:v>43133</c:v>
                </c:pt>
                <c:pt idx="675">
                  <c:v>43136</c:v>
                </c:pt>
                <c:pt idx="676">
                  <c:v>43137</c:v>
                </c:pt>
                <c:pt idx="677">
                  <c:v>43138</c:v>
                </c:pt>
                <c:pt idx="678">
                  <c:v>43139</c:v>
                </c:pt>
                <c:pt idx="679">
                  <c:v>43140</c:v>
                </c:pt>
                <c:pt idx="680">
                  <c:v>43143</c:v>
                </c:pt>
                <c:pt idx="681">
                  <c:v>43144</c:v>
                </c:pt>
                <c:pt idx="682">
                  <c:v>43145</c:v>
                </c:pt>
                <c:pt idx="683">
                  <c:v>43146</c:v>
                </c:pt>
                <c:pt idx="684">
                  <c:v>43147</c:v>
                </c:pt>
                <c:pt idx="685">
                  <c:v>43151</c:v>
                </c:pt>
                <c:pt idx="686">
                  <c:v>43152</c:v>
                </c:pt>
                <c:pt idx="687">
                  <c:v>43153</c:v>
                </c:pt>
                <c:pt idx="688">
                  <c:v>43154</c:v>
                </c:pt>
                <c:pt idx="689">
                  <c:v>43157</c:v>
                </c:pt>
                <c:pt idx="690">
                  <c:v>43158</c:v>
                </c:pt>
                <c:pt idx="691">
                  <c:v>43159</c:v>
                </c:pt>
                <c:pt idx="692">
                  <c:v>43160</c:v>
                </c:pt>
                <c:pt idx="693">
                  <c:v>43161</c:v>
                </c:pt>
                <c:pt idx="694">
                  <c:v>43164</c:v>
                </c:pt>
                <c:pt idx="695">
                  <c:v>43165</c:v>
                </c:pt>
                <c:pt idx="696">
                  <c:v>43166</c:v>
                </c:pt>
                <c:pt idx="697">
                  <c:v>43167</c:v>
                </c:pt>
                <c:pt idx="698">
                  <c:v>43168</c:v>
                </c:pt>
                <c:pt idx="699">
                  <c:v>43171</c:v>
                </c:pt>
                <c:pt idx="700">
                  <c:v>43172</c:v>
                </c:pt>
                <c:pt idx="701">
                  <c:v>43173</c:v>
                </c:pt>
                <c:pt idx="702">
                  <c:v>43174</c:v>
                </c:pt>
                <c:pt idx="703">
                  <c:v>43175</c:v>
                </c:pt>
                <c:pt idx="704">
                  <c:v>43178</c:v>
                </c:pt>
                <c:pt idx="705">
                  <c:v>43179</c:v>
                </c:pt>
                <c:pt idx="706">
                  <c:v>43180</c:v>
                </c:pt>
                <c:pt idx="707">
                  <c:v>43181</c:v>
                </c:pt>
                <c:pt idx="708">
                  <c:v>43182</c:v>
                </c:pt>
                <c:pt idx="709">
                  <c:v>43185</c:v>
                </c:pt>
                <c:pt idx="710">
                  <c:v>43186</c:v>
                </c:pt>
                <c:pt idx="711">
                  <c:v>43187</c:v>
                </c:pt>
                <c:pt idx="712">
                  <c:v>43188</c:v>
                </c:pt>
                <c:pt idx="713">
                  <c:v>43192</c:v>
                </c:pt>
                <c:pt idx="714">
                  <c:v>43193</c:v>
                </c:pt>
                <c:pt idx="715">
                  <c:v>43194</c:v>
                </c:pt>
                <c:pt idx="716">
                  <c:v>43195</c:v>
                </c:pt>
                <c:pt idx="717">
                  <c:v>43196</c:v>
                </c:pt>
                <c:pt idx="718">
                  <c:v>43199</c:v>
                </c:pt>
                <c:pt idx="719">
                  <c:v>43200</c:v>
                </c:pt>
                <c:pt idx="720">
                  <c:v>43201</c:v>
                </c:pt>
                <c:pt idx="721">
                  <c:v>43202</c:v>
                </c:pt>
                <c:pt idx="722">
                  <c:v>43203</c:v>
                </c:pt>
                <c:pt idx="723">
                  <c:v>43206</c:v>
                </c:pt>
                <c:pt idx="724">
                  <c:v>43207</c:v>
                </c:pt>
                <c:pt idx="725">
                  <c:v>43208</c:v>
                </c:pt>
                <c:pt idx="726">
                  <c:v>43209</c:v>
                </c:pt>
                <c:pt idx="727">
                  <c:v>43210</c:v>
                </c:pt>
                <c:pt idx="728">
                  <c:v>43213</c:v>
                </c:pt>
                <c:pt idx="729">
                  <c:v>43214</c:v>
                </c:pt>
                <c:pt idx="730">
                  <c:v>43215</c:v>
                </c:pt>
                <c:pt idx="731">
                  <c:v>43216</c:v>
                </c:pt>
                <c:pt idx="732">
                  <c:v>43217</c:v>
                </c:pt>
                <c:pt idx="733">
                  <c:v>43220</c:v>
                </c:pt>
                <c:pt idx="734">
                  <c:v>43221</c:v>
                </c:pt>
                <c:pt idx="735">
                  <c:v>43222</c:v>
                </c:pt>
                <c:pt idx="736">
                  <c:v>43223</c:v>
                </c:pt>
                <c:pt idx="737">
                  <c:v>43224</c:v>
                </c:pt>
                <c:pt idx="738">
                  <c:v>43227</c:v>
                </c:pt>
                <c:pt idx="739">
                  <c:v>43228</c:v>
                </c:pt>
                <c:pt idx="740">
                  <c:v>43229</c:v>
                </c:pt>
                <c:pt idx="741">
                  <c:v>43230</c:v>
                </c:pt>
                <c:pt idx="742">
                  <c:v>43231</c:v>
                </c:pt>
                <c:pt idx="743">
                  <c:v>43234</c:v>
                </c:pt>
                <c:pt idx="744">
                  <c:v>43235</c:v>
                </c:pt>
                <c:pt idx="745">
                  <c:v>43236</c:v>
                </c:pt>
                <c:pt idx="746">
                  <c:v>43237</c:v>
                </c:pt>
                <c:pt idx="747">
                  <c:v>43238</c:v>
                </c:pt>
                <c:pt idx="748">
                  <c:v>43241</c:v>
                </c:pt>
                <c:pt idx="749">
                  <c:v>43242</c:v>
                </c:pt>
                <c:pt idx="750">
                  <c:v>43243</c:v>
                </c:pt>
                <c:pt idx="751">
                  <c:v>43244</c:v>
                </c:pt>
                <c:pt idx="752">
                  <c:v>43245</c:v>
                </c:pt>
                <c:pt idx="753">
                  <c:v>43249</c:v>
                </c:pt>
                <c:pt idx="754">
                  <c:v>43250</c:v>
                </c:pt>
                <c:pt idx="755">
                  <c:v>43251</c:v>
                </c:pt>
                <c:pt idx="756">
                  <c:v>43252</c:v>
                </c:pt>
                <c:pt idx="757">
                  <c:v>43255</c:v>
                </c:pt>
                <c:pt idx="758">
                  <c:v>43256</c:v>
                </c:pt>
                <c:pt idx="759">
                  <c:v>43257</c:v>
                </c:pt>
                <c:pt idx="760">
                  <c:v>43258</c:v>
                </c:pt>
                <c:pt idx="761">
                  <c:v>43259</c:v>
                </c:pt>
                <c:pt idx="762">
                  <c:v>43262</c:v>
                </c:pt>
                <c:pt idx="763">
                  <c:v>43263</c:v>
                </c:pt>
                <c:pt idx="764">
                  <c:v>43264</c:v>
                </c:pt>
                <c:pt idx="765">
                  <c:v>43265</c:v>
                </c:pt>
                <c:pt idx="766">
                  <c:v>43266</c:v>
                </c:pt>
                <c:pt idx="767">
                  <c:v>43269</c:v>
                </c:pt>
                <c:pt idx="768">
                  <c:v>43270</c:v>
                </c:pt>
                <c:pt idx="769">
                  <c:v>43271</c:v>
                </c:pt>
                <c:pt idx="770">
                  <c:v>43272</c:v>
                </c:pt>
                <c:pt idx="771">
                  <c:v>43273</c:v>
                </c:pt>
                <c:pt idx="772">
                  <c:v>43276</c:v>
                </c:pt>
                <c:pt idx="773">
                  <c:v>43277</c:v>
                </c:pt>
                <c:pt idx="774">
                  <c:v>43278</c:v>
                </c:pt>
                <c:pt idx="775">
                  <c:v>43279</c:v>
                </c:pt>
                <c:pt idx="776">
                  <c:v>43280</c:v>
                </c:pt>
                <c:pt idx="777">
                  <c:v>43283</c:v>
                </c:pt>
                <c:pt idx="778">
                  <c:v>43284</c:v>
                </c:pt>
                <c:pt idx="779">
                  <c:v>43286</c:v>
                </c:pt>
                <c:pt idx="780">
                  <c:v>43287</c:v>
                </c:pt>
                <c:pt idx="781">
                  <c:v>43290</c:v>
                </c:pt>
                <c:pt idx="782">
                  <c:v>43291</c:v>
                </c:pt>
                <c:pt idx="783">
                  <c:v>43292</c:v>
                </c:pt>
                <c:pt idx="784">
                  <c:v>43293</c:v>
                </c:pt>
                <c:pt idx="785">
                  <c:v>43294</c:v>
                </c:pt>
                <c:pt idx="786">
                  <c:v>43297</c:v>
                </c:pt>
                <c:pt idx="787">
                  <c:v>43298</c:v>
                </c:pt>
                <c:pt idx="788">
                  <c:v>43299</c:v>
                </c:pt>
                <c:pt idx="789">
                  <c:v>43300</c:v>
                </c:pt>
                <c:pt idx="790">
                  <c:v>43301</c:v>
                </c:pt>
                <c:pt idx="791">
                  <c:v>43304</c:v>
                </c:pt>
                <c:pt idx="792">
                  <c:v>43305</c:v>
                </c:pt>
                <c:pt idx="793">
                  <c:v>43306</c:v>
                </c:pt>
                <c:pt idx="794">
                  <c:v>43307</c:v>
                </c:pt>
                <c:pt idx="795">
                  <c:v>43308</c:v>
                </c:pt>
                <c:pt idx="796">
                  <c:v>43311</c:v>
                </c:pt>
                <c:pt idx="797">
                  <c:v>43312</c:v>
                </c:pt>
                <c:pt idx="798">
                  <c:v>43313</c:v>
                </c:pt>
                <c:pt idx="799">
                  <c:v>43314</c:v>
                </c:pt>
                <c:pt idx="800">
                  <c:v>43315</c:v>
                </c:pt>
                <c:pt idx="801">
                  <c:v>43318</c:v>
                </c:pt>
                <c:pt idx="802">
                  <c:v>43319</c:v>
                </c:pt>
                <c:pt idx="803">
                  <c:v>43320</c:v>
                </c:pt>
                <c:pt idx="804">
                  <c:v>43321</c:v>
                </c:pt>
                <c:pt idx="805">
                  <c:v>43322</c:v>
                </c:pt>
                <c:pt idx="806">
                  <c:v>43325</c:v>
                </c:pt>
                <c:pt idx="807">
                  <c:v>43326</c:v>
                </c:pt>
                <c:pt idx="808">
                  <c:v>43327</c:v>
                </c:pt>
                <c:pt idx="809">
                  <c:v>43328</c:v>
                </c:pt>
                <c:pt idx="810">
                  <c:v>43329</c:v>
                </c:pt>
                <c:pt idx="811">
                  <c:v>43332</c:v>
                </c:pt>
                <c:pt idx="812">
                  <c:v>43333</c:v>
                </c:pt>
                <c:pt idx="813">
                  <c:v>43334</c:v>
                </c:pt>
                <c:pt idx="814">
                  <c:v>43335</c:v>
                </c:pt>
                <c:pt idx="815">
                  <c:v>43336</c:v>
                </c:pt>
                <c:pt idx="816">
                  <c:v>43339</c:v>
                </c:pt>
                <c:pt idx="817">
                  <c:v>43340</c:v>
                </c:pt>
                <c:pt idx="818">
                  <c:v>43341</c:v>
                </c:pt>
                <c:pt idx="819">
                  <c:v>43342</c:v>
                </c:pt>
                <c:pt idx="820">
                  <c:v>43343</c:v>
                </c:pt>
                <c:pt idx="821">
                  <c:v>43347</c:v>
                </c:pt>
                <c:pt idx="822">
                  <c:v>43348</c:v>
                </c:pt>
                <c:pt idx="823">
                  <c:v>43349</c:v>
                </c:pt>
                <c:pt idx="824">
                  <c:v>43350</c:v>
                </c:pt>
                <c:pt idx="825">
                  <c:v>43353</c:v>
                </c:pt>
                <c:pt idx="826">
                  <c:v>43354</c:v>
                </c:pt>
                <c:pt idx="827">
                  <c:v>43355</c:v>
                </c:pt>
                <c:pt idx="828">
                  <c:v>43356</c:v>
                </c:pt>
                <c:pt idx="829">
                  <c:v>43357</c:v>
                </c:pt>
                <c:pt idx="830">
                  <c:v>43360</c:v>
                </c:pt>
                <c:pt idx="831">
                  <c:v>43361</c:v>
                </c:pt>
                <c:pt idx="832">
                  <c:v>43362</c:v>
                </c:pt>
                <c:pt idx="833">
                  <c:v>43363</c:v>
                </c:pt>
                <c:pt idx="834">
                  <c:v>43364</c:v>
                </c:pt>
                <c:pt idx="835">
                  <c:v>43367</c:v>
                </c:pt>
                <c:pt idx="836">
                  <c:v>43368</c:v>
                </c:pt>
                <c:pt idx="837">
                  <c:v>43369</c:v>
                </c:pt>
                <c:pt idx="838">
                  <c:v>43370</c:v>
                </c:pt>
                <c:pt idx="839">
                  <c:v>43371</c:v>
                </c:pt>
                <c:pt idx="840">
                  <c:v>43374</c:v>
                </c:pt>
                <c:pt idx="841">
                  <c:v>43375</c:v>
                </c:pt>
                <c:pt idx="842">
                  <c:v>43376</c:v>
                </c:pt>
                <c:pt idx="843">
                  <c:v>43377</c:v>
                </c:pt>
                <c:pt idx="844">
                  <c:v>43378</c:v>
                </c:pt>
                <c:pt idx="845">
                  <c:v>43381</c:v>
                </c:pt>
                <c:pt idx="846">
                  <c:v>43382</c:v>
                </c:pt>
                <c:pt idx="847">
                  <c:v>43383</c:v>
                </c:pt>
                <c:pt idx="848">
                  <c:v>43384</c:v>
                </c:pt>
                <c:pt idx="849">
                  <c:v>43385</c:v>
                </c:pt>
                <c:pt idx="850">
                  <c:v>43388</c:v>
                </c:pt>
                <c:pt idx="851">
                  <c:v>43389</c:v>
                </c:pt>
                <c:pt idx="852">
                  <c:v>43390</c:v>
                </c:pt>
                <c:pt idx="853">
                  <c:v>43391</c:v>
                </c:pt>
                <c:pt idx="854">
                  <c:v>43392</c:v>
                </c:pt>
                <c:pt idx="855">
                  <c:v>43395</c:v>
                </c:pt>
                <c:pt idx="856">
                  <c:v>43396</c:v>
                </c:pt>
                <c:pt idx="857">
                  <c:v>43397</c:v>
                </c:pt>
                <c:pt idx="858">
                  <c:v>43398</c:v>
                </c:pt>
                <c:pt idx="859">
                  <c:v>43399</c:v>
                </c:pt>
                <c:pt idx="860">
                  <c:v>43402</c:v>
                </c:pt>
                <c:pt idx="861">
                  <c:v>43403</c:v>
                </c:pt>
                <c:pt idx="862">
                  <c:v>43404</c:v>
                </c:pt>
                <c:pt idx="863">
                  <c:v>43405</c:v>
                </c:pt>
                <c:pt idx="864">
                  <c:v>43406</c:v>
                </c:pt>
                <c:pt idx="865">
                  <c:v>43409</c:v>
                </c:pt>
                <c:pt idx="866">
                  <c:v>43410</c:v>
                </c:pt>
                <c:pt idx="867">
                  <c:v>43411</c:v>
                </c:pt>
                <c:pt idx="868">
                  <c:v>43412</c:v>
                </c:pt>
                <c:pt idx="869">
                  <c:v>43413</c:v>
                </c:pt>
                <c:pt idx="870">
                  <c:v>43416</c:v>
                </c:pt>
                <c:pt idx="871">
                  <c:v>43417</c:v>
                </c:pt>
                <c:pt idx="872">
                  <c:v>43418</c:v>
                </c:pt>
                <c:pt idx="873">
                  <c:v>43419</c:v>
                </c:pt>
                <c:pt idx="874">
                  <c:v>43420</c:v>
                </c:pt>
                <c:pt idx="875">
                  <c:v>43423</c:v>
                </c:pt>
                <c:pt idx="876">
                  <c:v>43424</c:v>
                </c:pt>
                <c:pt idx="877">
                  <c:v>43425</c:v>
                </c:pt>
                <c:pt idx="878">
                  <c:v>43427</c:v>
                </c:pt>
                <c:pt idx="879">
                  <c:v>43430</c:v>
                </c:pt>
                <c:pt idx="880">
                  <c:v>43431</c:v>
                </c:pt>
                <c:pt idx="881">
                  <c:v>43432</c:v>
                </c:pt>
                <c:pt idx="882">
                  <c:v>43433</c:v>
                </c:pt>
                <c:pt idx="883">
                  <c:v>43434</c:v>
                </c:pt>
                <c:pt idx="884">
                  <c:v>43437</c:v>
                </c:pt>
                <c:pt idx="885">
                  <c:v>43438</c:v>
                </c:pt>
                <c:pt idx="886">
                  <c:v>43440</c:v>
                </c:pt>
                <c:pt idx="887">
                  <c:v>43441</c:v>
                </c:pt>
                <c:pt idx="888">
                  <c:v>43444</c:v>
                </c:pt>
                <c:pt idx="889">
                  <c:v>43445</c:v>
                </c:pt>
                <c:pt idx="890">
                  <c:v>43446</c:v>
                </c:pt>
                <c:pt idx="891">
                  <c:v>43447</c:v>
                </c:pt>
                <c:pt idx="892">
                  <c:v>43448</c:v>
                </c:pt>
                <c:pt idx="893">
                  <c:v>43451</c:v>
                </c:pt>
                <c:pt idx="894">
                  <c:v>43452</c:v>
                </c:pt>
                <c:pt idx="895">
                  <c:v>43453</c:v>
                </c:pt>
                <c:pt idx="896">
                  <c:v>43454</c:v>
                </c:pt>
                <c:pt idx="897">
                  <c:v>43455</c:v>
                </c:pt>
                <c:pt idx="898">
                  <c:v>43458</c:v>
                </c:pt>
                <c:pt idx="899">
                  <c:v>43460</c:v>
                </c:pt>
                <c:pt idx="900">
                  <c:v>43461</c:v>
                </c:pt>
                <c:pt idx="901">
                  <c:v>43462</c:v>
                </c:pt>
                <c:pt idx="902">
                  <c:v>43465</c:v>
                </c:pt>
                <c:pt idx="903">
                  <c:v>43467</c:v>
                </c:pt>
                <c:pt idx="904">
                  <c:v>43468</c:v>
                </c:pt>
                <c:pt idx="905">
                  <c:v>43469</c:v>
                </c:pt>
                <c:pt idx="906">
                  <c:v>43472</c:v>
                </c:pt>
                <c:pt idx="907">
                  <c:v>43473</c:v>
                </c:pt>
                <c:pt idx="908">
                  <c:v>43474</c:v>
                </c:pt>
                <c:pt idx="909">
                  <c:v>43475</c:v>
                </c:pt>
                <c:pt idx="910">
                  <c:v>43476</c:v>
                </c:pt>
                <c:pt idx="911">
                  <c:v>43479</c:v>
                </c:pt>
                <c:pt idx="912">
                  <c:v>43480</c:v>
                </c:pt>
                <c:pt idx="913">
                  <c:v>43481</c:v>
                </c:pt>
                <c:pt idx="914">
                  <c:v>43482</c:v>
                </c:pt>
                <c:pt idx="915">
                  <c:v>43483</c:v>
                </c:pt>
                <c:pt idx="916">
                  <c:v>43487</c:v>
                </c:pt>
                <c:pt idx="917">
                  <c:v>43488</c:v>
                </c:pt>
                <c:pt idx="918">
                  <c:v>43489</c:v>
                </c:pt>
                <c:pt idx="919">
                  <c:v>43490</c:v>
                </c:pt>
                <c:pt idx="920">
                  <c:v>43493</c:v>
                </c:pt>
                <c:pt idx="921">
                  <c:v>43494</c:v>
                </c:pt>
                <c:pt idx="922">
                  <c:v>43495</c:v>
                </c:pt>
                <c:pt idx="923">
                  <c:v>43496</c:v>
                </c:pt>
                <c:pt idx="924">
                  <c:v>43497</c:v>
                </c:pt>
                <c:pt idx="925">
                  <c:v>43500</c:v>
                </c:pt>
                <c:pt idx="926">
                  <c:v>43501</c:v>
                </c:pt>
                <c:pt idx="927">
                  <c:v>43502</c:v>
                </c:pt>
                <c:pt idx="928">
                  <c:v>43503</c:v>
                </c:pt>
                <c:pt idx="929">
                  <c:v>43504</c:v>
                </c:pt>
                <c:pt idx="930">
                  <c:v>43507</c:v>
                </c:pt>
                <c:pt idx="931">
                  <c:v>43508</c:v>
                </c:pt>
                <c:pt idx="932">
                  <c:v>43509</c:v>
                </c:pt>
                <c:pt idx="933">
                  <c:v>43510</c:v>
                </c:pt>
                <c:pt idx="934">
                  <c:v>43511</c:v>
                </c:pt>
                <c:pt idx="935">
                  <c:v>43515</c:v>
                </c:pt>
                <c:pt idx="936">
                  <c:v>43516</c:v>
                </c:pt>
                <c:pt idx="937">
                  <c:v>43517</c:v>
                </c:pt>
                <c:pt idx="938">
                  <c:v>43518</c:v>
                </c:pt>
                <c:pt idx="939">
                  <c:v>43521</c:v>
                </c:pt>
                <c:pt idx="940">
                  <c:v>43522</c:v>
                </c:pt>
                <c:pt idx="941">
                  <c:v>43523</c:v>
                </c:pt>
                <c:pt idx="942">
                  <c:v>43524</c:v>
                </c:pt>
                <c:pt idx="943">
                  <c:v>43525</c:v>
                </c:pt>
                <c:pt idx="944">
                  <c:v>43528</c:v>
                </c:pt>
                <c:pt idx="945">
                  <c:v>43529</c:v>
                </c:pt>
                <c:pt idx="946">
                  <c:v>43530</c:v>
                </c:pt>
                <c:pt idx="947">
                  <c:v>43531</c:v>
                </c:pt>
                <c:pt idx="948">
                  <c:v>43532</c:v>
                </c:pt>
                <c:pt idx="949">
                  <c:v>43535</c:v>
                </c:pt>
                <c:pt idx="950">
                  <c:v>43536</c:v>
                </c:pt>
                <c:pt idx="951">
                  <c:v>43537</c:v>
                </c:pt>
                <c:pt idx="952">
                  <c:v>43538</c:v>
                </c:pt>
                <c:pt idx="953">
                  <c:v>43539</c:v>
                </c:pt>
                <c:pt idx="954">
                  <c:v>43542</c:v>
                </c:pt>
                <c:pt idx="955">
                  <c:v>43543</c:v>
                </c:pt>
                <c:pt idx="956">
                  <c:v>43544</c:v>
                </c:pt>
                <c:pt idx="957">
                  <c:v>43545</c:v>
                </c:pt>
                <c:pt idx="958">
                  <c:v>43546</c:v>
                </c:pt>
                <c:pt idx="959">
                  <c:v>43549</c:v>
                </c:pt>
                <c:pt idx="960">
                  <c:v>43550</c:v>
                </c:pt>
                <c:pt idx="961">
                  <c:v>43551</c:v>
                </c:pt>
                <c:pt idx="962">
                  <c:v>43552</c:v>
                </c:pt>
                <c:pt idx="963">
                  <c:v>43553</c:v>
                </c:pt>
                <c:pt idx="964">
                  <c:v>43556</c:v>
                </c:pt>
                <c:pt idx="965">
                  <c:v>43557</c:v>
                </c:pt>
                <c:pt idx="966">
                  <c:v>43558</c:v>
                </c:pt>
                <c:pt idx="967">
                  <c:v>43559</c:v>
                </c:pt>
                <c:pt idx="968">
                  <c:v>43560</c:v>
                </c:pt>
                <c:pt idx="969">
                  <c:v>43563</c:v>
                </c:pt>
                <c:pt idx="970">
                  <c:v>43564</c:v>
                </c:pt>
                <c:pt idx="971">
                  <c:v>43565</c:v>
                </c:pt>
                <c:pt idx="972">
                  <c:v>43566</c:v>
                </c:pt>
                <c:pt idx="973">
                  <c:v>43567</c:v>
                </c:pt>
                <c:pt idx="974">
                  <c:v>43570</c:v>
                </c:pt>
                <c:pt idx="975">
                  <c:v>43571</c:v>
                </c:pt>
                <c:pt idx="976">
                  <c:v>43572</c:v>
                </c:pt>
                <c:pt idx="977">
                  <c:v>43573</c:v>
                </c:pt>
                <c:pt idx="978">
                  <c:v>43577</c:v>
                </c:pt>
                <c:pt idx="979">
                  <c:v>43578</c:v>
                </c:pt>
                <c:pt idx="980">
                  <c:v>43579</c:v>
                </c:pt>
                <c:pt idx="981">
                  <c:v>43580</c:v>
                </c:pt>
                <c:pt idx="982">
                  <c:v>43581</c:v>
                </c:pt>
                <c:pt idx="983">
                  <c:v>43584</c:v>
                </c:pt>
                <c:pt idx="984">
                  <c:v>43585</c:v>
                </c:pt>
                <c:pt idx="985">
                  <c:v>43586</c:v>
                </c:pt>
                <c:pt idx="986">
                  <c:v>43587</c:v>
                </c:pt>
                <c:pt idx="987">
                  <c:v>43588</c:v>
                </c:pt>
                <c:pt idx="988">
                  <c:v>43591</c:v>
                </c:pt>
                <c:pt idx="989">
                  <c:v>43592</c:v>
                </c:pt>
                <c:pt idx="990">
                  <c:v>43593</c:v>
                </c:pt>
                <c:pt idx="991">
                  <c:v>43594</c:v>
                </c:pt>
                <c:pt idx="992">
                  <c:v>43595</c:v>
                </c:pt>
                <c:pt idx="993">
                  <c:v>43598</c:v>
                </c:pt>
                <c:pt idx="994">
                  <c:v>43599</c:v>
                </c:pt>
                <c:pt idx="995">
                  <c:v>43600</c:v>
                </c:pt>
                <c:pt idx="996">
                  <c:v>43601</c:v>
                </c:pt>
                <c:pt idx="997">
                  <c:v>43602</c:v>
                </c:pt>
                <c:pt idx="998">
                  <c:v>43605</c:v>
                </c:pt>
                <c:pt idx="999">
                  <c:v>43606</c:v>
                </c:pt>
                <c:pt idx="1000">
                  <c:v>43607</c:v>
                </c:pt>
                <c:pt idx="1001">
                  <c:v>43608</c:v>
                </c:pt>
                <c:pt idx="1002">
                  <c:v>43609</c:v>
                </c:pt>
                <c:pt idx="1003">
                  <c:v>43613</c:v>
                </c:pt>
                <c:pt idx="1004">
                  <c:v>43614</c:v>
                </c:pt>
                <c:pt idx="1005">
                  <c:v>43615</c:v>
                </c:pt>
                <c:pt idx="1006">
                  <c:v>43616</c:v>
                </c:pt>
                <c:pt idx="1007">
                  <c:v>43619</c:v>
                </c:pt>
                <c:pt idx="1008">
                  <c:v>43620</c:v>
                </c:pt>
                <c:pt idx="1009">
                  <c:v>43621</c:v>
                </c:pt>
                <c:pt idx="1010">
                  <c:v>43622</c:v>
                </c:pt>
                <c:pt idx="1011">
                  <c:v>43623</c:v>
                </c:pt>
                <c:pt idx="1012">
                  <c:v>43626</c:v>
                </c:pt>
                <c:pt idx="1013">
                  <c:v>43627</c:v>
                </c:pt>
                <c:pt idx="1014">
                  <c:v>43628</c:v>
                </c:pt>
                <c:pt idx="1015">
                  <c:v>43629</c:v>
                </c:pt>
                <c:pt idx="1016">
                  <c:v>43630</c:v>
                </c:pt>
                <c:pt idx="1017">
                  <c:v>43633</c:v>
                </c:pt>
                <c:pt idx="1018">
                  <c:v>43634</c:v>
                </c:pt>
                <c:pt idx="1019">
                  <c:v>43635</c:v>
                </c:pt>
                <c:pt idx="1020">
                  <c:v>43636</c:v>
                </c:pt>
                <c:pt idx="1021">
                  <c:v>43637</c:v>
                </c:pt>
                <c:pt idx="1022">
                  <c:v>43640</c:v>
                </c:pt>
                <c:pt idx="1023">
                  <c:v>43641</c:v>
                </c:pt>
                <c:pt idx="1024">
                  <c:v>43642</c:v>
                </c:pt>
                <c:pt idx="1025">
                  <c:v>43643</c:v>
                </c:pt>
                <c:pt idx="1026">
                  <c:v>43644</c:v>
                </c:pt>
                <c:pt idx="1027">
                  <c:v>43647</c:v>
                </c:pt>
                <c:pt idx="1028">
                  <c:v>43648</c:v>
                </c:pt>
                <c:pt idx="1029">
                  <c:v>43649</c:v>
                </c:pt>
                <c:pt idx="1030">
                  <c:v>43651</c:v>
                </c:pt>
                <c:pt idx="1031">
                  <c:v>43654</c:v>
                </c:pt>
                <c:pt idx="1032">
                  <c:v>43655</c:v>
                </c:pt>
                <c:pt idx="1033">
                  <c:v>43656</c:v>
                </c:pt>
                <c:pt idx="1034">
                  <c:v>43657</c:v>
                </c:pt>
                <c:pt idx="1035">
                  <c:v>43658</c:v>
                </c:pt>
                <c:pt idx="1036">
                  <c:v>43661</c:v>
                </c:pt>
                <c:pt idx="1037">
                  <c:v>43662</c:v>
                </c:pt>
                <c:pt idx="1038">
                  <c:v>43663</c:v>
                </c:pt>
                <c:pt idx="1039">
                  <c:v>43664</c:v>
                </c:pt>
                <c:pt idx="1040">
                  <c:v>43665</c:v>
                </c:pt>
                <c:pt idx="1041">
                  <c:v>43668</c:v>
                </c:pt>
                <c:pt idx="1042">
                  <c:v>43669</c:v>
                </c:pt>
                <c:pt idx="1043">
                  <c:v>43670</c:v>
                </c:pt>
                <c:pt idx="1044">
                  <c:v>43671</c:v>
                </c:pt>
                <c:pt idx="1045">
                  <c:v>43672</c:v>
                </c:pt>
                <c:pt idx="1046">
                  <c:v>43675</c:v>
                </c:pt>
                <c:pt idx="1047">
                  <c:v>43676</c:v>
                </c:pt>
                <c:pt idx="1048">
                  <c:v>43677</c:v>
                </c:pt>
                <c:pt idx="1049">
                  <c:v>43678</c:v>
                </c:pt>
                <c:pt idx="1050">
                  <c:v>43679</c:v>
                </c:pt>
                <c:pt idx="1051">
                  <c:v>43682</c:v>
                </c:pt>
                <c:pt idx="1052">
                  <c:v>43683</c:v>
                </c:pt>
                <c:pt idx="1053">
                  <c:v>43684</c:v>
                </c:pt>
                <c:pt idx="1054">
                  <c:v>43685</c:v>
                </c:pt>
                <c:pt idx="1055">
                  <c:v>43686</c:v>
                </c:pt>
                <c:pt idx="1056">
                  <c:v>43689</c:v>
                </c:pt>
                <c:pt idx="1057">
                  <c:v>43690</c:v>
                </c:pt>
                <c:pt idx="1058">
                  <c:v>43691</c:v>
                </c:pt>
                <c:pt idx="1059">
                  <c:v>43692</c:v>
                </c:pt>
                <c:pt idx="1060">
                  <c:v>43693</c:v>
                </c:pt>
                <c:pt idx="1061">
                  <c:v>43696</c:v>
                </c:pt>
                <c:pt idx="1062">
                  <c:v>43697</c:v>
                </c:pt>
                <c:pt idx="1063">
                  <c:v>43698</c:v>
                </c:pt>
                <c:pt idx="1064">
                  <c:v>43699</c:v>
                </c:pt>
                <c:pt idx="1065">
                  <c:v>43700</c:v>
                </c:pt>
                <c:pt idx="1066">
                  <c:v>43703</c:v>
                </c:pt>
                <c:pt idx="1067">
                  <c:v>43704</c:v>
                </c:pt>
                <c:pt idx="1068">
                  <c:v>43705</c:v>
                </c:pt>
                <c:pt idx="1069">
                  <c:v>43706</c:v>
                </c:pt>
                <c:pt idx="1070">
                  <c:v>43707</c:v>
                </c:pt>
                <c:pt idx="1071">
                  <c:v>43711</c:v>
                </c:pt>
                <c:pt idx="1072">
                  <c:v>43712</c:v>
                </c:pt>
                <c:pt idx="1073">
                  <c:v>43713</c:v>
                </c:pt>
                <c:pt idx="1074">
                  <c:v>43714</c:v>
                </c:pt>
                <c:pt idx="1075">
                  <c:v>43717</c:v>
                </c:pt>
                <c:pt idx="1076">
                  <c:v>43718</c:v>
                </c:pt>
                <c:pt idx="1077">
                  <c:v>43719</c:v>
                </c:pt>
                <c:pt idx="1078">
                  <c:v>43720</c:v>
                </c:pt>
                <c:pt idx="1079">
                  <c:v>43721</c:v>
                </c:pt>
                <c:pt idx="1080">
                  <c:v>43724</c:v>
                </c:pt>
                <c:pt idx="1081">
                  <c:v>43725</c:v>
                </c:pt>
                <c:pt idx="1082">
                  <c:v>43726</c:v>
                </c:pt>
                <c:pt idx="1083">
                  <c:v>43727</c:v>
                </c:pt>
                <c:pt idx="1084">
                  <c:v>43728</c:v>
                </c:pt>
                <c:pt idx="1085">
                  <c:v>43731</c:v>
                </c:pt>
                <c:pt idx="1086">
                  <c:v>43732</c:v>
                </c:pt>
                <c:pt idx="1087">
                  <c:v>43733</c:v>
                </c:pt>
                <c:pt idx="1088">
                  <c:v>43734</c:v>
                </c:pt>
                <c:pt idx="1089">
                  <c:v>43735</c:v>
                </c:pt>
                <c:pt idx="1090">
                  <c:v>43738</c:v>
                </c:pt>
                <c:pt idx="1091">
                  <c:v>43739</c:v>
                </c:pt>
                <c:pt idx="1092">
                  <c:v>43740</c:v>
                </c:pt>
                <c:pt idx="1093">
                  <c:v>43741</c:v>
                </c:pt>
                <c:pt idx="1094">
                  <c:v>43742</c:v>
                </c:pt>
                <c:pt idx="1095">
                  <c:v>43745</c:v>
                </c:pt>
                <c:pt idx="1096">
                  <c:v>43746</c:v>
                </c:pt>
                <c:pt idx="1097">
                  <c:v>43747</c:v>
                </c:pt>
                <c:pt idx="1098">
                  <c:v>43748</c:v>
                </c:pt>
                <c:pt idx="1099">
                  <c:v>43749</c:v>
                </c:pt>
                <c:pt idx="1100">
                  <c:v>43752</c:v>
                </c:pt>
                <c:pt idx="1101">
                  <c:v>43753</c:v>
                </c:pt>
                <c:pt idx="1102">
                  <c:v>43754</c:v>
                </c:pt>
                <c:pt idx="1103">
                  <c:v>43755</c:v>
                </c:pt>
                <c:pt idx="1104">
                  <c:v>43756</c:v>
                </c:pt>
                <c:pt idx="1105">
                  <c:v>43759</c:v>
                </c:pt>
                <c:pt idx="1106">
                  <c:v>43760</c:v>
                </c:pt>
                <c:pt idx="1107">
                  <c:v>43761</c:v>
                </c:pt>
                <c:pt idx="1108">
                  <c:v>43762</c:v>
                </c:pt>
                <c:pt idx="1109">
                  <c:v>43763</c:v>
                </c:pt>
                <c:pt idx="1110">
                  <c:v>43766</c:v>
                </c:pt>
                <c:pt idx="1111">
                  <c:v>43767</c:v>
                </c:pt>
                <c:pt idx="1112">
                  <c:v>43768</c:v>
                </c:pt>
                <c:pt idx="1113">
                  <c:v>43769</c:v>
                </c:pt>
                <c:pt idx="1114">
                  <c:v>43770</c:v>
                </c:pt>
                <c:pt idx="1115">
                  <c:v>43773</c:v>
                </c:pt>
                <c:pt idx="1116">
                  <c:v>43774</c:v>
                </c:pt>
                <c:pt idx="1117">
                  <c:v>43775</c:v>
                </c:pt>
                <c:pt idx="1118">
                  <c:v>43776</c:v>
                </c:pt>
                <c:pt idx="1119">
                  <c:v>43777</c:v>
                </c:pt>
                <c:pt idx="1120">
                  <c:v>43780</c:v>
                </c:pt>
                <c:pt idx="1121">
                  <c:v>43781</c:v>
                </c:pt>
                <c:pt idx="1122">
                  <c:v>43782</c:v>
                </c:pt>
                <c:pt idx="1123">
                  <c:v>43783</c:v>
                </c:pt>
                <c:pt idx="1124">
                  <c:v>43784</c:v>
                </c:pt>
                <c:pt idx="1125">
                  <c:v>43787</c:v>
                </c:pt>
                <c:pt idx="1126">
                  <c:v>43788</c:v>
                </c:pt>
                <c:pt idx="1127">
                  <c:v>43789</c:v>
                </c:pt>
                <c:pt idx="1128">
                  <c:v>43790</c:v>
                </c:pt>
                <c:pt idx="1129">
                  <c:v>43791</c:v>
                </c:pt>
                <c:pt idx="1130">
                  <c:v>43794</c:v>
                </c:pt>
                <c:pt idx="1131">
                  <c:v>43795</c:v>
                </c:pt>
                <c:pt idx="1132">
                  <c:v>43796</c:v>
                </c:pt>
                <c:pt idx="1133">
                  <c:v>43798</c:v>
                </c:pt>
                <c:pt idx="1134">
                  <c:v>43801</c:v>
                </c:pt>
                <c:pt idx="1135">
                  <c:v>43802</c:v>
                </c:pt>
                <c:pt idx="1136">
                  <c:v>43803</c:v>
                </c:pt>
                <c:pt idx="1137">
                  <c:v>43804</c:v>
                </c:pt>
                <c:pt idx="1138">
                  <c:v>43805</c:v>
                </c:pt>
                <c:pt idx="1139">
                  <c:v>43808</c:v>
                </c:pt>
                <c:pt idx="1140">
                  <c:v>43809</c:v>
                </c:pt>
                <c:pt idx="1141">
                  <c:v>43810</c:v>
                </c:pt>
                <c:pt idx="1142">
                  <c:v>43811</c:v>
                </c:pt>
                <c:pt idx="1143">
                  <c:v>43812</c:v>
                </c:pt>
                <c:pt idx="1144">
                  <c:v>43815</c:v>
                </c:pt>
                <c:pt idx="1145">
                  <c:v>43816</c:v>
                </c:pt>
                <c:pt idx="1146">
                  <c:v>43817</c:v>
                </c:pt>
                <c:pt idx="1147">
                  <c:v>43818</c:v>
                </c:pt>
                <c:pt idx="1148">
                  <c:v>43819</c:v>
                </c:pt>
                <c:pt idx="1149">
                  <c:v>43822</c:v>
                </c:pt>
                <c:pt idx="1150">
                  <c:v>43823</c:v>
                </c:pt>
                <c:pt idx="1151">
                  <c:v>43825</c:v>
                </c:pt>
                <c:pt idx="1152">
                  <c:v>43826</c:v>
                </c:pt>
                <c:pt idx="1153">
                  <c:v>43829</c:v>
                </c:pt>
                <c:pt idx="1154">
                  <c:v>43830</c:v>
                </c:pt>
                <c:pt idx="1155">
                  <c:v>43832</c:v>
                </c:pt>
                <c:pt idx="1156">
                  <c:v>43833</c:v>
                </c:pt>
                <c:pt idx="1157">
                  <c:v>43836</c:v>
                </c:pt>
                <c:pt idx="1158">
                  <c:v>43837</c:v>
                </c:pt>
                <c:pt idx="1159">
                  <c:v>43838</c:v>
                </c:pt>
                <c:pt idx="1160">
                  <c:v>43839</c:v>
                </c:pt>
                <c:pt idx="1161">
                  <c:v>43840</c:v>
                </c:pt>
                <c:pt idx="1162">
                  <c:v>43843</c:v>
                </c:pt>
                <c:pt idx="1163">
                  <c:v>43844</c:v>
                </c:pt>
                <c:pt idx="1164">
                  <c:v>43845</c:v>
                </c:pt>
                <c:pt idx="1165">
                  <c:v>43846</c:v>
                </c:pt>
                <c:pt idx="1166">
                  <c:v>43847</c:v>
                </c:pt>
                <c:pt idx="1167">
                  <c:v>43851</c:v>
                </c:pt>
                <c:pt idx="1168">
                  <c:v>43852</c:v>
                </c:pt>
                <c:pt idx="1169">
                  <c:v>43853</c:v>
                </c:pt>
                <c:pt idx="1170">
                  <c:v>43854</c:v>
                </c:pt>
                <c:pt idx="1171">
                  <c:v>43857</c:v>
                </c:pt>
                <c:pt idx="1172">
                  <c:v>43858</c:v>
                </c:pt>
                <c:pt idx="1173">
                  <c:v>43859</c:v>
                </c:pt>
                <c:pt idx="1174">
                  <c:v>43860</c:v>
                </c:pt>
                <c:pt idx="1175">
                  <c:v>43861</c:v>
                </c:pt>
                <c:pt idx="1176">
                  <c:v>43864</c:v>
                </c:pt>
                <c:pt idx="1177">
                  <c:v>43865</c:v>
                </c:pt>
                <c:pt idx="1178">
                  <c:v>43866</c:v>
                </c:pt>
                <c:pt idx="1179">
                  <c:v>43867</c:v>
                </c:pt>
                <c:pt idx="1180">
                  <c:v>43868</c:v>
                </c:pt>
                <c:pt idx="1181">
                  <c:v>43871</c:v>
                </c:pt>
                <c:pt idx="1182">
                  <c:v>43872</c:v>
                </c:pt>
                <c:pt idx="1183">
                  <c:v>43873</c:v>
                </c:pt>
                <c:pt idx="1184">
                  <c:v>43874</c:v>
                </c:pt>
                <c:pt idx="1185">
                  <c:v>43875</c:v>
                </c:pt>
                <c:pt idx="1186">
                  <c:v>43879</c:v>
                </c:pt>
                <c:pt idx="1187">
                  <c:v>43880</c:v>
                </c:pt>
                <c:pt idx="1188">
                  <c:v>43881</c:v>
                </c:pt>
                <c:pt idx="1189">
                  <c:v>43882</c:v>
                </c:pt>
                <c:pt idx="1190">
                  <c:v>43885</c:v>
                </c:pt>
                <c:pt idx="1191">
                  <c:v>43886</c:v>
                </c:pt>
                <c:pt idx="1192">
                  <c:v>43887</c:v>
                </c:pt>
                <c:pt idx="1193">
                  <c:v>43888</c:v>
                </c:pt>
                <c:pt idx="1194">
                  <c:v>43889</c:v>
                </c:pt>
                <c:pt idx="1195">
                  <c:v>43892</c:v>
                </c:pt>
                <c:pt idx="1196">
                  <c:v>43893</c:v>
                </c:pt>
                <c:pt idx="1197">
                  <c:v>43894</c:v>
                </c:pt>
                <c:pt idx="1198">
                  <c:v>43895</c:v>
                </c:pt>
                <c:pt idx="1199">
                  <c:v>43896</c:v>
                </c:pt>
                <c:pt idx="1200">
                  <c:v>43899</c:v>
                </c:pt>
                <c:pt idx="1201">
                  <c:v>43900</c:v>
                </c:pt>
                <c:pt idx="1202">
                  <c:v>43901</c:v>
                </c:pt>
                <c:pt idx="1203">
                  <c:v>43902</c:v>
                </c:pt>
                <c:pt idx="1204">
                  <c:v>43903</c:v>
                </c:pt>
                <c:pt idx="1205">
                  <c:v>43906</c:v>
                </c:pt>
                <c:pt idx="1206">
                  <c:v>43907</c:v>
                </c:pt>
                <c:pt idx="1207">
                  <c:v>43908</c:v>
                </c:pt>
                <c:pt idx="1208">
                  <c:v>43909</c:v>
                </c:pt>
                <c:pt idx="1209">
                  <c:v>43910</c:v>
                </c:pt>
                <c:pt idx="1210">
                  <c:v>43913</c:v>
                </c:pt>
                <c:pt idx="1211">
                  <c:v>43914</c:v>
                </c:pt>
                <c:pt idx="1212">
                  <c:v>43915</c:v>
                </c:pt>
                <c:pt idx="1213">
                  <c:v>43916</c:v>
                </c:pt>
                <c:pt idx="1214">
                  <c:v>43917</c:v>
                </c:pt>
                <c:pt idx="1215">
                  <c:v>43920</c:v>
                </c:pt>
                <c:pt idx="1216">
                  <c:v>43921</c:v>
                </c:pt>
                <c:pt idx="1217">
                  <c:v>43922</c:v>
                </c:pt>
                <c:pt idx="1218">
                  <c:v>43923</c:v>
                </c:pt>
                <c:pt idx="1219">
                  <c:v>43924</c:v>
                </c:pt>
                <c:pt idx="1220">
                  <c:v>43927</c:v>
                </c:pt>
                <c:pt idx="1221">
                  <c:v>43928</c:v>
                </c:pt>
                <c:pt idx="1222">
                  <c:v>43929</c:v>
                </c:pt>
                <c:pt idx="1223">
                  <c:v>43930</c:v>
                </c:pt>
                <c:pt idx="1224">
                  <c:v>43934</c:v>
                </c:pt>
                <c:pt idx="1225">
                  <c:v>43935</c:v>
                </c:pt>
                <c:pt idx="1226">
                  <c:v>43936</c:v>
                </c:pt>
                <c:pt idx="1227">
                  <c:v>43937</c:v>
                </c:pt>
                <c:pt idx="1228">
                  <c:v>43938</c:v>
                </c:pt>
                <c:pt idx="1229">
                  <c:v>43941</c:v>
                </c:pt>
                <c:pt idx="1230">
                  <c:v>43942</c:v>
                </c:pt>
                <c:pt idx="1231">
                  <c:v>43943</c:v>
                </c:pt>
                <c:pt idx="1232">
                  <c:v>43944</c:v>
                </c:pt>
                <c:pt idx="1233">
                  <c:v>43945</c:v>
                </c:pt>
                <c:pt idx="1234">
                  <c:v>43948</c:v>
                </c:pt>
                <c:pt idx="1235">
                  <c:v>43949</c:v>
                </c:pt>
                <c:pt idx="1236">
                  <c:v>43950</c:v>
                </c:pt>
                <c:pt idx="1237">
                  <c:v>43951</c:v>
                </c:pt>
                <c:pt idx="1238">
                  <c:v>43952</c:v>
                </c:pt>
                <c:pt idx="1239">
                  <c:v>43955</c:v>
                </c:pt>
                <c:pt idx="1240">
                  <c:v>43956</c:v>
                </c:pt>
                <c:pt idx="1241">
                  <c:v>43957</c:v>
                </c:pt>
                <c:pt idx="1242">
                  <c:v>43958</c:v>
                </c:pt>
                <c:pt idx="1243">
                  <c:v>43959</c:v>
                </c:pt>
                <c:pt idx="1244">
                  <c:v>43962</c:v>
                </c:pt>
                <c:pt idx="1245">
                  <c:v>43963</c:v>
                </c:pt>
                <c:pt idx="1246">
                  <c:v>43964</c:v>
                </c:pt>
                <c:pt idx="1247">
                  <c:v>43965</c:v>
                </c:pt>
                <c:pt idx="1248">
                  <c:v>43966</c:v>
                </c:pt>
                <c:pt idx="1249">
                  <c:v>43969</c:v>
                </c:pt>
                <c:pt idx="1250">
                  <c:v>43970</c:v>
                </c:pt>
                <c:pt idx="1251">
                  <c:v>43971</c:v>
                </c:pt>
                <c:pt idx="1252">
                  <c:v>43972</c:v>
                </c:pt>
                <c:pt idx="1253">
                  <c:v>43973</c:v>
                </c:pt>
                <c:pt idx="1254">
                  <c:v>43977</c:v>
                </c:pt>
                <c:pt idx="1255">
                  <c:v>43978</c:v>
                </c:pt>
                <c:pt idx="1256">
                  <c:v>43979</c:v>
                </c:pt>
                <c:pt idx="1257">
                  <c:v>43980</c:v>
                </c:pt>
                <c:pt idx="1258">
                  <c:v>43983</c:v>
                </c:pt>
                <c:pt idx="1259">
                  <c:v>43984</c:v>
                </c:pt>
                <c:pt idx="1260">
                  <c:v>43985</c:v>
                </c:pt>
                <c:pt idx="1261">
                  <c:v>43986</c:v>
                </c:pt>
                <c:pt idx="1262">
                  <c:v>43987</c:v>
                </c:pt>
                <c:pt idx="1263">
                  <c:v>43990</c:v>
                </c:pt>
                <c:pt idx="1264">
                  <c:v>43991</c:v>
                </c:pt>
                <c:pt idx="1265">
                  <c:v>43992</c:v>
                </c:pt>
                <c:pt idx="1266">
                  <c:v>43993</c:v>
                </c:pt>
                <c:pt idx="1267">
                  <c:v>43994</c:v>
                </c:pt>
                <c:pt idx="1268">
                  <c:v>43997</c:v>
                </c:pt>
                <c:pt idx="1269">
                  <c:v>43998</c:v>
                </c:pt>
                <c:pt idx="1270">
                  <c:v>43999</c:v>
                </c:pt>
                <c:pt idx="1271">
                  <c:v>44000</c:v>
                </c:pt>
                <c:pt idx="1272">
                  <c:v>44001</c:v>
                </c:pt>
                <c:pt idx="1273">
                  <c:v>44004</c:v>
                </c:pt>
                <c:pt idx="1274">
                  <c:v>44005</c:v>
                </c:pt>
                <c:pt idx="1275">
                  <c:v>44006</c:v>
                </c:pt>
                <c:pt idx="1276">
                  <c:v>44007</c:v>
                </c:pt>
                <c:pt idx="1277">
                  <c:v>44008</c:v>
                </c:pt>
                <c:pt idx="1278">
                  <c:v>44011</c:v>
                </c:pt>
                <c:pt idx="1279">
                  <c:v>44012</c:v>
                </c:pt>
                <c:pt idx="1280">
                  <c:v>44013</c:v>
                </c:pt>
                <c:pt idx="1281">
                  <c:v>44014</c:v>
                </c:pt>
                <c:pt idx="1282">
                  <c:v>44018</c:v>
                </c:pt>
                <c:pt idx="1283">
                  <c:v>44019</c:v>
                </c:pt>
                <c:pt idx="1284">
                  <c:v>44020</c:v>
                </c:pt>
                <c:pt idx="1285">
                  <c:v>44021</c:v>
                </c:pt>
                <c:pt idx="1286">
                  <c:v>44022</c:v>
                </c:pt>
                <c:pt idx="1287">
                  <c:v>44025</c:v>
                </c:pt>
                <c:pt idx="1288">
                  <c:v>44026</c:v>
                </c:pt>
                <c:pt idx="1289">
                  <c:v>44027</c:v>
                </c:pt>
                <c:pt idx="1290">
                  <c:v>44028</c:v>
                </c:pt>
                <c:pt idx="1291">
                  <c:v>44029</c:v>
                </c:pt>
                <c:pt idx="1292">
                  <c:v>44032</c:v>
                </c:pt>
                <c:pt idx="1293">
                  <c:v>44033</c:v>
                </c:pt>
                <c:pt idx="1294">
                  <c:v>44034</c:v>
                </c:pt>
                <c:pt idx="1295">
                  <c:v>44035</c:v>
                </c:pt>
                <c:pt idx="1296">
                  <c:v>44036</c:v>
                </c:pt>
                <c:pt idx="1297">
                  <c:v>44039</c:v>
                </c:pt>
                <c:pt idx="1298">
                  <c:v>44040</c:v>
                </c:pt>
                <c:pt idx="1299">
                  <c:v>44041</c:v>
                </c:pt>
                <c:pt idx="1300">
                  <c:v>44042</c:v>
                </c:pt>
                <c:pt idx="1301">
                  <c:v>44043</c:v>
                </c:pt>
                <c:pt idx="1302">
                  <c:v>44046</c:v>
                </c:pt>
                <c:pt idx="1303">
                  <c:v>44047</c:v>
                </c:pt>
                <c:pt idx="1304">
                  <c:v>44048</c:v>
                </c:pt>
                <c:pt idx="1305">
                  <c:v>44049</c:v>
                </c:pt>
                <c:pt idx="1306">
                  <c:v>44050</c:v>
                </c:pt>
                <c:pt idx="1307">
                  <c:v>44053</c:v>
                </c:pt>
                <c:pt idx="1308">
                  <c:v>44054</c:v>
                </c:pt>
                <c:pt idx="1309">
                  <c:v>44055</c:v>
                </c:pt>
                <c:pt idx="1310">
                  <c:v>44056</c:v>
                </c:pt>
                <c:pt idx="1311">
                  <c:v>44057</c:v>
                </c:pt>
                <c:pt idx="1312">
                  <c:v>44060</c:v>
                </c:pt>
                <c:pt idx="1313">
                  <c:v>44061</c:v>
                </c:pt>
                <c:pt idx="1314">
                  <c:v>44062</c:v>
                </c:pt>
                <c:pt idx="1315">
                  <c:v>44063</c:v>
                </c:pt>
                <c:pt idx="1316">
                  <c:v>44064</c:v>
                </c:pt>
                <c:pt idx="1317">
                  <c:v>44067</c:v>
                </c:pt>
                <c:pt idx="1318">
                  <c:v>44068</c:v>
                </c:pt>
                <c:pt idx="1319">
                  <c:v>44069</c:v>
                </c:pt>
                <c:pt idx="1320">
                  <c:v>44070</c:v>
                </c:pt>
                <c:pt idx="1321">
                  <c:v>44071</c:v>
                </c:pt>
                <c:pt idx="1322">
                  <c:v>44074</c:v>
                </c:pt>
                <c:pt idx="1323">
                  <c:v>44075</c:v>
                </c:pt>
                <c:pt idx="1324">
                  <c:v>44076</c:v>
                </c:pt>
                <c:pt idx="1325">
                  <c:v>44077</c:v>
                </c:pt>
                <c:pt idx="1326">
                  <c:v>44078</c:v>
                </c:pt>
                <c:pt idx="1327">
                  <c:v>44082</c:v>
                </c:pt>
                <c:pt idx="1328">
                  <c:v>44083</c:v>
                </c:pt>
                <c:pt idx="1329">
                  <c:v>44084</c:v>
                </c:pt>
                <c:pt idx="1330">
                  <c:v>44085</c:v>
                </c:pt>
                <c:pt idx="1331">
                  <c:v>44088</c:v>
                </c:pt>
                <c:pt idx="1332">
                  <c:v>44089</c:v>
                </c:pt>
                <c:pt idx="1333">
                  <c:v>44090</c:v>
                </c:pt>
                <c:pt idx="1334">
                  <c:v>44091</c:v>
                </c:pt>
                <c:pt idx="1335">
                  <c:v>44092</c:v>
                </c:pt>
                <c:pt idx="1336">
                  <c:v>44095</c:v>
                </c:pt>
                <c:pt idx="1337">
                  <c:v>44096</c:v>
                </c:pt>
                <c:pt idx="1338">
                  <c:v>44097</c:v>
                </c:pt>
                <c:pt idx="1339">
                  <c:v>44098</c:v>
                </c:pt>
                <c:pt idx="1340">
                  <c:v>44099</c:v>
                </c:pt>
                <c:pt idx="1341">
                  <c:v>44102</c:v>
                </c:pt>
                <c:pt idx="1342">
                  <c:v>44103</c:v>
                </c:pt>
                <c:pt idx="1343">
                  <c:v>44104</c:v>
                </c:pt>
                <c:pt idx="1344">
                  <c:v>44105</c:v>
                </c:pt>
                <c:pt idx="1345">
                  <c:v>44106</c:v>
                </c:pt>
                <c:pt idx="1346">
                  <c:v>44109</c:v>
                </c:pt>
                <c:pt idx="1347">
                  <c:v>44110</c:v>
                </c:pt>
                <c:pt idx="1348">
                  <c:v>44111</c:v>
                </c:pt>
                <c:pt idx="1349">
                  <c:v>44112</c:v>
                </c:pt>
                <c:pt idx="1350">
                  <c:v>44113</c:v>
                </c:pt>
                <c:pt idx="1351">
                  <c:v>44116</c:v>
                </c:pt>
                <c:pt idx="1352">
                  <c:v>44117</c:v>
                </c:pt>
                <c:pt idx="1353">
                  <c:v>44118</c:v>
                </c:pt>
                <c:pt idx="1354">
                  <c:v>44119</c:v>
                </c:pt>
                <c:pt idx="1355">
                  <c:v>44120</c:v>
                </c:pt>
                <c:pt idx="1356">
                  <c:v>44123</c:v>
                </c:pt>
                <c:pt idx="1357">
                  <c:v>44124</c:v>
                </c:pt>
                <c:pt idx="1358">
                  <c:v>44125</c:v>
                </c:pt>
                <c:pt idx="1359">
                  <c:v>44126</c:v>
                </c:pt>
                <c:pt idx="1360">
                  <c:v>44127</c:v>
                </c:pt>
                <c:pt idx="1361">
                  <c:v>44130</c:v>
                </c:pt>
                <c:pt idx="1362">
                  <c:v>44131</c:v>
                </c:pt>
                <c:pt idx="1363">
                  <c:v>44132</c:v>
                </c:pt>
                <c:pt idx="1364">
                  <c:v>44133</c:v>
                </c:pt>
                <c:pt idx="1365">
                  <c:v>44134</c:v>
                </c:pt>
                <c:pt idx="1366">
                  <c:v>44137</c:v>
                </c:pt>
                <c:pt idx="1367">
                  <c:v>44138</c:v>
                </c:pt>
                <c:pt idx="1368">
                  <c:v>44139</c:v>
                </c:pt>
                <c:pt idx="1369">
                  <c:v>44140</c:v>
                </c:pt>
                <c:pt idx="1370">
                  <c:v>44141</c:v>
                </c:pt>
                <c:pt idx="1371">
                  <c:v>44144</c:v>
                </c:pt>
                <c:pt idx="1372">
                  <c:v>44145</c:v>
                </c:pt>
                <c:pt idx="1373">
                  <c:v>44146</c:v>
                </c:pt>
                <c:pt idx="1374">
                  <c:v>44147</c:v>
                </c:pt>
                <c:pt idx="1375">
                  <c:v>44148</c:v>
                </c:pt>
                <c:pt idx="1376">
                  <c:v>44151</c:v>
                </c:pt>
                <c:pt idx="1377">
                  <c:v>44152</c:v>
                </c:pt>
                <c:pt idx="1378">
                  <c:v>44153</c:v>
                </c:pt>
                <c:pt idx="1379">
                  <c:v>44154</c:v>
                </c:pt>
                <c:pt idx="1380">
                  <c:v>44155</c:v>
                </c:pt>
                <c:pt idx="1381">
                  <c:v>44158</c:v>
                </c:pt>
                <c:pt idx="1382">
                  <c:v>44159</c:v>
                </c:pt>
                <c:pt idx="1383">
                  <c:v>44160</c:v>
                </c:pt>
                <c:pt idx="1384">
                  <c:v>44162</c:v>
                </c:pt>
                <c:pt idx="1385">
                  <c:v>44165</c:v>
                </c:pt>
                <c:pt idx="1386">
                  <c:v>44166</c:v>
                </c:pt>
                <c:pt idx="1387">
                  <c:v>44167</c:v>
                </c:pt>
                <c:pt idx="1388">
                  <c:v>44168</c:v>
                </c:pt>
                <c:pt idx="1389">
                  <c:v>44169</c:v>
                </c:pt>
                <c:pt idx="1390">
                  <c:v>44172</c:v>
                </c:pt>
                <c:pt idx="1391">
                  <c:v>44173</c:v>
                </c:pt>
                <c:pt idx="1392">
                  <c:v>44174</c:v>
                </c:pt>
                <c:pt idx="1393">
                  <c:v>44175</c:v>
                </c:pt>
                <c:pt idx="1394">
                  <c:v>44176</c:v>
                </c:pt>
                <c:pt idx="1395">
                  <c:v>44179</c:v>
                </c:pt>
                <c:pt idx="1396">
                  <c:v>44180</c:v>
                </c:pt>
                <c:pt idx="1397">
                  <c:v>44181</c:v>
                </c:pt>
                <c:pt idx="1398">
                  <c:v>44182</c:v>
                </c:pt>
                <c:pt idx="1399">
                  <c:v>44183</c:v>
                </c:pt>
                <c:pt idx="1400">
                  <c:v>44186</c:v>
                </c:pt>
                <c:pt idx="1401">
                  <c:v>44187</c:v>
                </c:pt>
                <c:pt idx="1402">
                  <c:v>44188</c:v>
                </c:pt>
                <c:pt idx="1403">
                  <c:v>44189</c:v>
                </c:pt>
                <c:pt idx="1404">
                  <c:v>44193</c:v>
                </c:pt>
                <c:pt idx="1405">
                  <c:v>44194</c:v>
                </c:pt>
                <c:pt idx="1406">
                  <c:v>44195</c:v>
                </c:pt>
                <c:pt idx="1407">
                  <c:v>44196</c:v>
                </c:pt>
                <c:pt idx="1408">
                  <c:v>44200</c:v>
                </c:pt>
                <c:pt idx="1409">
                  <c:v>44201</c:v>
                </c:pt>
                <c:pt idx="1410">
                  <c:v>44202</c:v>
                </c:pt>
                <c:pt idx="1411">
                  <c:v>44203</c:v>
                </c:pt>
                <c:pt idx="1412">
                  <c:v>44204</c:v>
                </c:pt>
                <c:pt idx="1413">
                  <c:v>44207</c:v>
                </c:pt>
                <c:pt idx="1414">
                  <c:v>44208</c:v>
                </c:pt>
                <c:pt idx="1415">
                  <c:v>44209</c:v>
                </c:pt>
                <c:pt idx="1416">
                  <c:v>44210</c:v>
                </c:pt>
                <c:pt idx="1417">
                  <c:v>44211</c:v>
                </c:pt>
                <c:pt idx="1418">
                  <c:v>44215</c:v>
                </c:pt>
                <c:pt idx="1419">
                  <c:v>44216</c:v>
                </c:pt>
                <c:pt idx="1420">
                  <c:v>44217</c:v>
                </c:pt>
                <c:pt idx="1421">
                  <c:v>44218</c:v>
                </c:pt>
                <c:pt idx="1422">
                  <c:v>44221</c:v>
                </c:pt>
                <c:pt idx="1423">
                  <c:v>44222</c:v>
                </c:pt>
                <c:pt idx="1424">
                  <c:v>44223</c:v>
                </c:pt>
                <c:pt idx="1425">
                  <c:v>44224</c:v>
                </c:pt>
                <c:pt idx="1426">
                  <c:v>44225</c:v>
                </c:pt>
                <c:pt idx="1427">
                  <c:v>44228</c:v>
                </c:pt>
                <c:pt idx="1428">
                  <c:v>44229</c:v>
                </c:pt>
                <c:pt idx="1429">
                  <c:v>44230</c:v>
                </c:pt>
                <c:pt idx="1430">
                  <c:v>44231</c:v>
                </c:pt>
                <c:pt idx="1431">
                  <c:v>44232</c:v>
                </c:pt>
                <c:pt idx="1432">
                  <c:v>44235</c:v>
                </c:pt>
                <c:pt idx="1433">
                  <c:v>44236</c:v>
                </c:pt>
                <c:pt idx="1434">
                  <c:v>44237</c:v>
                </c:pt>
                <c:pt idx="1435">
                  <c:v>44238</c:v>
                </c:pt>
                <c:pt idx="1436">
                  <c:v>44239</c:v>
                </c:pt>
                <c:pt idx="1437">
                  <c:v>44243</c:v>
                </c:pt>
                <c:pt idx="1438">
                  <c:v>44244</c:v>
                </c:pt>
                <c:pt idx="1439">
                  <c:v>44245</c:v>
                </c:pt>
                <c:pt idx="1440">
                  <c:v>44246</c:v>
                </c:pt>
                <c:pt idx="1441">
                  <c:v>44249</c:v>
                </c:pt>
                <c:pt idx="1442">
                  <c:v>44250</c:v>
                </c:pt>
                <c:pt idx="1443">
                  <c:v>44251</c:v>
                </c:pt>
                <c:pt idx="1444">
                  <c:v>44252</c:v>
                </c:pt>
                <c:pt idx="1445">
                  <c:v>44253</c:v>
                </c:pt>
                <c:pt idx="1446">
                  <c:v>44256</c:v>
                </c:pt>
                <c:pt idx="1447">
                  <c:v>44257</c:v>
                </c:pt>
                <c:pt idx="1448">
                  <c:v>44258</c:v>
                </c:pt>
                <c:pt idx="1449">
                  <c:v>44259</c:v>
                </c:pt>
                <c:pt idx="1450">
                  <c:v>44260</c:v>
                </c:pt>
                <c:pt idx="1451">
                  <c:v>44263</c:v>
                </c:pt>
                <c:pt idx="1452">
                  <c:v>44264</c:v>
                </c:pt>
                <c:pt idx="1453">
                  <c:v>44265</c:v>
                </c:pt>
                <c:pt idx="1454">
                  <c:v>44266</c:v>
                </c:pt>
                <c:pt idx="1455">
                  <c:v>44267</c:v>
                </c:pt>
                <c:pt idx="1456">
                  <c:v>44270</c:v>
                </c:pt>
                <c:pt idx="1457">
                  <c:v>44271</c:v>
                </c:pt>
                <c:pt idx="1458">
                  <c:v>44272</c:v>
                </c:pt>
                <c:pt idx="1459">
                  <c:v>44273</c:v>
                </c:pt>
                <c:pt idx="1460">
                  <c:v>44274</c:v>
                </c:pt>
                <c:pt idx="1461">
                  <c:v>44277</c:v>
                </c:pt>
                <c:pt idx="1462">
                  <c:v>44278</c:v>
                </c:pt>
                <c:pt idx="1463">
                  <c:v>44279</c:v>
                </c:pt>
                <c:pt idx="1464">
                  <c:v>44280</c:v>
                </c:pt>
                <c:pt idx="1465">
                  <c:v>44281</c:v>
                </c:pt>
                <c:pt idx="1466">
                  <c:v>44284</c:v>
                </c:pt>
                <c:pt idx="1467">
                  <c:v>44285</c:v>
                </c:pt>
                <c:pt idx="1468">
                  <c:v>44286</c:v>
                </c:pt>
                <c:pt idx="1469">
                  <c:v>44287</c:v>
                </c:pt>
                <c:pt idx="1470">
                  <c:v>44291</c:v>
                </c:pt>
                <c:pt idx="1471">
                  <c:v>44292</c:v>
                </c:pt>
                <c:pt idx="1472">
                  <c:v>44293</c:v>
                </c:pt>
                <c:pt idx="1473">
                  <c:v>44294</c:v>
                </c:pt>
                <c:pt idx="1474">
                  <c:v>44295</c:v>
                </c:pt>
                <c:pt idx="1475">
                  <c:v>44298</c:v>
                </c:pt>
                <c:pt idx="1476">
                  <c:v>44299</c:v>
                </c:pt>
                <c:pt idx="1477">
                  <c:v>44300</c:v>
                </c:pt>
                <c:pt idx="1478">
                  <c:v>44301</c:v>
                </c:pt>
                <c:pt idx="1479">
                  <c:v>44302</c:v>
                </c:pt>
                <c:pt idx="1480">
                  <c:v>44305</c:v>
                </c:pt>
                <c:pt idx="1481">
                  <c:v>44306</c:v>
                </c:pt>
                <c:pt idx="1482">
                  <c:v>44307</c:v>
                </c:pt>
                <c:pt idx="1483">
                  <c:v>44308</c:v>
                </c:pt>
                <c:pt idx="1484">
                  <c:v>44309</c:v>
                </c:pt>
                <c:pt idx="1485">
                  <c:v>44312</c:v>
                </c:pt>
                <c:pt idx="1486">
                  <c:v>44313</c:v>
                </c:pt>
                <c:pt idx="1487">
                  <c:v>44314</c:v>
                </c:pt>
                <c:pt idx="1488">
                  <c:v>44315</c:v>
                </c:pt>
                <c:pt idx="1489">
                  <c:v>44316</c:v>
                </c:pt>
                <c:pt idx="1490">
                  <c:v>44319</c:v>
                </c:pt>
                <c:pt idx="1491">
                  <c:v>44320</c:v>
                </c:pt>
                <c:pt idx="1492">
                  <c:v>44321</c:v>
                </c:pt>
                <c:pt idx="1493">
                  <c:v>44322</c:v>
                </c:pt>
                <c:pt idx="1494">
                  <c:v>44323</c:v>
                </c:pt>
                <c:pt idx="1495">
                  <c:v>44326</c:v>
                </c:pt>
                <c:pt idx="1496">
                  <c:v>44327</c:v>
                </c:pt>
                <c:pt idx="1497">
                  <c:v>44328</c:v>
                </c:pt>
                <c:pt idx="1498">
                  <c:v>44329</c:v>
                </c:pt>
                <c:pt idx="1499">
                  <c:v>44330</c:v>
                </c:pt>
                <c:pt idx="1500">
                  <c:v>44333</c:v>
                </c:pt>
                <c:pt idx="1501">
                  <c:v>44334</c:v>
                </c:pt>
                <c:pt idx="1502">
                  <c:v>44335</c:v>
                </c:pt>
                <c:pt idx="1503">
                  <c:v>44336</c:v>
                </c:pt>
                <c:pt idx="1504">
                  <c:v>44337</c:v>
                </c:pt>
                <c:pt idx="1505">
                  <c:v>44340</c:v>
                </c:pt>
                <c:pt idx="1506">
                  <c:v>44341</c:v>
                </c:pt>
                <c:pt idx="1507">
                  <c:v>44342</c:v>
                </c:pt>
                <c:pt idx="1508">
                  <c:v>44343</c:v>
                </c:pt>
                <c:pt idx="1509">
                  <c:v>44344</c:v>
                </c:pt>
                <c:pt idx="1510">
                  <c:v>44348</c:v>
                </c:pt>
                <c:pt idx="1511">
                  <c:v>44349</c:v>
                </c:pt>
                <c:pt idx="1512">
                  <c:v>44350</c:v>
                </c:pt>
                <c:pt idx="1513">
                  <c:v>44351</c:v>
                </c:pt>
                <c:pt idx="1514">
                  <c:v>44354</c:v>
                </c:pt>
                <c:pt idx="1515">
                  <c:v>44355</c:v>
                </c:pt>
                <c:pt idx="1516">
                  <c:v>44356</c:v>
                </c:pt>
                <c:pt idx="1517">
                  <c:v>44357</c:v>
                </c:pt>
                <c:pt idx="1518">
                  <c:v>44358</c:v>
                </c:pt>
                <c:pt idx="1519">
                  <c:v>44361</c:v>
                </c:pt>
                <c:pt idx="1520">
                  <c:v>44362</c:v>
                </c:pt>
                <c:pt idx="1521">
                  <c:v>44363</c:v>
                </c:pt>
                <c:pt idx="1522">
                  <c:v>44364</c:v>
                </c:pt>
                <c:pt idx="1523">
                  <c:v>44365</c:v>
                </c:pt>
                <c:pt idx="1524">
                  <c:v>44368</c:v>
                </c:pt>
                <c:pt idx="1525">
                  <c:v>44369</c:v>
                </c:pt>
                <c:pt idx="1526">
                  <c:v>44370</c:v>
                </c:pt>
                <c:pt idx="1527">
                  <c:v>44371</c:v>
                </c:pt>
                <c:pt idx="1528">
                  <c:v>44372</c:v>
                </c:pt>
                <c:pt idx="1529">
                  <c:v>44375</c:v>
                </c:pt>
                <c:pt idx="1530">
                  <c:v>44376</c:v>
                </c:pt>
                <c:pt idx="1531">
                  <c:v>44377</c:v>
                </c:pt>
                <c:pt idx="1532">
                  <c:v>44378</c:v>
                </c:pt>
                <c:pt idx="1533">
                  <c:v>44379</c:v>
                </c:pt>
                <c:pt idx="1534">
                  <c:v>44383</c:v>
                </c:pt>
                <c:pt idx="1535">
                  <c:v>44384</c:v>
                </c:pt>
                <c:pt idx="1536">
                  <c:v>44385</c:v>
                </c:pt>
                <c:pt idx="1537">
                  <c:v>44386</c:v>
                </c:pt>
                <c:pt idx="1538">
                  <c:v>44389</c:v>
                </c:pt>
                <c:pt idx="1539">
                  <c:v>44390</c:v>
                </c:pt>
                <c:pt idx="1540">
                  <c:v>44391</c:v>
                </c:pt>
                <c:pt idx="1541">
                  <c:v>44392</c:v>
                </c:pt>
                <c:pt idx="1542">
                  <c:v>44393</c:v>
                </c:pt>
                <c:pt idx="1543">
                  <c:v>44396</c:v>
                </c:pt>
                <c:pt idx="1544">
                  <c:v>44397</c:v>
                </c:pt>
                <c:pt idx="1545">
                  <c:v>44398</c:v>
                </c:pt>
                <c:pt idx="1546">
                  <c:v>44399</c:v>
                </c:pt>
                <c:pt idx="1547">
                  <c:v>44400</c:v>
                </c:pt>
                <c:pt idx="1548">
                  <c:v>44403</c:v>
                </c:pt>
                <c:pt idx="1549">
                  <c:v>44404</c:v>
                </c:pt>
                <c:pt idx="1550">
                  <c:v>44405</c:v>
                </c:pt>
                <c:pt idx="1551">
                  <c:v>44406</c:v>
                </c:pt>
                <c:pt idx="1552">
                  <c:v>44407</c:v>
                </c:pt>
                <c:pt idx="1553">
                  <c:v>44410</c:v>
                </c:pt>
                <c:pt idx="1554">
                  <c:v>44411</c:v>
                </c:pt>
                <c:pt idx="1555">
                  <c:v>44412</c:v>
                </c:pt>
                <c:pt idx="1556">
                  <c:v>44413</c:v>
                </c:pt>
                <c:pt idx="1557">
                  <c:v>44414</c:v>
                </c:pt>
                <c:pt idx="1558">
                  <c:v>44417</c:v>
                </c:pt>
                <c:pt idx="1559">
                  <c:v>44418</c:v>
                </c:pt>
                <c:pt idx="1560">
                  <c:v>44419</c:v>
                </c:pt>
                <c:pt idx="1561">
                  <c:v>44420</c:v>
                </c:pt>
                <c:pt idx="1562">
                  <c:v>44421</c:v>
                </c:pt>
                <c:pt idx="1563">
                  <c:v>44424</c:v>
                </c:pt>
                <c:pt idx="1564">
                  <c:v>44425</c:v>
                </c:pt>
                <c:pt idx="1565">
                  <c:v>44426</c:v>
                </c:pt>
                <c:pt idx="1566">
                  <c:v>44427</c:v>
                </c:pt>
                <c:pt idx="1567">
                  <c:v>44428</c:v>
                </c:pt>
                <c:pt idx="1568">
                  <c:v>44431</c:v>
                </c:pt>
                <c:pt idx="1569">
                  <c:v>44432</c:v>
                </c:pt>
                <c:pt idx="1570">
                  <c:v>44433</c:v>
                </c:pt>
                <c:pt idx="1571">
                  <c:v>44434</c:v>
                </c:pt>
                <c:pt idx="1572">
                  <c:v>44435</c:v>
                </c:pt>
                <c:pt idx="1573">
                  <c:v>44438</c:v>
                </c:pt>
                <c:pt idx="1574">
                  <c:v>44439</c:v>
                </c:pt>
                <c:pt idx="1575">
                  <c:v>44440</c:v>
                </c:pt>
                <c:pt idx="1576">
                  <c:v>44441</c:v>
                </c:pt>
                <c:pt idx="1577">
                  <c:v>44442</c:v>
                </c:pt>
                <c:pt idx="1578">
                  <c:v>44446</c:v>
                </c:pt>
                <c:pt idx="1579">
                  <c:v>44447</c:v>
                </c:pt>
                <c:pt idx="1580">
                  <c:v>44448</c:v>
                </c:pt>
                <c:pt idx="1581">
                  <c:v>44449</c:v>
                </c:pt>
                <c:pt idx="1582">
                  <c:v>44452</c:v>
                </c:pt>
                <c:pt idx="1583">
                  <c:v>44453</c:v>
                </c:pt>
                <c:pt idx="1584">
                  <c:v>44454</c:v>
                </c:pt>
                <c:pt idx="1585">
                  <c:v>44455</c:v>
                </c:pt>
                <c:pt idx="1586">
                  <c:v>44456</c:v>
                </c:pt>
                <c:pt idx="1587">
                  <c:v>44459</c:v>
                </c:pt>
                <c:pt idx="1588">
                  <c:v>44460</c:v>
                </c:pt>
                <c:pt idx="1589">
                  <c:v>44461</c:v>
                </c:pt>
                <c:pt idx="1590">
                  <c:v>44462</c:v>
                </c:pt>
                <c:pt idx="1591">
                  <c:v>44463</c:v>
                </c:pt>
                <c:pt idx="1592">
                  <c:v>44466</c:v>
                </c:pt>
                <c:pt idx="1593">
                  <c:v>44467</c:v>
                </c:pt>
                <c:pt idx="1594">
                  <c:v>44468</c:v>
                </c:pt>
                <c:pt idx="1595">
                  <c:v>44469</c:v>
                </c:pt>
                <c:pt idx="1596">
                  <c:v>44470</c:v>
                </c:pt>
                <c:pt idx="1597">
                  <c:v>44473</c:v>
                </c:pt>
                <c:pt idx="1598">
                  <c:v>44474</c:v>
                </c:pt>
                <c:pt idx="1599">
                  <c:v>44475</c:v>
                </c:pt>
                <c:pt idx="1600">
                  <c:v>44476</c:v>
                </c:pt>
                <c:pt idx="1601">
                  <c:v>44477</c:v>
                </c:pt>
                <c:pt idx="1602">
                  <c:v>44480</c:v>
                </c:pt>
                <c:pt idx="1603">
                  <c:v>44481</c:v>
                </c:pt>
                <c:pt idx="1604">
                  <c:v>44482</c:v>
                </c:pt>
                <c:pt idx="1605">
                  <c:v>44483</c:v>
                </c:pt>
                <c:pt idx="1606">
                  <c:v>44484</c:v>
                </c:pt>
                <c:pt idx="1607">
                  <c:v>44487</c:v>
                </c:pt>
                <c:pt idx="1608">
                  <c:v>44488</c:v>
                </c:pt>
                <c:pt idx="1609">
                  <c:v>44489</c:v>
                </c:pt>
                <c:pt idx="1610">
                  <c:v>44490</c:v>
                </c:pt>
                <c:pt idx="1611">
                  <c:v>44491</c:v>
                </c:pt>
                <c:pt idx="1612">
                  <c:v>44494</c:v>
                </c:pt>
                <c:pt idx="1613">
                  <c:v>44495</c:v>
                </c:pt>
                <c:pt idx="1614">
                  <c:v>44496</c:v>
                </c:pt>
                <c:pt idx="1615">
                  <c:v>44497</c:v>
                </c:pt>
                <c:pt idx="1616">
                  <c:v>44498</c:v>
                </c:pt>
                <c:pt idx="1617">
                  <c:v>44501</c:v>
                </c:pt>
                <c:pt idx="1618">
                  <c:v>44502</c:v>
                </c:pt>
                <c:pt idx="1619">
                  <c:v>44503</c:v>
                </c:pt>
                <c:pt idx="1620">
                  <c:v>44504</c:v>
                </c:pt>
                <c:pt idx="1621">
                  <c:v>44505</c:v>
                </c:pt>
                <c:pt idx="1622">
                  <c:v>44508</c:v>
                </c:pt>
                <c:pt idx="1623">
                  <c:v>44509</c:v>
                </c:pt>
                <c:pt idx="1624">
                  <c:v>44510</c:v>
                </c:pt>
                <c:pt idx="1625">
                  <c:v>44511</c:v>
                </c:pt>
                <c:pt idx="1626">
                  <c:v>44512</c:v>
                </c:pt>
                <c:pt idx="1627">
                  <c:v>44515</c:v>
                </c:pt>
                <c:pt idx="1628">
                  <c:v>44516</c:v>
                </c:pt>
                <c:pt idx="1629">
                  <c:v>44517</c:v>
                </c:pt>
                <c:pt idx="1630">
                  <c:v>44518</c:v>
                </c:pt>
                <c:pt idx="1631">
                  <c:v>44519</c:v>
                </c:pt>
                <c:pt idx="1632">
                  <c:v>44522</c:v>
                </c:pt>
                <c:pt idx="1633">
                  <c:v>44523</c:v>
                </c:pt>
                <c:pt idx="1634">
                  <c:v>44524</c:v>
                </c:pt>
                <c:pt idx="1635">
                  <c:v>44526</c:v>
                </c:pt>
                <c:pt idx="1636">
                  <c:v>44529</c:v>
                </c:pt>
                <c:pt idx="1637">
                  <c:v>44530</c:v>
                </c:pt>
                <c:pt idx="1638">
                  <c:v>44531</c:v>
                </c:pt>
                <c:pt idx="1639">
                  <c:v>44532</c:v>
                </c:pt>
                <c:pt idx="1640">
                  <c:v>44533</c:v>
                </c:pt>
                <c:pt idx="1641">
                  <c:v>44536</c:v>
                </c:pt>
                <c:pt idx="1642">
                  <c:v>44537</c:v>
                </c:pt>
                <c:pt idx="1643">
                  <c:v>44538</c:v>
                </c:pt>
                <c:pt idx="1644">
                  <c:v>44539</c:v>
                </c:pt>
                <c:pt idx="1645">
                  <c:v>44540</c:v>
                </c:pt>
                <c:pt idx="1646">
                  <c:v>44543</c:v>
                </c:pt>
                <c:pt idx="1647">
                  <c:v>44544</c:v>
                </c:pt>
                <c:pt idx="1648">
                  <c:v>44545</c:v>
                </c:pt>
                <c:pt idx="1649">
                  <c:v>44546</c:v>
                </c:pt>
                <c:pt idx="1650">
                  <c:v>44547</c:v>
                </c:pt>
                <c:pt idx="1651">
                  <c:v>44550</c:v>
                </c:pt>
                <c:pt idx="1652">
                  <c:v>44551</c:v>
                </c:pt>
                <c:pt idx="1653">
                  <c:v>44552</c:v>
                </c:pt>
                <c:pt idx="1654">
                  <c:v>44553</c:v>
                </c:pt>
                <c:pt idx="1655">
                  <c:v>44557</c:v>
                </c:pt>
                <c:pt idx="1656">
                  <c:v>44558</c:v>
                </c:pt>
                <c:pt idx="1657">
                  <c:v>44559</c:v>
                </c:pt>
                <c:pt idx="1658">
                  <c:v>44560</c:v>
                </c:pt>
                <c:pt idx="1659">
                  <c:v>44561</c:v>
                </c:pt>
                <c:pt idx="1660">
                  <c:v>44564</c:v>
                </c:pt>
                <c:pt idx="1661">
                  <c:v>44565</c:v>
                </c:pt>
                <c:pt idx="1662">
                  <c:v>44566</c:v>
                </c:pt>
                <c:pt idx="1663">
                  <c:v>44567</c:v>
                </c:pt>
                <c:pt idx="1664">
                  <c:v>44568</c:v>
                </c:pt>
                <c:pt idx="1665">
                  <c:v>44571</c:v>
                </c:pt>
                <c:pt idx="1666">
                  <c:v>44572</c:v>
                </c:pt>
                <c:pt idx="1667">
                  <c:v>44573</c:v>
                </c:pt>
                <c:pt idx="1668">
                  <c:v>44574</c:v>
                </c:pt>
                <c:pt idx="1669">
                  <c:v>44575</c:v>
                </c:pt>
                <c:pt idx="1670">
                  <c:v>44579</c:v>
                </c:pt>
                <c:pt idx="1671">
                  <c:v>44580</c:v>
                </c:pt>
                <c:pt idx="1672">
                  <c:v>44581</c:v>
                </c:pt>
                <c:pt idx="1673">
                  <c:v>44582</c:v>
                </c:pt>
                <c:pt idx="1674">
                  <c:v>44585</c:v>
                </c:pt>
                <c:pt idx="1675">
                  <c:v>44586</c:v>
                </c:pt>
                <c:pt idx="1676">
                  <c:v>44587</c:v>
                </c:pt>
                <c:pt idx="1677">
                  <c:v>44588</c:v>
                </c:pt>
                <c:pt idx="1678">
                  <c:v>44589</c:v>
                </c:pt>
                <c:pt idx="1679">
                  <c:v>44592</c:v>
                </c:pt>
                <c:pt idx="1680">
                  <c:v>44593</c:v>
                </c:pt>
                <c:pt idx="1681">
                  <c:v>44594</c:v>
                </c:pt>
                <c:pt idx="1682">
                  <c:v>44595</c:v>
                </c:pt>
                <c:pt idx="1683">
                  <c:v>44596</c:v>
                </c:pt>
                <c:pt idx="1684">
                  <c:v>44599</c:v>
                </c:pt>
                <c:pt idx="1685">
                  <c:v>44600</c:v>
                </c:pt>
                <c:pt idx="1686">
                  <c:v>44601</c:v>
                </c:pt>
                <c:pt idx="1687">
                  <c:v>44602</c:v>
                </c:pt>
                <c:pt idx="1688">
                  <c:v>44603</c:v>
                </c:pt>
                <c:pt idx="1689">
                  <c:v>44606</c:v>
                </c:pt>
                <c:pt idx="1690">
                  <c:v>44607</c:v>
                </c:pt>
                <c:pt idx="1691">
                  <c:v>44608</c:v>
                </c:pt>
                <c:pt idx="1692">
                  <c:v>44609</c:v>
                </c:pt>
                <c:pt idx="1693">
                  <c:v>44610</c:v>
                </c:pt>
                <c:pt idx="1694">
                  <c:v>44614</c:v>
                </c:pt>
                <c:pt idx="1695">
                  <c:v>44615</c:v>
                </c:pt>
                <c:pt idx="1696">
                  <c:v>44616</c:v>
                </c:pt>
                <c:pt idx="1697">
                  <c:v>44617</c:v>
                </c:pt>
                <c:pt idx="1698">
                  <c:v>44620</c:v>
                </c:pt>
                <c:pt idx="1699">
                  <c:v>44621</c:v>
                </c:pt>
                <c:pt idx="1700">
                  <c:v>44622</c:v>
                </c:pt>
                <c:pt idx="1701">
                  <c:v>44623</c:v>
                </c:pt>
                <c:pt idx="1702">
                  <c:v>44624</c:v>
                </c:pt>
                <c:pt idx="1703">
                  <c:v>44627</c:v>
                </c:pt>
                <c:pt idx="1704">
                  <c:v>44628</c:v>
                </c:pt>
                <c:pt idx="1705">
                  <c:v>44629</c:v>
                </c:pt>
                <c:pt idx="1706">
                  <c:v>44630</c:v>
                </c:pt>
                <c:pt idx="1707">
                  <c:v>44631</c:v>
                </c:pt>
                <c:pt idx="1708">
                  <c:v>44634</c:v>
                </c:pt>
                <c:pt idx="1709">
                  <c:v>44635</c:v>
                </c:pt>
                <c:pt idx="1710">
                  <c:v>44636</c:v>
                </c:pt>
                <c:pt idx="1711">
                  <c:v>44637</c:v>
                </c:pt>
                <c:pt idx="1712">
                  <c:v>44638</c:v>
                </c:pt>
                <c:pt idx="1713">
                  <c:v>44641</c:v>
                </c:pt>
                <c:pt idx="1714">
                  <c:v>44642</c:v>
                </c:pt>
                <c:pt idx="1715">
                  <c:v>44643</c:v>
                </c:pt>
                <c:pt idx="1716">
                  <c:v>44644</c:v>
                </c:pt>
                <c:pt idx="1717">
                  <c:v>44645</c:v>
                </c:pt>
                <c:pt idx="1718">
                  <c:v>44648</c:v>
                </c:pt>
                <c:pt idx="1719">
                  <c:v>44649</c:v>
                </c:pt>
                <c:pt idx="1720">
                  <c:v>44650</c:v>
                </c:pt>
                <c:pt idx="1721">
                  <c:v>44651</c:v>
                </c:pt>
                <c:pt idx="1722">
                  <c:v>44652</c:v>
                </c:pt>
                <c:pt idx="1723">
                  <c:v>44655</c:v>
                </c:pt>
                <c:pt idx="1724">
                  <c:v>44656</c:v>
                </c:pt>
                <c:pt idx="1725">
                  <c:v>44657</c:v>
                </c:pt>
                <c:pt idx="1726">
                  <c:v>44658</c:v>
                </c:pt>
                <c:pt idx="1727">
                  <c:v>44659</c:v>
                </c:pt>
                <c:pt idx="1728">
                  <c:v>44662</c:v>
                </c:pt>
                <c:pt idx="1729">
                  <c:v>44663</c:v>
                </c:pt>
                <c:pt idx="1730">
                  <c:v>44664</c:v>
                </c:pt>
                <c:pt idx="1731">
                  <c:v>44665</c:v>
                </c:pt>
                <c:pt idx="1732">
                  <c:v>44669</c:v>
                </c:pt>
                <c:pt idx="1733">
                  <c:v>44670</c:v>
                </c:pt>
                <c:pt idx="1734">
                  <c:v>44671</c:v>
                </c:pt>
                <c:pt idx="1735">
                  <c:v>44672</c:v>
                </c:pt>
                <c:pt idx="1736">
                  <c:v>44673</c:v>
                </c:pt>
                <c:pt idx="1737">
                  <c:v>44676</c:v>
                </c:pt>
                <c:pt idx="1738">
                  <c:v>44677</c:v>
                </c:pt>
                <c:pt idx="1739">
                  <c:v>44678</c:v>
                </c:pt>
                <c:pt idx="1740">
                  <c:v>44679</c:v>
                </c:pt>
                <c:pt idx="1741">
                  <c:v>44680</c:v>
                </c:pt>
                <c:pt idx="1742">
                  <c:v>44683</c:v>
                </c:pt>
                <c:pt idx="1743">
                  <c:v>44684</c:v>
                </c:pt>
                <c:pt idx="1744">
                  <c:v>44685</c:v>
                </c:pt>
                <c:pt idx="1745">
                  <c:v>44686</c:v>
                </c:pt>
                <c:pt idx="1746">
                  <c:v>44687</c:v>
                </c:pt>
                <c:pt idx="1747">
                  <c:v>44690</c:v>
                </c:pt>
                <c:pt idx="1748">
                  <c:v>44691</c:v>
                </c:pt>
                <c:pt idx="1749">
                  <c:v>44692</c:v>
                </c:pt>
                <c:pt idx="1750">
                  <c:v>44693</c:v>
                </c:pt>
                <c:pt idx="1751">
                  <c:v>44694</c:v>
                </c:pt>
                <c:pt idx="1752">
                  <c:v>44697</c:v>
                </c:pt>
                <c:pt idx="1753">
                  <c:v>44698</c:v>
                </c:pt>
                <c:pt idx="1754">
                  <c:v>44699</c:v>
                </c:pt>
                <c:pt idx="1755">
                  <c:v>44700</c:v>
                </c:pt>
                <c:pt idx="1756">
                  <c:v>44701</c:v>
                </c:pt>
                <c:pt idx="1757">
                  <c:v>44704</c:v>
                </c:pt>
                <c:pt idx="1758">
                  <c:v>44705</c:v>
                </c:pt>
                <c:pt idx="1759">
                  <c:v>44706</c:v>
                </c:pt>
                <c:pt idx="1760">
                  <c:v>44707</c:v>
                </c:pt>
                <c:pt idx="1761">
                  <c:v>44708</c:v>
                </c:pt>
                <c:pt idx="1762">
                  <c:v>44712</c:v>
                </c:pt>
                <c:pt idx="1763">
                  <c:v>44713</c:v>
                </c:pt>
                <c:pt idx="1764">
                  <c:v>44714</c:v>
                </c:pt>
                <c:pt idx="1765">
                  <c:v>44715</c:v>
                </c:pt>
                <c:pt idx="1766">
                  <c:v>44718</c:v>
                </c:pt>
                <c:pt idx="1767">
                  <c:v>44719</c:v>
                </c:pt>
                <c:pt idx="1768">
                  <c:v>44720</c:v>
                </c:pt>
                <c:pt idx="1769">
                  <c:v>44721</c:v>
                </c:pt>
                <c:pt idx="1770">
                  <c:v>44722</c:v>
                </c:pt>
                <c:pt idx="1771">
                  <c:v>44725</c:v>
                </c:pt>
                <c:pt idx="1772">
                  <c:v>44726</c:v>
                </c:pt>
                <c:pt idx="1773">
                  <c:v>44727</c:v>
                </c:pt>
                <c:pt idx="1774">
                  <c:v>44728</c:v>
                </c:pt>
                <c:pt idx="1775">
                  <c:v>44729</c:v>
                </c:pt>
                <c:pt idx="1776">
                  <c:v>44733</c:v>
                </c:pt>
                <c:pt idx="1777">
                  <c:v>44734</c:v>
                </c:pt>
                <c:pt idx="1778">
                  <c:v>44735</c:v>
                </c:pt>
                <c:pt idx="1779">
                  <c:v>44736</c:v>
                </c:pt>
                <c:pt idx="1780">
                  <c:v>44739</c:v>
                </c:pt>
                <c:pt idx="1781">
                  <c:v>44740</c:v>
                </c:pt>
                <c:pt idx="1782">
                  <c:v>44741</c:v>
                </c:pt>
                <c:pt idx="1783">
                  <c:v>44742</c:v>
                </c:pt>
                <c:pt idx="1784">
                  <c:v>44743</c:v>
                </c:pt>
                <c:pt idx="1785">
                  <c:v>44747</c:v>
                </c:pt>
                <c:pt idx="1786">
                  <c:v>44748</c:v>
                </c:pt>
                <c:pt idx="1787">
                  <c:v>44749</c:v>
                </c:pt>
                <c:pt idx="1788">
                  <c:v>44750</c:v>
                </c:pt>
                <c:pt idx="1789">
                  <c:v>44753</c:v>
                </c:pt>
                <c:pt idx="1790">
                  <c:v>44754</c:v>
                </c:pt>
                <c:pt idx="1791">
                  <c:v>44755</c:v>
                </c:pt>
                <c:pt idx="1792">
                  <c:v>44756</c:v>
                </c:pt>
                <c:pt idx="1793">
                  <c:v>44757</c:v>
                </c:pt>
                <c:pt idx="1794">
                  <c:v>44760</c:v>
                </c:pt>
                <c:pt idx="1795">
                  <c:v>44761</c:v>
                </c:pt>
                <c:pt idx="1796">
                  <c:v>44762</c:v>
                </c:pt>
                <c:pt idx="1797">
                  <c:v>44763</c:v>
                </c:pt>
                <c:pt idx="1798">
                  <c:v>44764</c:v>
                </c:pt>
                <c:pt idx="1799">
                  <c:v>44767</c:v>
                </c:pt>
                <c:pt idx="1800">
                  <c:v>44768</c:v>
                </c:pt>
                <c:pt idx="1801">
                  <c:v>44769</c:v>
                </c:pt>
                <c:pt idx="1802">
                  <c:v>44770</c:v>
                </c:pt>
                <c:pt idx="1803">
                  <c:v>44771</c:v>
                </c:pt>
                <c:pt idx="1804">
                  <c:v>44774</c:v>
                </c:pt>
                <c:pt idx="1805">
                  <c:v>44775</c:v>
                </c:pt>
                <c:pt idx="1806">
                  <c:v>44776</c:v>
                </c:pt>
                <c:pt idx="1807">
                  <c:v>44777</c:v>
                </c:pt>
                <c:pt idx="1808">
                  <c:v>44778</c:v>
                </c:pt>
                <c:pt idx="1809">
                  <c:v>44781</c:v>
                </c:pt>
                <c:pt idx="1810">
                  <c:v>44782</c:v>
                </c:pt>
                <c:pt idx="1811">
                  <c:v>44783</c:v>
                </c:pt>
                <c:pt idx="1812">
                  <c:v>44784</c:v>
                </c:pt>
                <c:pt idx="1813">
                  <c:v>44785</c:v>
                </c:pt>
                <c:pt idx="1814">
                  <c:v>44788</c:v>
                </c:pt>
                <c:pt idx="1815">
                  <c:v>44789</c:v>
                </c:pt>
                <c:pt idx="1816">
                  <c:v>44790</c:v>
                </c:pt>
                <c:pt idx="1817">
                  <c:v>44791</c:v>
                </c:pt>
                <c:pt idx="1818">
                  <c:v>44792</c:v>
                </c:pt>
                <c:pt idx="1819">
                  <c:v>44795</c:v>
                </c:pt>
                <c:pt idx="1820">
                  <c:v>44796</c:v>
                </c:pt>
                <c:pt idx="1821">
                  <c:v>44797</c:v>
                </c:pt>
                <c:pt idx="1822">
                  <c:v>44798</c:v>
                </c:pt>
                <c:pt idx="1823">
                  <c:v>44799</c:v>
                </c:pt>
                <c:pt idx="1824">
                  <c:v>44802</c:v>
                </c:pt>
                <c:pt idx="1825">
                  <c:v>44803</c:v>
                </c:pt>
                <c:pt idx="1826">
                  <c:v>44804</c:v>
                </c:pt>
                <c:pt idx="1827">
                  <c:v>44805</c:v>
                </c:pt>
                <c:pt idx="1828">
                  <c:v>44806</c:v>
                </c:pt>
                <c:pt idx="1829">
                  <c:v>44810</c:v>
                </c:pt>
                <c:pt idx="1830">
                  <c:v>44811</c:v>
                </c:pt>
                <c:pt idx="1831">
                  <c:v>44812</c:v>
                </c:pt>
                <c:pt idx="1832">
                  <c:v>44813</c:v>
                </c:pt>
                <c:pt idx="1833">
                  <c:v>44816</c:v>
                </c:pt>
                <c:pt idx="1834">
                  <c:v>44817</c:v>
                </c:pt>
                <c:pt idx="1835">
                  <c:v>44818</c:v>
                </c:pt>
                <c:pt idx="1836">
                  <c:v>44819</c:v>
                </c:pt>
                <c:pt idx="1837">
                  <c:v>44820</c:v>
                </c:pt>
                <c:pt idx="1838">
                  <c:v>44823</c:v>
                </c:pt>
                <c:pt idx="1839">
                  <c:v>44824</c:v>
                </c:pt>
                <c:pt idx="1840">
                  <c:v>44825</c:v>
                </c:pt>
                <c:pt idx="1841">
                  <c:v>44826</c:v>
                </c:pt>
                <c:pt idx="1842">
                  <c:v>44827</c:v>
                </c:pt>
                <c:pt idx="1843">
                  <c:v>44830</c:v>
                </c:pt>
                <c:pt idx="1844">
                  <c:v>44831</c:v>
                </c:pt>
                <c:pt idx="1845">
                  <c:v>44832</c:v>
                </c:pt>
                <c:pt idx="1846">
                  <c:v>44833</c:v>
                </c:pt>
                <c:pt idx="1847">
                  <c:v>44834</c:v>
                </c:pt>
                <c:pt idx="1848">
                  <c:v>44837</c:v>
                </c:pt>
                <c:pt idx="1849">
                  <c:v>44838</c:v>
                </c:pt>
                <c:pt idx="1850">
                  <c:v>44839</c:v>
                </c:pt>
                <c:pt idx="1851">
                  <c:v>44840</c:v>
                </c:pt>
                <c:pt idx="1852">
                  <c:v>44841</c:v>
                </c:pt>
                <c:pt idx="1853">
                  <c:v>44844</c:v>
                </c:pt>
                <c:pt idx="1854">
                  <c:v>44845</c:v>
                </c:pt>
                <c:pt idx="1855">
                  <c:v>44846</c:v>
                </c:pt>
                <c:pt idx="1856">
                  <c:v>44847</c:v>
                </c:pt>
                <c:pt idx="1857">
                  <c:v>44848</c:v>
                </c:pt>
                <c:pt idx="1858">
                  <c:v>44851</c:v>
                </c:pt>
                <c:pt idx="1859">
                  <c:v>44852</c:v>
                </c:pt>
                <c:pt idx="1860">
                  <c:v>44853</c:v>
                </c:pt>
                <c:pt idx="1861">
                  <c:v>44854</c:v>
                </c:pt>
                <c:pt idx="1862">
                  <c:v>44855</c:v>
                </c:pt>
                <c:pt idx="1863">
                  <c:v>44858</c:v>
                </c:pt>
                <c:pt idx="1864">
                  <c:v>44859</c:v>
                </c:pt>
                <c:pt idx="1865">
                  <c:v>44860</c:v>
                </c:pt>
                <c:pt idx="1866">
                  <c:v>44861</c:v>
                </c:pt>
                <c:pt idx="1867">
                  <c:v>44862</c:v>
                </c:pt>
                <c:pt idx="1868">
                  <c:v>44865</c:v>
                </c:pt>
                <c:pt idx="1869">
                  <c:v>44866</c:v>
                </c:pt>
                <c:pt idx="1870">
                  <c:v>44867</c:v>
                </c:pt>
                <c:pt idx="1871">
                  <c:v>44868</c:v>
                </c:pt>
                <c:pt idx="1872">
                  <c:v>44869</c:v>
                </c:pt>
                <c:pt idx="1873">
                  <c:v>44872</c:v>
                </c:pt>
                <c:pt idx="1874">
                  <c:v>44873</c:v>
                </c:pt>
                <c:pt idx="1875">
                  <c:v>44874</c:v>
                </c:pt>
                <c:pt idx="1876">
                  <c:v>44875</c:v>
                </c:pt>
                <c:pt idx="1877">
                  <c:v>44876</c:v>
                </c:pt>
                <c:pt idx="1878">
                  <c:v>44879</c:v>
                </c:pt>
                <c:pt idx="1879">
                  <c:v>44880</c:v>
                </c:pt>
                <c:pt idx="1880">
                  <c:v>44881</c:v>
                </c:pt>
                <c:pt idx="1881">
                  <c:v>44882</c:v>
                </c:pt>
                <c:pt idx="1882">
                  <c:v>44883</c:v>
                </c:pt>
                <c:pt idx="1883">
                  <c:v>44886</c:v>
                </c:pt>
                <c:pt idx="1884">
                  <c:v>44887</c:v>
                </c:pt>
                <c:pt idx="1885">
                  <c:v>44888</c:v>
                </c:pt>
                <c:pt idx="1886">
                  <c:v>44890</c:v>
                </c:pt>
                <c:pt idx="1887">
                  <c:v>44893</c:v>
                </c:pt>
                <c:pt idx="1888">
                  <c:v>44894</c:v>
                </c:pt>
                <c:pt idx="1889">
                  <c:v>44895</c:v>
                </c:pt>
                <c:pt idx="1890">
                  <c:v>44896</c:v>
                </c:pt>
                <c:pt idx="1891">
                  <c:v>44897</c:v>
                </c:pt>
                <c:pt idx="1892">
                  <c:v>44900</c:v>
                </c:pt>
                <c:pt idx="1893">
                  <c:v>44901</c:v>
                </c:pt>
                <c:pt idx="1894">
                  <c:v>44902</c:v>
                </c:pt>
                <c:pt idx="1895">
                  <c:v>44903</c:v>
                </c:pt>
                <c:pt idx="1896">
                  <c:v>44904</c:v>
                </c:pt>
                <c:pt idx="1897">
                  <c:v>44907</c:v>
                </c:pt>
                <c:pt idx="1898">
                  <c:v>44908</c:v>
                </c:pt>
                <c:pt idx="1899">
                  <c:v>44909</c:v>
                </c:pt>
                <c:pt idx="1900">
                  <c:v>44910</c:v>
                </c:pt>
                <c:pt idx="1901">
                  <c:v>44911</c:v>
                </c:pt>
                <c:pt idx="1902">
                  <c:v>44914</c:v>
                </c:pt>
                <c:pt idx="1903">
                  <c:v>44915</c:v>
                </c:pt>
                <c:pt idx="1904">
                  <c:v>44916</c:v>
                </c:pt>
                <c:pt idx="1905">
                  <c:v>44917</c:v>
                </c:pt>
                <c:pt idx="1906">
                  <c:v>44918</c:v>
                </c:pt>
                <c:pt idx="1907">
                  <c:v>44922</c:v>
                </c:pt>
                <c:pt idx="1908">
                  <c:v>44923</c:v>
                </c:pt>
                <c:pt idx="1909">
                  <c:v>44924</c:v>
                </c:pt>
                <c:pt idx="1910">
                  <c:v>44925</c:v>
                </c:pt>
                <c:pt idx="1911">
                  <c:v>44929</c:v>
                </c:pt>
                <c:pt idx="1912">
                  <c:v>44930</c:v>
                </c:pt>
                <c:pt idx="1913">
                  <c:v>44931</c:v>
                </c:pt>
                <c:pt idx="1914">
                  <c:v>44932</c:v>
                </c:pt>
                <c:pt idx="1915">
                  <c:v>44935</c:v>
                </c:pt>
                <c:pt idx="1916">
                  <c:v>44936</c:v>
                </c:pt>
                <c:pt idx="1917">
                  <c:v>44937</c:v>
                </c:pt>
                <c:pt idx="1918">
                  <c:v>44938</c:v>
                </c:pt>
                <c:pt idx="1919">
                  <c:v>44939</c:v>
                </c:pt>
                <c:pt idx="1920">
                  <c:v>44943</c:v>
                </c:pt>
                <c:pt idx="1921">
                  <c:v>44944</c:v>
                </c:pt>
                <c:pt idx="1922">
                  <c:v>44945</c:v>
                </c:pt>
                <c:pt idx="1923">
                  <c:v>44946</c:v>
                </c:pt>
                <c:pt idx="1924">
                  <c:v>44949</c:v>
                </c:pt>
                <c:pt idx="1925">
                  <c:v>44950</c:v>
                </c:pt>
                <c:pt idx="1926">
                  <c:v>44951</c:v>
                </c:pt>
                <c:pt idx="1927">
                  <c:v>44952</c:v>
                </c:pt>
                <c:pt idx="1928">
                  <c:v>44953</c:v>
                </c:pt>
                <c:pt idx="1929">
                  <c:v>44956</c:v>
                </c:pt>
                <c:pt idx="1930">
                  <c:v>44957</c:v>
                </c:pt>
                <c:pt idx="1931">
                  <c:v>44958</c:v>
                </c:pt>
                <c:pt idx="1932">
                  <c:v>44959</c:v>
                </c:pt>
                <c:pt idx="1933">
                  <c:v>44960</c:v>
                </c:pt>
                <c:pt idx="1934">
                  <c:v>44963</c:v>
                </c:pt>
                <c:pt idx="1935">
                  <c:v>44964</c:v>
                </c:pt>
                <c:pt idx="1936">
                  <c:v>44965</c:v>
                </c:pt>
                <c:pt idx="1937">
                  <c:v>44966</c:v>
                </c:pt>
                <c:pt idx="1938">
                  <c:v>44967</c:v>
                </c:pt>
                <c:pt idx="1939">
                  <c:v>44970</c:v>
                </c:pt>
                <c:pt idx="1940">
                  <c:v>44971</c:v>
                </c:pt>
                <c:pt idx="1941">
                  <c:v>44972</c:v>
                </c:pt>
                <c:pt idx="1942">
                  <c:v>44973</c:v>
                </c:pt>
                <c:pt idx="1943">
                  <c:v>44974</c:v>
                </c:pt>
                <c:pt idx="1944">
                  <c:v>44978</c:v>
                </c:pt>
                <c:pt idx="1945">
                  <c:v>44979</c:v>
                </c:pt>
                <c:pt idx="1946">
                  <c:v>44980</c:v>
                </c:pt>
                <c:pt idx="1947">
                  <c:v>44981</c:v>
                </c:pt>
                <c:pt idx="1948">
                  <c:v>44984</c:v>
                </c:pt>
                <c:pt idx="1949">
                  <c:v>44985</c:v>
                </c:pt>
                <c:pt idx="1950">
                  <c:v>44986</c:v>
                </c:pt>
                <c:pt idx="1951">
                  <c:v>44987</c:v>
                </c:pt>
                <c:pt idx="1952">
                  <c:v>44988</c:v>
                </c:pt>
                <c:pt idx="1953">
                  <c:v>44991</c:v>
                </c:pt>
                <c:pt idx="1954">
                  <c:v>44992</c:v>
                </c:pt>
                <c:pt idx="1955">
                  <c:v>44993</c:v>
                </c:pt>
                <c:pt idx="1956">
                  <c:v>44994</c:v>
                </c:pt>
                <c:pt idx="1957">
                  <c:v>44995</c:v>
                </c:pt>
                <c:pt idx="1958">
                  <c:v>44998</c:v>
                </c:pt>
                <c:pt idx="1959">
                  <c:v>44999</c:v>
                </c:pt>
                <c:pt idx="1960">
                  <c:v>45000</c:v>
                </c:pt>
                <c:pt idx="1961">
                  <c:v>45001</c:v>
                </c:pt>
                <c:pt idx="1962">
                  <c:v>45002</c:v>
                </c:pt>
                <c:pt idx="1963">
                  <c:v>45005</c:v>
                </c:pt>
                <c:pt idx="1964">
                  <c:v>45006</c:v>
                </c:pt>
                <c:pt idx="1965">
                  <c:v>45007</c:v>
                </c:pt>
                <c:pt idx="1966">
                  <c:v>45008</c:v>
                </c:pt>
                <c:pt idx="1967">
                  <c:v>45009</c:v>
                </c:pt>
                <c:pt idx="1968">
                  <c:v>45012</c:v>
                </c:pt>
                <c:pt idx="1969">
                  <c:v>45013</c:v>
                </c:pt>
                <c:pt idx="1970">
                  <c:v>45014</c:v>
                </c:pt>
                <c:pt idx="1971">
                  <c:v>45015</c:v>
                </c:pt>
                <c:pt idx="1972">
                  <c:v>45016</c:v>
                </c:pt>
                <c:pt idx="1973">
                  <c:v>45019</c:v>
                </c:pt>
                <c:pt idx="1974">
                  <c:v>45020</c:v>
                </c:pt>
                <c:pt idx="1975">
                  <c:v>45021</c:v>
                </c:pt>
                <c:pt idx="1976">
                  <c:v>45022</c:v>
                </c:pt>
                <c:pt idx="1977">
                  <c:v>45026</c:v>
                </c:pt>
                <c:pt idx="1978">
                  <c:v>45027</c:v>
                </c:pt>
                <c:pt idx="1979">
                  <c:v>45028</c:v>
                </c:pt>
                <c:pt idx="1980">
                  <c:v>45029</c:v>
                </c:pt>
                <c:pt idx="1981">
                  <c:v>45030</c:v>
                </c:pt>
                <c:pt idx="1982">
                  <c:v>45033</c:v>
                </c:pt>
                <c:pt idx="1983">
                  <c:v>45034</c:v>
                </c:pt>
                <c:pt idx="1984">
                  <c:v>45035</c:v>
                </c:pt>
                <c:pt idx="1985">
                  <c:v>45036</c:v>
                </c:pt>
                <c:pt idx="1986">
                  <c:v>45037</c:v>
                </c:pt>
                <c:pt idx="1987">
                  <c:v>45040</c:v>
                </c:pt>
                <c:pt idx="1988">
                  <c:v>45041</c:v>
                </c:pt>
                <c:pt idx="1989">
                  <c:v>45042</c:v>
                </c:pt>
                <c:pt idx="1990">
                  <c:v>45043</c:v>
                </c:pt>
                <c:pt idx="1991">
                  <c:v>45044</c:v>
                </c:pt>
                <c:pt idx="1992">
                  <c:v>45047</c:v>
                </c:pt>
                <c:pt idx="1993">
                  <c:v>45048</c:v>
                </c:pt>
                <c:pt idx="1994">
                  <c:v>45049</c:v>
                </c:pt>
                <c:pt idx="1995">
                  <c:v>45050</c:v>
                </c:pt>
                <c:pt idx="1996">
                  <c:v>45051</c:v>
                </c:pt>
                <c:pt idx="1997">
                  <c:v>45054</c:v>
                </c:pt>
                <c:pt idx="1998">
                  <c:v>45055</c:v>
                </c:pt>
                <c:pt idx="1999">
                  <c:v>45056</c:v>
                </c:pt>
                <c:pt idx="2000">
                  <c:v>45057</c:v>
                </c:pt>
                <c:pt idx="2001">
                  <c:v>45058</c:v>
                </c:pt>
                <c:pt idx="2002">
                  <c:v>45061</c:v>
                </c:pt>
                <c:pt idx="2003">
                  <c:v>45062</c:v>
                </c:pt>
                <c:pt idx="2004">
                  <c:v>45063</c:v>
                </c:pt>
                <c:pt idx="2005">
                  <c:v>45064</c:v>
                </c:pt>
                <c:pt idx="2006">
                  <c:v>45065</c:v>
                </c:pt>
                <c:pt idx="2007">
                  <c:v>45068</c:v>
                </c:pt>
                <c:pt idx="2008">
                  <c:v>45069</c:v>
                </c:pt>
                <c:pt idx="2009">
                  <c:v>45070</c:v>
                </c:pt>
                <c:pt idx="2010">
                  <c:v>45071</c:v>
                </c:pt>
                <c:pt idx="2011">
                  <c:v>45072</c:v>
                </c:pt>
                <c:pt idx="2012">
                  <c:v>45076</c:v>
                </c:pt>
                <c:pt idx="2013">
                  <c:v>45077</c:v>
                </c:pt>
                <c:pt idx="2014">
                  <c:v>45078</c:v>
                </c:pt>
                <c:pt idx="2015">
                  <c:v>45079</c:v>
                </c:pt>
                <c:pt idx="2016">
                  <c:v>45082</c:v>
                </c:pt>
                <c:pt idx="2017">
                  <c:v>45083</c:v>
                </c:pt>
                <c:pt idx="2018">
                  <c:v>45084</c:v>
                </c:pt>
                <c:pt idx="2019">
                  <c:v>45085</c:v>
                </c:pt>
                <c:pt idx="2020">
                  <c:v>45086</c:v>
                </c:pt>
                <c:pt idx="2021">
                  <c:v>45089</c:v>
                </c:pt>
                <c:pt idx="2022">
                  <c:v>45090</c:v>
                </c:pt>
                <c:pt idx="2023">
                  <c:v>45091</c:v>
                </c:pt>
                <c:pt idx="2024">
                  <c:v>45092</c:v>
                </c:pt>
                <c:pt idx="2025">
                  <c:v>45093</c:v>
                </c:pt>
                <c:pt idx="2026">
                  <c:v>45097</c:v>
                </c:pt>
                <c:pt idx="2027">
                  <c:v>45098</c:v>
                </c:pt>
                <c:pt idx="2028">
                  <c:v>45099</c:v>
                </c:pt>
                <c:pt idx="2029">
                  <c:v>45100</c:v>
                </c:pt>
                <c:pt idx="2030">
                  <c:v>45103</c:v>
                </c:pt>
                <c:pt idx="2031">
                  <c:v>45104</c:v>
                </c:pt>
                <c:pt idx="2032">
                  <c:v>45105</c:v>
                </c:pt>
                <c:pt idx="2033">
                  <c:v>45106</c:v>
                </c:pt>
                <c:pt idx="2034">
                  <c:v>45107</c:v>
                </c:pt>
                <c:pt idx="2035">
                  <c:v>45110</c:v>
                </c:pt>
                <c:pt idx="2036">
                  <c:v>45112</c:v>
                </c:pt>
                <c:pt idx="2037">
                  <c:v>45113</c:v>
                </c:pt>
                <c:pt idx="2038">
                  <c:v>45114</c:v>
                </c:pt>
                <c:pt idx="2039">
                  <c:v>45117</c:v>
                </c:pt>
                <c:pt idx="2040">
                  <c:v>45118</c:v>
                </c:pt>
                <c:pt idx="2041">
                  <c:v>45119</c:v>
                </c:pt>
                <c:pt idx="2042">
                  <c:v>45120</c:v>
                </c:pt>
                <c:pt idx="2043">
                  <c:v>45121</c:v>
                </c:pt>
                <c:pt idx="2044">
                  <c:v>45124</c:v>
                </c:pt>
                <c:pt idx="2045">
                  <c:v>45125</c:v>
                </c:pt>
                <c:pt idx="2046">
                  <c:v>45126</c:v>
                </c:pt>
                <c:pt idx="2047">
                  <c:v>45127</c:v>
                </c:pt>
                <c:pt idx="2048">
                  <c:v>45128</c:v>
                </c:pt>
                <c:pt idx="2049">
                  <c:v>45131</c:v>
                </c:pt>
                <c:pt idx="2050">
                  <c:v>45132</c:v>
                </c:pt>
                <c:pt idx="2051">
                  <c:v>45133</c:v>
                </c:pt>
                <c:pt idx="2052">
                  <c:v>45134</c:v>
                </c:pt>
                <c:pt idx="2053">
                  <c:v>45135</c:v>
                </c:pt>
                <c:pt idx="2054">
                  <c:v>45138</c:v>
                </c:pt>
                <c:pt idx="2055">
                  <c:v>45139</c:v>
                </c:pt>
                <c:pt idx="2056">
                  <c:v>45140</c:v>
                </c:pt>
                <c:pt idx="2057">
                  <c:v>45141</c:v>
                </c:pt>
                <c:pt idx="2058">
                  <c:v>45142</c:v>
                </c:pt>
                <c:pt idx="2059">
                  <c:v>45145</c:v>
                </c:pt>
                <c:pt idx="2060">
                  <c:v>45146</c:v>
                </c:pt>
                <c:pt idx="2061">
                  <c:v>45147</c:v>
                </c:pt>
                <c:pt idx="2062">
                  <c:v>45148</c:v>
                </c:pt>
                <c:pt idx="2063">
                  <c:v>45149</c:v>
                </c:pt>
                <c:pt idx="2064">
                  <c:v>45152</c:v>
                </c:pt>
                <c:pt idx="2065">
                  <c:v>45153</c:v>
                </c:pt>
                <c:pt idx="2066">
                  <c:v>45154</c:v>
                </c:pt>
                <c:pt idx="2067">
                  <c:v>45155</c:v>
                </c:pt>
                <c:pt idx="2068">
                  <c:v>45156</c:v>
                </c:pt>
                <c:pt idx="2069">
                  <c:v>45159</c:v>
                </c:pt>
                <c:pt idx="2070">
                  <c:v>45160</c:v>
                </c:pt>
                <c:pt idx="2071">
                  <c:v>45161</c:v>
                </c:pt>
                <c:pt idx="2072">
                  <c:v>45162</c:v>
                </c:pt>
                <c:pt idx="2073">
                  <c:v>45163</c:v>
                </c:pt>
                <c:pt idx="2074">
                  <c:v>45166</c:v>
                </c:pt>
                <c:pt idx="2075">
                  <c:v>45167</c:v>
                </c:pt>
                <c:pt idx="2076">
                  <c:v>45168</c:v>
                </c:pt>
                <c:pt idx="2077">
                  <c:v>45169</c:v>
                </c:pt>
                <c:pt idx="2078">
                  <c:v>45170</c:v>
                </c:pt>
                <c:pt idx="2079">
                  <c:v>45174</c:v>
                </c:pt>
                <c:pt idx="2080">
                  <c:v>45175</c:v>
                </c:pt>
                <c:pt idx="2081">
                  <c:v>45176</c:v>
                </c:pt>
                <c:pt idx="2082">
                  <c:v>45177</c:v>
                </c:pt>
                <c:pt idx="2083">
                  <c:v>45180</c:v>
                </c:pt>
                <c:pt idx="2084">
                  <c:v>45181</c:v>
                </c:pt>
                <c:pt idx="2085">
                  <c:v>45182</c:v>
                </c:pt>
                <c:pt idx="2086">
                  <c:v>45183</c:v>
                </c:pt>
                <c:pt idx="2087">
                  <c:v>45184</c:v>
                </c:pt>
                <c:pt idx="2088">
                  <c:v>45187</c:v>
                </c:pt>
                <c:pt idx="2089">
                  <c:v>45188</c:v>
                </c:pt>
                <c:pt idx="2090">
                  <c:v>45189</c:v>
                </c:pt>
                <c:pt idx="2091">
                  <c:v>45190</c:v>
                </c:pt>
                <c:pt idx="2092">
                  <c:v>45191</c:v>
                </c:pt>
                <c:pt idx="2093">
                  <c:v>45194</c:v>
                </c:pt>
                <c:pt idx="2094">
                  <c:v>45195</c:v>
                </c:pt>
                <c:pt idx="2095">
                  <c:v>45196</c:v>
                </c:pt>
                <c:pt idx="2096">
                  <c:v>45197</c:v>
                </c:pt>
                <c:pt idx="2097">
                  <c:v>45198</c:v>
                </c:pt>
              </c:numCache>
            </c:numRef>
          </c:cat>
          <c:val>
            <c:numRef>
              <c:f>'50D MVA (2)'!$G$3881:$G$5978</c:f>
              <c:numCache>
                <c:formatCode>General</c:formatCode>
                <c:ptCount val="2098"/>
                <c:pt idx="0">
                  <c:v>52.830188679245303</c:v>
                </c:pt>
                <c:pt idx="1">
                  <c:v>52.510460251045998</c:v>
                </c:pt>
                <c:pt idx="2">
                  <c:v>45.397489539749003</c:v>
                </c:pt>
                <c:pt idx="3">
                  <c:v>43.933054393305397</c:v>
                </c:pt>
                <c:pt idx="4">
                  <c:v>38.702928870292901</c:v>
                </c:pt>
                <c:pt idx="5">
                  <c:v>37.447698744769902</c:v>
                </c:pt>
                <c:pt idx="6">
                  <c:v>48.535564853556501</c:v>
                </c:pt>
                <c:pt idx="7">
                  <c:v>50.6276150627615</c:v>
                </c:pt>
                <c:pt idx="8">
                  <c:v>47.280334728033502</c:v>
                </c:pt>
                <c:pt idx="9">
                  <c:v>40.794979079497899</c:v>
                </c:pt>
                <c:pt idx="10">
                  <c:v>45.188284518828503</c:v>
                </c:pt>
                <c:pt idx="11">
                  <c:v>47.907949790795001</c:v>
                </c:pt>
                <c:pt idx="12">
                  <c:v>58.577405857740601</c:v>
                </c:pt>
                <c:pt idx="13">
                  <c:v>56.066945606694603</c:v>
                </c:pt>
                <c:pt idx="14">
                  <c:v>59.8326359832636</c:v>
                </c:pt>
                <c:pt idx="15">
                  <c:v>57.740585774058601</c:v>
                </c:pt>
                <c:pt idx="16">
                  <c:v>48.643006263048001</c:v>
                </c:pt>
                <c:pt idx="17">
                  <c:v>48.016701461377899</c:v>
                </c:pt>
                <c:pt idx="18">
                  <c:v>46.764091858037602</c:v>
                </c:pt>
                <c:pt idx="19">
                  <c:v>28.810020876826702</c:v>
                </c:pt>
                <c:pt idx="20">
                  <c:v>33.402922755741102</c:v>
                </c:pt>
                <c:pt idx="21">
                  <c:v>37.995824634655499</c:v>
                </c:pt>
                <c:pt idx="22">
                  <c:v>38.6221294363257</c:v>
                </c:pt>
                <c:pt idx="23">
                  <c:v>35.490605427974899</c:v>
                </c:pt>
                <c:pt idx="24">
                  <c:v>41.544885177452997</c:v>
                </c:pt>
                <c:pt idx="25">
                  <c:v>30.480167014613802</c:v>
                </c:pt>
                <c:pt idx="26">
                  <c:v>30.6889352818372</c:v>
                </c:pt>
                <c:pt idx="27">
                  <c:v>42.171189979123199</c:v>
                </c:pt>
                <c:pt idx="28">
                  <c:v>50.730688935281798</c:v>
                </c:pt>
                <c:pt idx="29">
                  <c:v>55.5323590814196</c:v>
                </c:pt>
                <c:pt idx="30">
                  <c:v>52.818371607515701</c:v>
                </c:pt>
                <c:pt idx="31">
                  <c:v>59.498956158663901</c:v>
                </c:pt>
                <c:pt idx="32">
                  <c:v>55.741127348642998</c:v>
                </c:pt>
                <c:pt idx="33">
                  <c:v>57.411273486430098</c:v>
                </c:pt>
                <c:pt idx="34">
                  <c:v>50.521920668058399</c:v>
                </c:pt>
                <c:pt idx="35">
                  <c:v>54.279749478079303</c:v>
                </c:pt>
                <c:pt idx="36">
                  <c:v>50.313152400835101</c:v>
                </c:pt>
                <c:pt idx="37">
                  <c:v>42.797494780793301</c:v>
                </c:pt>
                <c:pt idx="38">
                  <c:v>41.544885177452997</c:v>
                </c:pt>
                <c:pt idx="39">
                  <c:v>48.643006263048001</c:v>
                </c:pt>
                <c:pt idx="40">
                  <c:v>56.158663883089801</c:v>
                </c:pt>
                <c:pt idx="41">
                  <c:v>56.993736951983301</c:v>
                </c:pt>
                <c:pt idx="42">
                  <c:v>57.620041753653403</c:v>
                </c:pt>
                <c:pt idx="43">
                  <c:v>55.741127348642998</c:v>
                </c:pt>
                <c:pt idx="44">
                  <c:v>55.5323590814196</c:v>
                </c:pt>
                <c:pt idx="45">
                  <c:v>58.246346555323598</c:v>
                </c:pt>
                <c:pt idx="46">
                  <c:v>53.653444676409201</c:v>
                </c:pt>
                <c:pt idx="47">
                  <c:v>52.609603340292303</c:v>
                </c:pt>
                <c:pt idx="48">
                  <c:v>62.2129436325678</c:v>
                </c:pt>
                <c:pt idx="49">
                  <c:v>55.5323590814196</c:v>
                </c:pt>
                <c:pt idx="50">
                  <c:v>52.400835073068897</c:v>
                </c:pt>
                <c:pt idx="51">
                  <c:v>54.697286012526099</c:v>
                </c:pt>
                <c:pt idx="52">
                  <c:v>57.828810020876801</c:v>
                </c:pt>
                <c:pt idx="53">
                  <c:v>60.334029227557401</c:v>
                </c:pt>
                <c:pt idx="54">
                  <c:v>60.125260960334003</c:v>
                </c:pt>
                <c:pt idx="55">
                  <c:v>52.818371607515701</c:v>
                </c:pt>
                <c:pt idx="56">
                  <c:v>39.248434237995802</c:v>
                </c:pt>
                <c:pt idx="57">
                  <c:v>24.217118997912301</c:v>
                </c:pt>
                <c:pt idx="58">
                  <c:v>7.9331941544885201</c:v>
                </c:pt>
                <c:pt idx="59">
                  <c:v>3.96659707724426</c:v>
                </c:pt>
                <c:pt idx="60">
                  <c:v>11.899791231732801</c:v>
                </c:pt>
                <c:pt idx="61">
                  <c:v>21.085594989561599</c:v>
                </c:pt>
                <c:pt idx="62">
                  <c:v>21.711899791231701</c:v>
                </c:pt>
                <c:pt idx="63">
                  <c:v>15.866388308976999</c:v>
                </c:pt>
                <c:pt idx="64">
                  <c:v>7.7244258872651397</c:v>
                </c:pt>
                <c:pt idx="65">
                  <c:v>12.734864300626301</c:v>
                </c:pt>
                <c:pt idx="66">
                  <c:v>15.031315240083501</c:v>
                </c:pt>
                <c:pt idx="67">
                  <c:v>9.6033402922755702</c:v>
                </c:pt>
                <c:pt idx="68">
                  <c:v>20.041753653444701</c:v>
                </c:pt>
                <c:pt idx="69">
                  <c:v>13.778705636743201</c:v>
                </c:pt>
                <c:pt idx="70">
                  <c:v>16.701461377870601</c:v>
                </c:pt>
                <c:pt idx="71">
                  <c:v>21.25</c:v>
                </c:pt>
                <c:pt idx="72">
                  <c:v>19.1666666666667</c:v>
                </c:pt>
                <c:pt idx="73">
                  <c:v>26.875</c:v>
                </c:pt>
                <c:pt idx="74">
                  <c:v>33.125</c:v>
                </c:pt>
                <c:pt idx="75">
                  <c:v>34.1666666666667</c:v>
                </c:pt>
                <c:pt idx="76">
                  <c:v>26.0416666666667</c:v>
                </c:pt>
                <c:pt idx="77">
                  <c:v>30.4166666666667</c:v>
                </c:pt>
                <c:pt idx="78">
                  <c:v>20.2083333333333</c:v>
                </c:pt>
                <c:pt idx="79">
                  <c:v>22.9166666666667</c:v>
                </c:pt>
                <c:pt idx="80">
                  <c:v>20.8333333333333</c:v>
                </c:pt>
                <c:pt idx="81">
                  <c:v>22.5</c:v>
                </c:pt>
                <c:pt idx="82">
                  <c:v>10.8333333333333</c:v>
                </c:pt>
                <c:pt idx="83">
                  <c:v>12.2916666666667</c:v>
                </c:pt>
                <c:pt idx="84">
                  <c:v>19.1666666666667</c:v>
                </c:pt>
                <c:pt idx="85">
                  <c:v>21.0416666666667</c:v>
                </c:pt>
                <c:pt idx="86">
                  <c:v>30.4166666666667</c:v>
                </c:pt>
                <c:pt idx="87">
                  <c:v>46.4583333333333</c:v>
                </c:pt>
                <c:pt idx="88">
                  <c:v>43.125</c:v>
                </c:pt>
                <c:pt idx="89">
                  <c:v>50.625</c:v>
                </c:pt>
                <c:pt idx="90">
                  <c:v>57.2916666666667</c:v>
                </c:pt>
                <c:pt idx="91">
                  <c:v>60.4166666666667</c:v>
                </c:pt>
                <c:pt idx="92">
                  <c:v>62.9166666666667</c:v>
                </c:pt>
                <c:pt idx="93">
                  <c:v>56.0416666666667</c:v>
                </c:pt>
                <c:pt idx="94">
                  <c:v>50.8333333333333</c:v>
                </c:pt>
                <c:pt idx="95">
                  <c:v>61.875</c:v>
                </c:pt>
                <c:pt idx="96">
                  <c:v>62.7083333333333</c:v>
                </c:pt>
                <c:pt idx="97">
                  <c:v>63.3333333333333</c:v>
                </c:pt>
                <c:pt idx="98">
                  <c:v>68.125</c:v>
                </c:pt>
                <c:pt idx="99">
                  <c:v>62.9166666666667</c:v>
                </c:pt>
                <c:pt idx="100">
                  <c:v>72.0833333333333</c:v>
                </c:pt>
                <c:pt idx="101">
                  <c:v>77.9166666666667</c:v>
                </c:pt>
                <c:pt idx="102">
                  <c:v>77.7083333333333</c:v>
                </c:pt>
                <c:pt idx="103">
                  <c:v>73.5416666666667</c:v>
                </c:pt>
                <c:pt idx="104">
                  <c:v>81.0416666666667</c:v>
                </c:pt>
                <c:pt idx="105">
                  <c:v>80.4166666666667</c:v>
                </c:pt>
                <c:pt idx="106">
                  <c:v>78.3333333333333</c:v>
                </c:pt>
                <c:pt idx="107">
                  <c:v>81.25</c:v>
                </c:pt>
                <c:pt idx="108">
                  <c:v>81.25</c:v>
                </c:pt>
                <c:pt idx="109">
                  <c:v>80.2083333333333</c:v>
                </c:pt>
                <c:pt idx="110">
                  <c:v>78.9583333333333</c:v>
                </c:pt>
                <c:pt idx="111">
                  <c:v>74.5833333333333</c:v>
                </c:pt>
                <c:pt idx="112">
                  <c:v>71.6666666666667</c:v>
                </c:pt>
                <c:pt idx="113">
                  <c:v>73.5416666666667</c:v>
                </c:pt>
                <c:pt idx="114">
                  <c:v>72.2916666666667</c:v>
                </c:pt>
                <c:pt idx="115">
                  <c:v>61.4583333333333</c:v>
                </c:pt>
                <c:pt idx="116">
                  <c:v>55.8333333333333</c:v>
                </c:pt>
                <c:pt idx="117">
                  <c:v>63.5416666666667</c:v>
                </c:pt>
                <c:pt idx="118">
                  <c:v>60.8333333333333</c:v>
                </c:pt>
                <c:pt idx="119">
                  <c:v>69.7916666666667</c:v>
                </c:pt>
                <c:pt idx="120">
                  <c:v>71.6666666666667</c:v>
                </c:pt>
                <c:pt idx="121">
                  <c:v>72.5</c:v>
                </c:pt>
                <c:pt idx="122">
                  <c:v>73.125</c:v>
                </c:pt>
                <c:pt idx="123">
                  <c:v>72.9166666666667</c:v>
                </c:pt>
                <c:pt idx="124">
                  <c:v>73.125</c:v>
                </c:pt>
                <c:pt idx="125">
                  <c:v>75.2083333333333</c:v>
                </c:pt>
                <c:pt idx="126">
                  <c:v>72.7083333333333</c:v>
                </c:pt>
                <c:pt idx="127">
                  <c:v>77.7083333333333</c:v>
                </c:pt>
                <c:pt idx="128">
                  <c:v>71.6666666666667</c:v>
                </c:pt>
                <c:pt idx="129">
                  <c:v>55.2083333333333</c:v>
                </c:pt>
                <c:pt idx="130">
                  <c:v>67.7083333333333</c:v>
                </c:pt>
                <c:pt idx="131">
                  <c:v>61.4583333333333</c:v>
                </c:pt>
                <c:pt idx="132">
                  <c:v>56.6666666666667</c:v>
                </c:pt>
                <c:pt idx="133">
                  <c:v>46.25</c:v>
                </c:pt>
                <c:pt idx="134">
                  <c:v>45.2083333333333</c:v>
                </c:pt>
                <c:pt idx="135">
                  <c:v>28.9583333333333</c:v>
                </c:pt>
                <c:pt idx="136">
                  <c:v>33.75</c:v>
                </c:pt>
                <c:pt idx="137">
                  <c:v>41.6666666666667</c:v>
                </c:pt>
                <c:pt idx="138">
                  <c:v>55.2083333333333</c:v>
                </c:pt>
                <c:pt idx="139">
                  <c:v>44.7916666666667</c:v>
                </c:pt>
                <c:pt idx="140">
                  <c:v>27.5</c:v>
                </c:pt>
                <c:pt idx="141">
                  <c:v>35.8333333333333</c:v>
                </c:pt>
                <c:pt idx="142">
                  <c:v>43.75</c:v>
                </c:pt>
                <c:pt idx="143">
                  <c:v>54.5833333333333</c:v>
                </c:pt>
                <c:pt idx="144">
                  <c:v>55.625</c:v>
                </c:pt>
                <c:pt idx="145">
                  <c:v>52.182952182952199</c:v>
                </c:pt>
                <c:pt idx="146">
                  <c:v>61.1226611226611</c:v>
                </c:pt>
                <c:pt idx="147">
                  <c:v>54.054054054054099</c:v>
                </c:pt>
                <c:pt idx="148">
                  <c:v>41.995841995842</c:v>
                </c:pt>
                <c:pt idx="149">
                  <c:v>25.571725571725601</c:v>
                </c:pt>
                <c:pt idx="150">
                  <c:v>30.977130977131001</c:v>
                </c:pt>
                <c:pt idx="151">
                  <c:v>23.076923076923102</c:v>
                </c:pt>
                <c:pt idx="152">
                  <c:v>14.968814968815</c:v>
                </c:pt>
                <c:pt idx="153">
                  <c:v>13.0977130977131</c:v>
                </c:pt>
                <c:pt idx="154">
                  <c:v>14.5530145530146</c:v>
                </c:pt>
                <c:pt idx="155">
                  <c:v>16.2162162162162</c:v>
                </c:pt>
                <c:pt idx="156">
                  <c:v>10.8108108108108</c:v>
                </c:pt>
                <c:pt idx="157">
                  <c:v>13.5135135135135</c:v>
                </c:pt>
                <c:pt idx="158">
                  <c:v>10.3950103950104</c:v>
                </c:pt>
                <c:pt idx="159">
                  <c:v>12.058212058212099</c:v>
                </c:pt>
                <c:pt idx="160">
                  <c:v>7.4844074844074804</c:v>
                </c:pt>
                <c:pt idx="161">
                  <c:v>8.7318087318087301</c:v>
                </c:pt>
                <c:pt idx="162">
                  <c:v>15.5925155925156</c:v>
                </c:pt>
                <c:pt idx="163">
                  <c:v>13.305613305613299</c:v>
                </c:pt>
                <c:pt idx="164">
                  <c:v>18.711018711018699</c:v>
                </c:pt>
                <c:pt idx="165">
                  <c:v>14.968814968815</c:v>
                </c:pt>
                <c:pt idx="166">
                  <c:v>18.295218295218302</c:v>
                </c:pt>
                <c:pt idx="167">
                  <c:v>32.224532224532197</c:v>
                </c:pt>
                <c:pt idx="168">
                  <c:v>33.264033264033301</c:v>
                </c:pt>
                <c:pt idx="169">
                  <c:v>24.5322245322245</c:v>
                </c:pt>
                <c:pt idx="170">
                  <c:v>29.521829521829499</c:v>
                </c:pt>
                <c:pt idx="171">
                  <c:v>30.769230769230798</c:v>
                </c:pt>
                <c:pt idx="172">
                  <c:v>24.5322245322245</c:v>
                </c:pt>
                <c:pt idx="173">
                  <c:v>20.997920997921</c:v>
                </c:pt>
                <c:pt idx="174">
                  <c:v>22.453222453222502</c:v>
                </c:pt>
                <c:pt idx="175">
                  <c:v>24.116424116424099</c:v>
                </c:pt>
                <c:pt idx="176">
                  <c:v>20.3742203742204</c:v>
                </c:pt>
                <c:pt idx="177">
                  <c:v>27.650727650727699</c:v>
                </c:pt>
                <c:pt idx="178">
                  <c:v>35.758835758835801</c:v>
                </c:pt>
                <c:pt idx="179">
                  <c:v>44.906444906444897</c:v>
                </c:pt>
                <c:pt idx="180">
                  <c:v>45.322245322245301</c:v>
                </c:pt>
                <c:pt idx="181">
                  <c:v>45.738045738045699</c:v>
                </c:pt>
                <c:pt idx="182">
                  <c:v>54.677754677754699</c:v>
                </c:pt>
                <c:pt idx="183">
                  <c:v>48.440748440748401</c:v>
                </c:pt>
                <c:pt idx="184">
                  <c:v>52.598752598752597</c:v>
                </c:pt>
                <c:pt idx="185">
                  <c:v>59.8752598752599</c:v>
                </c:pt>
                <c:pt idx="186">
                  <c:v>61.538461538461497</c:v>
                </c:pt>
                <c:pt idx="187">
                  <c:v>57.796257796257798</c:v>
                </c:pt>
                <c:pt idx="188">
                  <c:v>72.972972972972997</c:v>
                </c:pt>
                <c:pt idx="189">
                  <c:v>77.7546777546778</c:v>
                </c:pt>
                <c:pt idx="190">
                  <c:v>83.160083160083204</c:v>
                </c:pt>
                <c:pt idx="191">
                  <c:v>84.615384615384599</c:v>
                </c:pt>
                <c:pt idx="192">
                  <c:v>83.783783783783804</c:v>
                </c:pt>
                <c:pt idx="193">
                  <c:v>76.715176715176696</c:v>
                </c:pt>
                <c:pt idx="194">
                  <c:v>81.4968814968815</c:v>
                </c:pt>
                <c:pt idx="195">
                  <c:v>82.328482328482295</c:v>
                </c:pt>
                <c:pt idx="196">
                  <c:v>91.476091476091497</c:v>
                </c:pt>
                <c:pt idx="197">
                  <c:v>90.436590436590393</c:v>
                </c:pt>
                <c:pt idx="198">
                  <c:v>88.149688149688203</c:v>
                </c:pt>
                <c:pt idx="199">
                  <c:v>91.060291060291107</c:v>
                </c:pt>
                <c:pt idx="200">
                  <c:v>91.476091476091497</c:v>
                </c:pt>
                <c:pt idx="201">
                  <c:v>93.555093555093606</c:v>
                </c:pt>
                <c:pt idx="202">
                  <c:v>93.347193347193397</c:v>
                </c:pt>
                <c:pt idx="203">
                  <c:v>94.594594594594597</c:v>
                </c:pt>
                <c:pt idx="204">
                  <c:v>92.515592515592502</c:v>
                </c:pt>
                <c:pt idx="205">
                  <c:v>91.683991683991707</c:v>
                </c:pt>
                <c:pt idx="206">
                  <c:v>92.515592515592502</c:v>
                </c:pt>
                <c:pt idx="207">
                  <c:v>94.386694386694401</c:v>
                </c:pt>
                <c:pt idx="208">
                  <c:v>95.426195426195406</c:v>
                </c:pt>
                <c:pt idx="209">
                  <c:v>94.594594594594597</c:v>
                </c:pt>
                <c:pt idx="210">
                  <c:v>96.049896049896006</c:v>
                </c:pt>
                <c:pt idx="211">
                  <c:v>93.762993762993801</c:v>
                </c:pt>
                <c:pt idx="212">
                  <c:v>91.060291060291107</c:v>
                </c:pt>
                <c:pt idx="213">
                  <c:v>93.555093555093606</c:v>
                </c:pt>
                <c:pt idx="214">
                  <c:v>86.486486486486498</c:v>
                </c:pt>
                <c:pt idx="215">
                  <c:v>87.525987525987503</c:v>
                </c:pt>
                <c:pt idx="216">
                  <c:v>85.239085239085199</c:v>
                </c:pt>
                <c:pt idx="217">
                  <c:v>88.149688149688203</c:v>
                </c:pt>
                <c:pt idx="218">
                  <c:v>93.347193347193397</c:v>
                </c:pt>
                <c:pt idx="219">
                  <c:v>90.228690228690198</c:v>
                </c:pt>
                <c:pt idx="220">
                  <c:v>91.060291060291107</c:v>
                </c:pt>
                <c:pt idx="221">
                  <c:v>92.307692307692307</c:v>
                </c:pt>
                <c:pt idx="222">
                  <c:v>91.476091476091497</c:v>
                </c:pt>
                <c:pt idx="223">
                  <c:v>86.694386694386694</c:v>
                </c:pt>
                <c:pt idx="224">
                  <c:v>77.962577962577996</c:v>
                </c:pt>
                <c:pt idx="225">
                  <c:v>78.794178794178805</c:v>
                </c:pt>
                <c:pt idx="226">
                  <c:v>78.586278586278596</c:v>
                </c:pt>
                <c:pt idx="227">
                  <c:v>78.3783783783784</c:v>
                </c:pt>
                <c:pt idx="228">
                  <c:v>80.457380457380495</c:v>
                </c:pt>
                <c:pt idx="229">
                  <c:v>74.844074844074896</c:v>
                </c:pt>
                <c:pt idx="230">
                  <c:v>68.191268191268193</c:v>
                </c:pt>
                <c:pt idx="231">
                  <c:v>74.012474012474001</c:v>
                </c:pt>
                <c:pt idx="232">
                  <c:v>68.191268191268193</c:v>
                </c:pt>
                <c:pt idx="233">
                  <c:v>62.993762993762999</c:v>
                </c:pt>
                <c:pt idx="234">
                  <c:v>61.330561330561302</c:v>
                </c:pt>
                <c:pt idx="235">
                  <c:v>64.241164241164199</c:v>
                </c:pt>
                <c:pt idx="236">
                  <c:v>63.201663201663202</c:v>
                </c:pt>
                <c:pt idx="237">
                  <c:v>72.141372141372102</c:v>
                </c:pt>
                <c:pt idx="238">
                  <c:v>64.656964656964703</c:v>
                </c:pt>
                <c:pt idx="239">
                  <c:v>63.201663201663202</c:v>
                </c:pt>
                <c:pt idx="240">
                  <c:v>54.261954261954301</c:v>
                </c:pt>
                <c:pt idx="241">
                  <c:v>61.538461538461497</c:v>
                </c:pt>
                <c:pt idx="242">
                  <c:v>49.896049896049902</c:v>
                </c:pt>
                <c:pt idx="243">
                  <c:v>48.648648648648702</c:v>
                </c:pt>
                <c:pt idx="244">
                  <c:v>43.659043659043697</c:v>
                </c:pt>
                <c:pt idx="245">
                  <c:v>50.9355509355509</c:v>
                </c:pt>
                <c:pt idx="246">
                  <c:v>48.440748440748401</c:v>
                </c:pt>
                <c:pt idx="247">
                  <c:v>61.538461538461497</c:v>
                </c:pt>
                <c:pt idx="248">
                  <c:v>64.656964656964703</c:v>
                </c:pt>
                <c:pt idx="249">
                  <c:v>66.112266112266099</c:v>
                </c:pt>
                <c:pt idx="250">
                  <c:v>69.438669438669393</c:v>
                </c:pt>
                <c:pt idx="251">
                  <c:v>68.399168399168403</c:v>
                </c:pt>
                <c:pt idx="252">
                  <c:v>69.230769230769198</c:v>
                </c:pt>
                <c:pt idx="253">
                  <c:v>70.686070686070707</c:v>
                </c:pt>
                <c:pt idx="254">
                  <c:v>69.438669438669393</c:v>
                </c:pt>
                <c:pt idx="255">
                  <c:v>71.309771309771307</c:v>
                </c:pt>
                <c:pt idx="256">
                  <c:v>75.051975051975006</c:v>
                </c:pt>
                <c:pt idx="257">
                  <c:v>77.7546777546778</c:v>
                </c:pt>
                <c:pt idx="258">
                  <c:v>73.804573804573806</c:v>
                </c:pt>
                <c:pt idx="259">
                  <c:v>65.072765072765094</c:v>
                </c:pt>
                <c:pt idx="260">
                  <c:v>58.212058212058203</c:v>
                </c:pt>
                <c:pt idx="261">
                  <c:v>53.638253638253602</c:v>
                </c:pt>
                <c:pt idx="262">
                  <c:v>52.182952182952199</c:v>
                </c:pt>
                <c:pt idx="263">
                  <c:v>52.806652806652799</c:v>
                </c:pt>
                <c:pt idx="264">
                  <c:v>52.182952182952199</c:v>
                </c:pt>
                <c:pt idx="265">
                  <c:v>61.954261954262002</c:v>
                </c:pt>
                <c:pt idx="266">
                  <c:v>62.162162162162197</c:v>
                </c:pt>
                <c:pt idx="267">
                  <c:v>61.538461538461497</c:v>
                </c:pt>
                <c:pt idx="268">
                  <c:v>74.428274428274406</c:v>
                </c:pt>
                <c:pt idx="269">
                  <c:v>35.758835758835801</c:v>
                </c:pt>
                <c:pt idx="270">
                  <c:v>22.6611226611227</c:v>
                </c:pt>
                <c:pt idx="271">
                  <c:v>34.927234927234899</c:v>
                </c:pt>
                <c:pt idx="272">
                  <c:v>47.609147609147598</c:v>
                </c:pt>
                <c:pt idx="273">
                  <c:v>60.291060291060298</c:v>
                </c:pt>
                <c:pt idx="274">
                  <c:v>61.954261954262002</c:v>
                </c:pt>
                <c:pt idx="275">
                  <c:v>54.261954261954301</c:v>
                </c:pt>
                <c:pt idx="276">
                  <c:v>59.043659043658998</c:v>
                </c:pt>
                <c:pt idx="277">
                  <c:v>60.083160083160102</c:v>
                </c:pt>
                <c:pt idx="278">
                  <c:v>73.180873180873206</c:v>
                </c:pt>
                <c:pt idx="279">
                  <c:v>77.130977130977101</c:v>
                </c:pt>
                <c:pt idx="280">
                  <c:v>83.991683991683999</c:v>
                </c:pt>
                <c:pt idx="281">
                  <c:v>81.704781704781695</c:v>
                </c:pt>
                <c:pt idx="282">
                  <c:v>85.862785862785898</c:v>
                </c:pt>
                <c:pt idx="283">
                  <c:v>85.239085239085199</c:v>
                </c:pt>
                <c:pt idx="284">
                  <c:v>86.070686070686094</c:v>
                </c:pt>
                <c:pt idx="285">
                  <c:v>83.783783783783804</c:v>
                </c:pt>
                <c:pt idx="286">
                  <c:v>86.486486486486498</c:v>
                </c:pt>
                <c:pt idx="287">
                  <c:v>81.912681912681904</c:v>
                </c:pt>
                <c:pt idx="288">
                  <c:v>85.031185031185004</c:v>
                </c:pt>
                <c:pt idx="289">
                  <c:v>82.536382536382504</c:v>
                </c:pt>
                <c:pt idx="290">
                  <c:v>82.7442827442827</c:v>
                </c:pt>
                <c:pt idx="291">
                  <c:v>76.715176715176696</c:v>
                </c:pt>
                <c:pt idx="292">
                  <c:v>76.923076923076906</c:v>
                </c:pt>
                <c:pt idx="293">
                  <c:v>77.130977130977101</c:v>
                </c:pt>
                <c:pt idx="294">
                  <c:v>74.636174636174601</c:v>
                </c:pt>
                <c:pt idx="295">
                  <c:v>68.191268191268193</c:v>
                </c:pt>
                <c:pt idx="296">
                  <c:v>69.646569646569603</c:v>
                </c:pt>
                <c:pt idx="297">
                  <c:v>68.814968814968793</c:v>
                </c:pt>
                <c:pt idx="298">
                  <c:v>74.428274428274406</c:v>
                </c:pt>
                <c:pt idx="299">
                  <c:v>72.972972972972997</c:v>
                </c:pt>
                <c:pt idx="300">
                  <c:v>71.309771309771307</c:v>
                </c:pt>
                <c:pt idx="301">
                  <c:v>70.062370062370107</c:v>
                </c:pt>
                <c:pt idx="302">
                  <c:v>72.141372141372102</c:v>
                </c:pt>
                <c:pt idx="303">
                  <c:v>69.854469854469897</c:v>
                </c:pt>
                <c:pt idx="304">
                  <c:v>73.596673596673597</c:v>
                </c:pt>
                <c:pt idx="305">
                  <c:v>69.230769230769198</c:v>
                </c:pt>
                <c:pt idx="306">
                  <c:v>69.438669438669393</c:v>
                </c:pt>
                <c:pt idx="307">
                  <c:v>70.270270270270302</c:v>
                </c:pt>
                <c:pt idx="308">
                  <c:v>69.502074688796696</c:v>
                </c:pt>
                <c:pt idx="309">
                  <c:v>69.709543568464696</c:v>
                </c:pt>
                <c:pt idx="310">
                  <c:v>70.539419087136906</c:v>
                </c:pt>
                <c:pt idx="311">
                  <c:v>66.182572614107897</c:v>
                </c:pt>
                <c:pt idx="312">
                  <c:v>65.767634854771799</c:v>
                </c:pt>
                <c:pt idx="313">
                  <c:v>63.278008298755203</c:v>
                </c:pt>
                <c:pt idx="314">
                  <c:v>65.767634854771799</c:v>
                </c:pt>
                <c:pt idx="315">
                  <c:v>63.278008298755203</c:v>
                </c:pt>
                <c:pt idx="316">
                  <c:v>60.788381742738601</c:v>
                </c:pt>
                <c:pt idx="317">
                  <c:v>60.9958506224066</c:v>
                </c:pt>
                <c:pt idx="318">
                  <c:v>64.315352697095406</c:v>
                </c:pt>
                <c:pt idx="319">
                  <c:v>62.655601659750999</c:v>
                </c:pt>
                <c:pt idx="320">
                  <c:v>63.485477178423203</c:v>
                </c:pt>
                <c:pt idx="321">
                  <c:v>58.091286307053899</c:v>
                </c:pt>
                <c:pt idx="322">
                  <c:v>35.684647302904601</c:v>
                </c:pt>
                <c:pt idx="323">
                  <c:v>44.398340248962697</c:v>
                </c:pt>
                <c:pt idx="324">
                  <c:v>32.7800829875519</c:v>
                </c:pt>
                <c:pt idx="325">
                  <c:v>30.082987551867198</c:v>
                </c:pt>
                <c:pt idx="326">
                  <c:v>39.419087136929498</c:v>
                </c:pt>
                <c:pt idx="327">
                  <c:v>34.4398340248963</c:v>
                </c:pt>
                <c:pt idx="328">
                  <c:v>36.721991701244797</c:v>
                </c:pt>
                <c:pt idx="329">
                  <c:v>37.344398340249001</c:v>
                </c:pt>
                <c:pt idx="330">
                  <c:v>50.207468879667999</c:v>
                </c:pt>
                <c:pt idx="331">
                  <c:v>58.921161825726102</c:v>
                </c:pt>
                <c:pt idx="332">
                  <c:v>52.282157676348604</c:v>
                </c:pt>
                <c:pt idx="333">
                  <c:v>46.058091286307103</c:v>
                </c:pt>
                <c:pt idx="334">
                  <c:v>49.585062240663902</c:v>
                </c:pt>
                <c:pt idx="335">
                  <c:v>54.149377593361002</c:v>
                </c:pt>
                <c:pt idx="336">
                  <c:v>41.493775933610003</c:v>
                </c:pt>
                <c:pt idx="337">
                  <c:v>51.6597510373444</c:v>
                </c:pt>
                <c:pt idx="338">
                  <c:v>49.170124481327797</c:v>
                </c:pt>
                <c:pt idx="339">
                  <c:v>43.7759336099585</c:v>
                </c:pt>
                <c:pt idx="340">
                  <c:v>48.962655601659698</c:v>
                </c:pt>
                <c:pt idx="341">
                  <c:v>49.377593360995903</c:v>
                </c:pt>
                <c:pt idx="342">
                  <c:v>43.983402489626599</c:v>
                </c:pt>
                <c:pt idx="343">
                  <c:v>47.095435684647299</c:v>
                </c:pt>
                <c:pt idx="344">
                  <c:v>33.609958506224103</c:v>
                </c:pt>
                <c:pt idx="345">
                  <c:v>33.609958506224103</c:v>
                </c:pt>
                <c:pt idx="346">
                  <c:v>27.3858921161826</c:v>
                </c:pt>
                <c:pt idx="347">
                  <c:v>28.423236514522799</c:v>
                </c:pt>
                <c:pt idx="348">
                  <c:v>27.3858921161826</c:v>
                </c:pt>
                <c:pt idx="349">
                  <c:v>32.157676348547703</c:v>
                </c:pt>
                <c:pt idx="350">
                  <c:v>36.929460580912902</c:v>
                </c:pt>
                <c:pt idx="351">
                  <c:v>34.854771784232398</c:v>
                </c:pt>
                <c:pt idx="352">
                  <c:v>34.024896265560201</c:v>
                </c:pt>
                <c:pt idx="353">
                  <c:v>39.626556016597497</c:v>
                </c:pt>
                <c:pt idx="354">
                  <c:v>36.307053941908698</c:v>
                </c:pt>
                <c:pt idx="355">
                  <c:v>33.817427385892103</c:v>
                </c:pt>
                <c:pt idx="356">
                  <c:v>30.912863070539402</c:v>
                </c:pt>
                <c:pt idx="357">
                  <c:v>33.195020746887998</c:v>
                </c:pt>
                <c:pt idx="358">
                  <c:v>38.796680497925301</c:v>
                </c:pt>
                <c:pt idx="359">
                  <c:v>30.705394190871399</c:v>
                </c:pt>
                <c:pt idx="360">
                  <c:v>26.5560165975104</c:v>
                </c:pt>
                <c:pt idx="361">
                  <c:v>25.7261410788382</c:v>
                </c:pt>
                <c:pt idx="362">
                  <c:v>26.763485477178399</c:v>
                </c:pt>
                <c:pt idx="363">
                  <c:v>43.568464730290501</c:v>
                </c:pt>
                <c:pt idx="364">
                  <c:v>49.377593360995903</c:v>
                </c:pt>
                <c:pt idx="365">
                  <c:v>53.734439834024897</c:v>
                </c:pt>
                <c:pt idx="366">
                  <c:v>54.564315352697101</c:v>
                </c:pt>
                <c:pt idx="367">
                  <c:v>53.941908713692897</c:v>
                </c:pt>
                <c:pt idx="368">
                  <c:v>55.601659751037303</c:v>
                </c:pt>
                <c:pt idx="369">
                  <c:v>58.506224066389997</c:v>
                </c:pt>
                <c:pt idx="370">
                  <c:v>57.676348547717801</c:v>
                </c:pt>
                <c:pt idx="371">
                  <c:v>60.9958506224066</c:v>
                </c:pt>
                <c:pt idx="372">
                  <c:v>60.580912863070502</c:v>
                </c:pt>
                <c:pt idx="373">
                  <c:v>64.107883817427407</c:v>
                </c:pt>
                <c:pt idx="374">
                  <c:v>65.5601659751037</c:v>
                </c:pt>
                <c:pt idx="375">
                  <c:v>65.352697095435701</c:v>
                </c:pt>
                <c:pt idx="376">
                  <c:v>70.331950207468907</c:v>
                </c:pt>
                <c:pt idx="377">
                  <c:v>67.427385892116206</c:v>
                </c:pt>
                <c:pt idx="378">
                  <c:v>67.842323651452304</c:v>
                </c:pt>
                <c:pt idx="379">
                  <c:v>62.240663900414901</c:v>
                </c:pt>
                <c:pt idx="380">
                  <c:v>57.053941908713703</c:v>
                </c:pt>
                <c:pt idx="381">
                  <c:v>59.3360995850622</c:v>
                </c:pt>
                <c:pt idx="382">
                  <c:v>62.863070539419098</c:v>
                </c:pt>
                <c:pt idx="383">
                  <c:v>65.145228215767602</c:v>
                </c:pt>
                <c:pt idx="384">
                  <c:v>70.124481327800794</c:v>
                </c:pt>
                <c:pt idx="385">
                  <c:v>72.406639004149397</c:v>
                </c:pt>
                <c:pt idx="386">
                  <c:v>75.311203319502098</c:v>
                </c:pt>
                <c:pt idx="387">
                  <c:v>77.178423236514504</c:v>
                </c:pt>
                <c:pt idx="388">
                  <c:v>80.082987551867205</c:v>
                </c:pt>
                <c:pt idx="389">
                  <c:v>72.821576763485496</c:v>
                </c:pt>
                <c:pt idx="390">
                  <c:v>73.443983402489593</c:v>
                </c:pt>
                <c:pt idx="391">
                  <c:v>73.651452282157706</c:v>
                </c:pt>
                <c:pt idx="392">
                  <c:v>75.103734439834</c:v>
                </c:pt>
                <c:pt idx="393">
                  <c:v>76.556016597510407</c:v>
                </c:pt>
                <c:pt idx="394">
                  <c:v>75.518672199170098</c:v>
                </c:pt>
                <c:pt idx="395">
                  <c:v>72.821576763485496</c:v>
                </c:pt>
                <c:pt idx="396">
                  <c:v>76.348547717842294</c:v>
                </c:pt>
                <c:pt idx="397">
                  <c:v>78.053830227743305</c:v>
                </c:pt>
                <c:pt idx="398">
                  <c:v>70.393374741200802</c:v>
                </c:pt>
                <c:pt idx="399">
                  <c:v>72.049689440993802</c:v>
                </c:pt>
                <c:pt idx="400">
                  <c:v>68.322981366459601</c:v>
                </c:pt>
                <c:pt idx="401">
                  <c:v>73.913043478260903</c:v>
                </c:pt>
                <c:pt idx="402">
                  <c:v>83.436853002070407</c:v>
                </c:pt>
                <c:pt idx="403">
                  <c:v>82.608695652173907</c:v>
                </c:pt>
                <c:pt idx="404">
                  <c:v>81.987577639751507</c:v>
                </c:pt>
                <c:pt idx="405">
                  <c:v>76.652892561983506</c:v>
                </c:pt>
                <c:pt idx="406">
                  <c:v>76.446280991735506</c:v>
                </c:pt>
                <c:pt idx="407">
                  <c:v>79.338842975206603</c:v>
                </c:pt>
                <c:pt idx="408">
                  <c:v>77.066115702479294</c:v>
                </c:pt>
                <c:pt idx="409">
                  <c:v>78.305785123966899</c:v>
                </c:pt>
                <c:pt idx="410">
                  <c:v>71.074380165289298</c:v>
                </c:pt>
                <c:pt idx="411">
                  <c:v>74.586776859504099</c:v>
                </c:pt>
                <c:pt idx="412">
                  <c:v>66.322314049586794</c:v>
                </c:pt>
                <c:pt idx="413">
                  <c:v>69.834710743801693</c:v>
                </c:pt>
                <c:pt idx="414">
                  <c:v>66.115702479338907</c:v>
                </c:pt>
                <c:pt idx="415">
                  <c:v>75.413223140495901</c:v>
                </c:pt>
                <c:pt idx="416">
                  <c:v>79.545454545454504</c:v>
                </c:pt>
                <c:pt idx="417">
                  <c:v>76.033057851239704</c:v>
                </c:pt>
                <c:pt idx="418">
                  <c:v>71.280991735537199</c:v>
                </c:pt>
                <c:pt idx="419">
                  <c:v>65.909090909090907</c:v>
                </c:pt>
                <c:pt idx="420">
                  <c:v>65.082644628099203</c:v>
                </c:pt>
                <c:pt idx="421">
                  <c:v>59.504132231405002</c:v>
                </c:pt>
                <c:pt idx="422">
                  <c:v>61.157024793388402</c:v>
                </c:pt>
                <c:pt idx="423">
                  <c:v>69.628099173553693</c:v>
                </c:pt>
                <c:pt idx="424">
                  <c:v>67.355371900826398</c:v>
                </c:pt>
                <c:pt idx="425">
                  <c:v>65.082644628099203</c:v>
                </c:pt>
                <c:pt idx="426">
                  <c:v>66.528925619834695</c:v>
                </c:pt>
                <c:pt idx="427">
                  <c:v>72.314049586776903</c:v>
                </c:pt>
                <c:pt idx="428">
                  <c:v>75.826446280991703</c:v>
                </c:pt>
                <c:pt idx="429">
                  <c:v>81.404958677685897</c:v>
                </c:pt>
                <c:pt idx="430">
                  <c:v>80.371900826446307</c:v>
                </c:pt>
                <c:pt idx="431">
                  <c:v>81.198347107437996</c:v>
                </c:pt>
                <c:pt idx="432">
                  <c:v>80.785123966942194</c:v>
                </c:pt>
                <c:pt idx="433">
                  <c:v>80.371900826446307</c:v>
                </c:pt>
                <c:pt idx="434">
                  <c:v>84.504132231404995</c:v>
                </c:pt>
                <c:pt idx="435">
                  <c:v>83.057851239669404</c:v>
                </c:pt>
                <c:pt idx="436">
                  <c:v>82.024793388429799</c:v>
                </c:pt>
                <c:pt idx="437">
                  <c:v>82.2314049586777</c:v>
                </c:pt>
                <c:pt idx="438">
                  <c:v>83.264462809917305</c:v>
                </c:pt>
                <c:pt idx="439">
                  <c:v>79.958677685950406</c:v>
                </c:pt>
                <c:pt idx="440">
                  <c:v>83.471074380165305</c:v>
                </c:pt>
                <c:pt idx="441">
                  <c:v>81.198347107437996</c:v>
                </c:pt>
                <c:pt idx="442">
                  <c:v>81.404958677685897</c:v>
                </c:pt>
                <c:pt idx="443">
                  <c:v>78.925619834710702</c:v>
                </c:pt>
                <c:pt idx="444">
                  <c:v>76.652892561983506</c:v>
                </c:pt>
                <c:pt idx="445">
                  <c:v>73.347107438016494</c:v>
                </c:pt>
                <c:pt idx="446">
                  <c:v>69.421487603305806</c:v>
                </c:pt>
                <c:pt idx="447">
                  <c:v>71.694214876033101</c:v>
                </c:pt>
                <c:pt idx="448">
                  <c:v>72.520661157024804</c:v>
                </c:pt>
                <c:pt idx="449">
                  <c:v>70.247933884297495</c:v>
                </c:pt>
                <c:pt idx="450">
                  <c:v>76.859504132231393</c:v>
                </c:pt>
                <c:pt idx="451">
                  <c:v>75.619834710743802</c:v>
                </c:pt>
                <c:pt idx="452">
                  <c:v>73.553719008264494</c:v>
                </c:pt>
                <c:pt idx="453">
                  <c:v>73.347107438016494</c:v>
                </c:pt>
                <c:pt idx="454">
                  <c:v>57.2314049586777</c:v>
                </c:pt>
                <c:pt idx="455">
                  <c:v>60.7438016528926</c:v>
                </c:pt>
                <c:pt idx="456">
                  <c:v>58.8842975206612</c:v>
                </c:pt>
                <c:pt idx="457">
                  <c:v>58.264462809917298</c:v>
                </c:pt>
                <c:pt idx="458">
                  <c:v>55.165289256198299</c:v>
                </c:pt>
                <c:pt idx="459">
                  <c:v>59.710743801652903</c:v>
                </c:pt>
                <c:pt idx="460">
                  <c:v>60.537190082644599</c:v>
                </c:pt>
                <c:pt idx="461">
                  <c:v>64.2561983471074</c:v>
                </c:pt>
                <c:pt idx="462">
                  <c:v>63.016528925619802</c:v>
                </c:pt>
                <c:pt idx="463">
                  <c:v>58.677685950413199</c:v>
                </c:pt>
                <c:pt idx="464">
                  <c:v>58.471074380165298</c:v>
                </c:pt>
                <c:pt idx="465">
                  <c:v>54.958677685950398</c:v>
                </c:pt>
                <c:pt idx="466">
                  <c:v>59.297520661157002</c:v>
                </c:pt>
                <c:pt idx="467">
                  <c:v>56.404958677685897</c:v>
                </c:pt>
                <c:pt idx="468">
                  <c:v>57.644628099173602</c:v>
                </c:pt>
                <c:pt idx="469">
                  <c:v>58.144329896907202</c:v>
                </c:pt>
                <c:pt idx="470">
                  <c:v>49.278350515463899</c:v>
                </c:pt>
                <c:pt idx="471">
                  <c:v>41.0309278350515</c:v>
                </c:pt>
                <c:pt idx="472">
                  <c:v>51.340206185566998</c:v>
                </c:pt>
                <c:pt idx="473">
                  <c:v>47.628865979381402</c:v>
                </c:pt>
                <c:pt idx="474">
                  <c:v>48.4536082474227</c:v>
                </c:pt>
                <c:pt idx="475">
                  <c:v>56.494845360824698</c:v>
                </c:pt>
                <c:pt idx="476">
                  <c:v>53.195876288659797</c:v>
                </c:pt>
                <c:pt idx="477">
                  <c:v>63.505154639175302</c:v>
                </c:pt>
                <c:pt idx="478">
                  <c:v>65.360824742267994</c:v>
                </c:pt>
                <c:pt idx="479">
                  <c:v>66.597938144329902</c:v>
                </c:pt>
                <c:pt idx="480">
                  <c:v>67.422680412371093</c:v>
                </c:pt>
                <c:pt idx="481">
                  <c:v>61.443298969072202</c:v>
                </c:pt>
                <c:pt idx="482">
                  <c:v>61.0309278350515</c:v>
                </c:pt>
                <c:pt idx="483">
                  <c:v>62.886597938144298</c:v>
                </c:pt>
                <c:pt idx="484">
                  <c:v>57.9381443298969</c:v>
                </c:pt>
                <c:pt idx="485">
                  <c:v>61.649484536082497</c:v>
                </c:pt>
                <c:pt idx="486">
                  <c:v>65.154639175257699</c:v>
                </c:pt>
                <c:pt idx="487">
                  <c:v>62.680412371133997</c:v>
                </c:pt>
                <c:pt idx="488">
                  <c:v>61.443298969072202</c:v>
                </c:pt>
                <c:pt idx="489">
                  <c:v>63.0927835051546</c:v>
                </c:pt>
                <c:pt idx="490">
                  <c:v>62.474226804123703</c:v>
                </c:pt>
                <c:pt idx="491">
                  <c:v>60</c:v>
                </c:pt>
                <c:pt idx="492">
                  <c:v>65.360824742267994</c:v>
                </c:pt>
                <c:pt idx="493">
                  <c:v>61.443298969072202</c:v>
                </c:pt>
                <c:pt idx="494">
                  <c:v>48.041237113402097</c:v>
                </c:pt>
                <c:pt idx="495">
                  <c:v>51.5463917525773</c:v>
                </c:pt>
                <c:pt idx="496">
                  <c:v>57.113402061855702</c:v>
                </c:pt>
                <c:pt idx="497">
                  <c:v>61.855670103092798</c:v>
                </c:pt>
                <c:pt idx="498">
                  <c:v>63.0927835051546</c:v>
                </c:pt>
                <c:pt idx="499">
                  <c:v>65.773195876288696</c:v>
                </c:pt>
                <c:pt idx="500">
                  <c:v>68.453608247422693</c:v>
                </c:pt>
                <c:pt idx="501">
                  <c:v>68.453608247422693</c:v>
                </c:pt>
                <c:pt idx="502">
                  <c:v>67.628865979381402</c:v>
                </c:pt>
                <c:pt idx="503">
                  <c:v>67.835051546391796</c:v>
                </c:pt>
                <c:pt idx="504">
                  <c:v>75.670103092783506</c:v>
                </c:pt>
                <c:pt idx="505">
                  <c:v>76.288659793814404</c:v>
                </c:pt>
                <c:pt idx="506">
                  <c:v>72.989690721649495</c:v>
                </c:pt>
                <c:pt idx="507">
                  <c:v>70.103092783505105</c:v>
                </c:pt>
                <c:pt idx="508">
                  <c:v>70.515463917525807</c:v>
                </c:pt>
                <c:pt idx="509">
                  <c:v>72.371134020618598</c:v>
                </c:pt>
                <c:pt idx="510">
                  <c:v>75.051546391752595</c:v>
                </c:pt>
                <c:pt idx="511">
                  <c:v>77.113402061855695</c:v>
                </c:pt>
                <c:pt idx="512">
                  <c:v>79.793814432989706</c:v>
                </c:pt>
                <c:pt idx="513">
                  <c:v>76.9072164948454</c:v>
                </c:pt>
                <c:pt idx="514">
                  <c:v>76.494845360824698</c:v>
                </c:pt>
                <c:pt idx="515">
                  <c:v>75.876288659793801</c:v>
                </c:pt>
                <c:pt idx="516">
                  <c:v>79.381443298969103</c:v>
                </c:pt>
                <c:pt idx="517">
                  <c:v>73.195876288659804</c:v>
                </c:pt>
                <c:pt idx="518">
                  <c:v>69.896907216494796</c:v>
                </c:pt>
                <c:pt idx="519">
                  <c:v>67.835051546391796</c:v>
                </c:pt>
                <c:pt idx="520">
                  <c:v>68.865979381443296</c:v>
                </c:pt>
                <c:pt idx="521">
                  <c:v>71.752577319587601</c:v>
                </c:pt>
                <c:pt idx="522">
                  <c:v>64.948453608247405</c:v>
                </c:pt>
                <c:pt idx="523">
                  <c:v>71.752577319587601</c:v>
                </c:pt>
                <c:pt idx="524">
                  <c:v>60</c:v>
                </c:pt>
                <c:pt idx="525">
                  <c:v>62.680412371133997</c:v>
                </c:pt>
                <c:pt idx="526">
                  <c:v>67.216494845360799</c:v>
                </c:pt>
                <c:pt idx="527">
                  <c:v>64.123711340206199</c:v>
                </c:pt>
                <c:pt idx="528">
                  <c:v>54.845360824742301</c:v>
                </c:pt>
                <c:pt idx="529">
                  <c:v>61.443298969072202</c:v>
                </c:pt>
                <c:pt idx="530">
                  <c:v>60</c:v>
                </c:pt>
                <c:pt idx="531">
                  <c:v>59.793814432989699</c:v>
                </c:pt>
                <c:pt idx="532">
                  <c:v>66.804123711340196</c:v>
                </c:pt>
                <c:pt idx="533">
                  <c:v>66.597938144329902</c:v>
                </c:pt>
                <c:pt idx="534">
                  <c:v>71.340206185566998</c:v>
                </c:pt>
                <c:pt idx="535">
                  <c:v>71.546391752577307</c:v>
                </c:pt>
                <c:pt idx="536">
                  <c:v>70.309278350515498</c:v>
                </c:pt>
                <c:pt idx="537">
                  <c:v>75.463917525773198</c:v>
                </c:pt>
                <c:pt idx="538">
                  <c:v>74.279835390946502</c:v>
                </c:pt>
                <c:pt idx="539">
                  <c:v>73.045267489711904</c:v>
                </c:pt>
                <c:pt idx="540">
                  <c:v>71.193415637860099</c:v>
                </c:pt>
                <c:pt idx="541">
                  <c:v>70.576131687242807</c:v>
                </c:pt>
                <c:pt idx="542">
                  <c:v>67.695473251028801</c:v>
                </c:pt>
                <c:pt idx="543">
                  <c:v>63.991769547325099</c:v>
                </c:pt>
                <c:pt idx="544">
                  <c:v>62.7572016460905</c:v>
                </c:pt>
                <c:pt idx="545">
                  <c:v>63.786008230452701</c:v>
                </c:pt>
                <c:pt idx="546">
                  <c:v>62.551440329218103</c:v>
                </c:pt>
                <c:pt idx="547">
                  <c:v>60.699588477366198</c:v>
                </c:pt>
                <c:pt idx="548">
                  <c:v>59.670781893004097</c:v>
                </c:pt>
                <c:pt idx="549">
                  <c:v>62.962962962962997</c:v>
                </c:pt>
                <c:pt idx="550">
                  <c:v>63.991769547325099</c:v>
                </c:pt>
                <c:pt idx="551">
                  <c:v>60.082304526748999</c:v>
                </c:pt>
                <c:pt idx="552">
                  <c:v>59.4650205761317</c:v>
                </c:pt>
                <c:pt idx="553">
                  <c:v>45.267489711934203</c:v>
                </c:pt>
                <c:pt idx="554">
                  <c:v>45.473251028806601</c:v>
                </c:pt>
                <c:pt idx="555">
                  <c:v>56.378600823045304</c:v>
                </c:pt>
                <c:pt idx="556">
                  <c:v>56.584362139917701</c:v>
                </c:pt>
                <c:pt idx="557">
                  <c:v>58.436213991769499</c:v>
                </c:pt>
                <c:pt idx="558">
                  <c:v>45.267489711934203</c:v>
                </c:pt>
                <c:pt idx="559">
                  <c:v>44.238683127572003</c:v>
                </c:pt>
                <c:pt idx="560">
                  <c:v>44.855967078189302</c:v>
                </c:pt>
                <c:pt idx="561">
                  <c:v>52.469135802469097</c:v>
                </c:pt>
                <c:pt idx="562">
                  <c:v>48.971193415637899</c:v>
                </c:pt>
                <c:pt idx="563">
                  <c:v>47.119341563786001</c:v>
                </c:pt>
                <c:pt idx="564">
                  <c:v>49.588477366255098</c:v>
                </c:pt>
                <c:pt idx="565">
                  <c:v>47.325102880658399</c:v>
                </c:pt>
                <c:pt idx="566">
                  <c:v>47.325102880658399</c:v>
                </c:pt>
                <c:pt idx="567">
                  <c:v>50.823045267489697</c:v>
                </c:pt>
                <c:pt idx="568">
                  <c:v>57.201646090535</c:v>
                </c:pt>
                <c:pt idx="569">
                  <c:v>60.493827160493801</c:v>
                </c:pt>
                <c:pt idx="570">
                  <c:v>55.144032921810698</c:v>
                </c:pt>
                <c:pt idx="571">
                  <c:v>58.230452674897101</c:v>
                </c:pt>
                <c:pt idx="572">
                  <c:v>57.201646090535</c:v>
                </c:pt>
                <c:pt idx="573">
                  <c:v>57.818930041152299</c:v>
                </c:pt>
                <c:pt idx="574">
                  <c:v>68.106995884773696</c:v>
                </c:pt>
                <c:pt idx="575">
                  <c:v>67.901234567901199</c:v>
                </c:pt>
                <c:pt idx="576">
                  <c:v>65.843621399176996</c:v>
                </c:pt>
                <c:pt idx="577">
                  <c:v>65.637860082304499</c:v>
                </c:pt>
                <c:pt idx="578">
                  <c:v>65.637860082304499</c:v>
                </c:pt>
                <c:pt idx="579">
                  <c:v>68.724279835390902</c:v>
                </c:pt>
                <c:pt idx="580">
                  <c:v>69.135802469135797</c:v>
                </c:pt>
                <c:pt idx="581">
                  <c:v>66.6666666666667</c:v>
                </c:pt>
                <c:pt idx="582">
                  <c:v>64.197530864197503</c:v>
                </c:pt>
                <c:pt idx="583">
                  <c:v>64.197530864197503</c:v>
                </c:pt>
                <c:pt idx="584">
                  <c:v>63.991769547325099</c:v>
                </c:pt>
                <c:pt idx="585">
                  <c:v>63.3744855967078</c:v>
                </c:pt>
                <c:pt idx="586">
                  <c:v>65.637860082304499</c:v>
                </c:pt>
                <c:pt idx="587">
                  <c:v>66.049382716049394</c:v>
                </c:pt>
                <c:pt idx="588">
                  <c:v>68.312757201646093</c:v>
                </c:pt>
                <c:pt idx="589">
                  <c:v>70.576131687242807</c:v>
                </c:pt>
                <c:pt idx="590">
                  <c:v>72.427983539094697</c:v>
                </c:pt>
                <c:pt idx="591">
                  <c:v>74.897119341563794</c:v>
                </c:pt>
                <c:pt idx="592">
                  <c:v>77.572016460905303</c:v>
                </c:pt>
                <c:pt idx="593">
                  <c:v>77.160493827160494</c:v>
                </c:pt>
                <c:pt idx="594">
                  <c:v>75.308641975308603</c:v>
                </c:pt>
                <c:pt idx="595">
                  <c:v>77.160493827160494</c:v>
                </c:pt>
                <c:pt idx="596">
                  <c:v>77.160493827160494</c:v>
                </c:pt>
                <c:pt idx="597">
                  <c:v>80.864197530864203</c:v>
                </c:pt>
                <c:pt idx="598">
                  <c:v>80.246913580246897</c:v>
                </c:pt>
                <c:pt idx="599">
                  <c:v>78.395061728395106</c:v>
                </c:pt>
                <c:pt idx="600">
                  <c:v>78.806584362139901</c:v>
                </c:pt>
                <c:pt idx="601">
                  <c:v>79.012345679012299</c:v>
                </c:pt>
                <c:pt idx="602">
                  <c:v>79.835390946502102</c:v>
                </c:pt>
                <c:pt idx="603">
                  <c:v>80.041152263374499</c:v>
                </c:pt>
                <c:pt idx="604">
                  <c:v>78.395061728395106</c:v>
                </c:pt>
                <c:pt idx="605">
                  <c:v>77.7777777777778</c:v>
                </c:pt>
                <c:pt idx="606">
                  <c:v>73.251028806584401</c:v>
                </c:pt>
                <c:pt idx="607">
                  <c:v>70.987654320987701</c:v>
                </c:pt>
                <c:pt idx="608">
                  <c:v>74.897119341563794</c:v>
                </c:pt>
                <c:pt idx="609">
                  <c:v>71.810699588477405</c:v>
                </c:pt>
                <c:pt idx="610">
                  <c:v>74.074074074074105</c:v>
                </c:pt>
                <c:pt idx="611">
                  <c:v>72.2222222222222</c:v>
                </c:pt>
                <c:pt idx="612">
                  <c:v>70.576131687242807</c:v>
                </c:pt>
                <c:pt idx="613">
                  <c:v>72.633744855967095</c:v>
                </c:pt>
                <c:pt idx="614">
                  <c:v>72.427983539094697</c:v>
                </c:pt>
                <c:pt idx="615">
                  <c:v>70.576131687242807</c:v>
                </c:pt>
                <c:pt idx="616">
                  <c:v>70.576131687242807</c:v>
                </c:pt>
                <c:pt idx="617">
                  <c:v>68.518518518518505</c:v>
                </c:pt>
                <c:pt idx="618">
                  <c:v>67.695473251028801</c:v>
                </c:pt>
                <c:pt idx="619">
                  <c:v>68.930041152263399</c:v>
                </c:pt>
                <c:pt idx="620">
                  <c:v>68.106995884773696</c:v>
                </c:pt>
                <c:pt idx="621">
                  <c:v>61.934156378600797</c:v>
                </c:pt>
                <c:pt idx="622">
                  <c:v>66.049382716049394</c:v>
                </c:pt>
                <c:pt idx="623">
                  <c:v>65.432098765432102</c:v>
                </c:pt>
                <c:pt idx="624">
                  <c:v>67.078189300411495</c:v>
                </c:pt>
                <c:pt idx="625">
                  <c:v>68.312757201646093</c:v>
                </c:pt>
                <c:pt idx="626">
                  <c:v>67.901234567901199</c:v>
                </c:pt>
                <c:pt idx="627">
                  <c:v>66.6666666666667</c:v>
                </c:pt>
                <c:pt idx="628">
                  <c:v>66.460905349794203</c:v>
                </c:pt>
                <c:pt idx="629">
                  <c:v>73.662551440329196</c:v>
                </c:pt>
                <c:pt idx="630">
                  <c:v>77.7777777777778</c:v>
                </c:pt>
                <c:pt idx="631">
                  <c:v>79.218106995884796</c:v>
                </c:pt>
                <c:pt idx="632">
                  <c:v>79.629629629629605</c:v>
                </c:pt>
                <c:pt idx="633">
                  <c:v>73.251028806584401</c:v>
                </c:pt>
                <c:pt idx="634">
                  <c:v>70.164609053497898</c:v>
                </c:pt>
                <c:pt idx="635">
                  <c:v>68.930041152263399</c:v>
                </c:pt>
                <c:pt idx="636">
                  <c:v>72.427983539094697</c:v>
                </c:pt>
                <c:pt idx="637">
                  <c:v>75.308641975308603</c:v>
                </c:pt>
                <c:pt idx="638">
                  <c:v>77.366255144032905</c:v>
                </c:pt>
                <c:pt idx="639">
                  <c:v>74.897119341563794</c:v>
                </c:pt>
                <c:pt idx="640">
                  <c:v>74.074074074074105</c:v>
                </c:pt>
                <c:pt idx="641">
                  <c:v>68.312757201646093</c:v>
                </c:pt>
                <c:pt idx="642">
                  <c:v>75.308641975308603</c:v>
                </c:pt>
                <c:pt idx="643">
                  <c:v>77.160493827160494</c:v>
                </c:pt>
                <c:pt idx="644">
                  <c:v>74.4855967078189</c:v>
                </c:pt>
                <c:pt idx="645">
                  <c:v>73.045267489711904</c:v>
                </c:pt>
                <c:pt idx="646">
                  <c:v>72.633744855967095</c:v>
                </c:pt>
                <c:pt idx="647">
                  <c:v>72.016460905349803</c:v>
                </c:pt>
                <c:pt idx="648">
                  <c:v>70.636550308008196</c:v>
                </c:pt>
                <c:pt idx="649">
                  <c:v>71.457905544147806</c:v>
                </c:pt>
                <c:pt idx="650">
                  <c:v>74.127310061601605</c:v>
                </c:pt>
                <c:pt idx="651">
                  <c:v>70.431211498973298</c:v>
                </c:pt>
                <c:pt idx="652">
                  <c:v>73.716632443531793</c:v>
                </c:pt>
                <c:pt idx="653">
                  <c:v>79.466119096509203</c:v>
                </c:pt>
                <c:pt idx="654">
                  <c:v>77.823408624229998</c:v>
                </c:pt>
                <c:pt idx="655">
                  <c:v>80.903490759753595</c:v>
                </c:pt>
                <c:pt idx="656">
                  <c:v>81.314168377823407</c:v>
                </c:pt>
                <c:pt idx="657">
                  <c:v>81.519507186858306</c:v>
                </c:pt>
                <c:pt idx="658">
                  <c:v>78.850102669404507</c:v>
                </c:pt>
                <c:pt idx="659">
                  <c:v>79.671457905544102</c:v>
                </c:pt>
                <c:pt idx="660">
                  <c:v>79.8767967145791</c:v>
                </c:pt>
                <c:pt idx="661">
                  <c:v>78.234086242299796</c:v>
                </c:pt>
                <c:pt idx="662">
                  <c:v>81.108829568788494</c:v>
                </c:pt>
                <c:pt idx="663">
                  <c:v>80.082135523613999</c:v>
                </c:pt>
                <c:pt idx="664">
                  <c:v>81.108829568788494</c:v>
                </c:pt>
                <c:pt idx="665">
                  <c:v>82.340862422998001</c:v>
                </c:pt>
                <c:pt idx="666">
                  <c:v>83.367556468172495</c:v>
                </c:pt>
                <c:pt idx="667">
                  <c:v>81.930184804928103</c:v>
                </c:pt>
                <c:pt idx="668">
                  <c:v>81.930184804928103</c:v>
                </c:pt>
                <c:pt idx="669">
                  <c:v>82.751540041067798</c:v>
                </c:pt>
                <c:pt idx="670">
                  <c:v>80.287474332648898</c:v>
                </c:pt>
                <c:pt idx="671">
                  <c:v>77.002053388090303</c:v>
                </c:pt>
                <c:pt idx="672">
                  <c:v>76.386036960985606</c:v>
                </c:pt>
                <c:pt idx="673">
                  <c:v>73.100616016427097</c:v>
                </c:pt>
                <c:pt idx="674">
                  <c:v>60.574948665297697</c:v>
                </c:pt>
                <c:pt idx="675">
                  <c:v>27.104722792607799</c:v>
                </c:pt>
                <c:pt idx="676">
                  <c:v>35.318275154004098</c:v>
                </c:pt>
                <c:pt idx="677">
                  <c:v>33.059548254620097</c:v>
                </c:pt>
                <c:pt idx="678">
                  <c:v>11.088295687884999</c:v>
                </c:pt>
                <c:pt idx="679">
                  <c:v>16.2217659137577</c:v>
                </c:pt>
                <c:pt idx="680">
                  <c:v>24.024640657084198</c:v>
                </c:pt>
                <c:pt idx="681">
                  <c:v>26.488706365503099</c:v>
                </c:pt>
                <c:pt idx="682">
                  <c:v>39.835728952772101</c:v>
                </c:pt>
                <c:pt idx="683">
                  <c:v>47.638603696098599</c:v>
                </c:pt>
                <c:pt idx="684">
                  <c:v>47.843942505133498</c:v>
                </c:pt>
                <c:pt idx="685">
                  <c:v>43.531827515400401</c:v>
                </c:pt>
                <c:pt idx="686">
                  <c:v>40.246406570841899</c:v>
                </c:pt>
                <c:pt idx="687">
                  <c:v>39.835728952772101</c:v>
                </c:pt>
                <c:pt idx="688">
                  <c:v>52.156057494866502</c:v>
                </c:pt>
                <c:pt idx="689">
                  <c:v>56.878850102669404</c:v>
                </c:pt>
                <c:pt idx="690">
                  <c:v>47.227926078028702</c:v>
                </c:pt>
                <c:pt idx="691">
                  <c:v>40.246406570841899</c:v>
                </c:pt>
                <c:pt idx="692">
                  <c:v>29.774127310061601</c:v>
                </c:pt>
                <c:pt idx="693">
                  <c:v>34.9075975359343</c:v>
                </c:pt>
                <c:pt idx="694">
                  <c:v>41.478439425051299</c:v>
                </c:pt>
                <c:pt idx="695">
                  <c:v>44.9691991786448</c:v>
                </c:pt>
                <c:pt idx="696">
                  <c:v>44.353182751539997</c:v>
                </c:pt>
                <c:pt idx="697">
                  <c:v>46.406570841889099</c:v>
                </c:pt>
                <c:pt idx="698">
                  <c:v>56.468172484599599</c:v>
                </c:pt>
                <c:pt idx="699">
                  <c:v>56.673511293634498</c:v>
                </c:pt>
                <c:pt idx="700">
                  <c:v>53.7987679671458</c:v>
                </c:pt>
                <c:pt idx="701">
                  <c:v>50.308008213552398</c:v>
                </c:pt>
                <c:pt idx="702">
                  <c:v>49.8973305954826</c:v>
                </c:pt>
                <c:pt idx="703">
                  <c:v>54.825462012320301</c:v>
                </c:pt>
                <c:pt idx="704">
                  <c:v>45.790554414784403</c:v>
                </c:pt>
                <c:pt idx="705">
                  <c:v>49.486652977412703</c:v>
                </c:pt>
                <c:pt idx="706">
                  <c:v>47.022587268993803</c:v>
                </c:pt>
                <c:pt idx="707">
                  <c:v>27.926078028747401</c:v>
                </c:pt>
                <c:pt idx="708">
                  <c:v>18.6858316221766</c:v>
                </c:pt>
                <c:pt idx="709">
                  <c:v>31.211498973306</c:v>
                </c:pt>
                <c:pt idx="710">
                  <c:v>24.845995893223801</c:v>
                </c:pt>
                <c:pt idx="711">
                  <c:v>25.462012320328501</c:v>
                </c:pt>
                <c:pt idx="712">
                  <c:v>33.264887063655003</c:v>
                </c:pt>
                <c:pt idx="713">
                  <c:v>21.355236139630399</c:v>
                </c:pt>
                <c:pt idx="714">
                  <c:v>28.542094455852201</c:v>
                </c:pt>
                <c:pt idx="715">
                  <c:v>37.371663244353201</c:v>
                </c:pt>
                <c:pt idx="716">
                  <c:v>41.2731006160164</c:v>
                </c:pt>
                <c:pt idx="717">
                  <c:v>28.7474332648871</c:v>
                </c:pt>
                <c:pt idx="718">
                  <c:v>30.390143737166301</c:v>
                </c:pt>
                <c:pt idx="719">
                  <c:v>42.710472279260799</c:v>
                </c:pt>
                <c:pt idx="720">
                  <c:v>39.425051334702303</c:v>
                </c:pt>
                <c:pt idx="721">
                  <c:v>43.121149897330604</c:v>
                </c:pt>
                <c:pt idx="722">
                  <c:v>42.299794661191001</c:v>
                </c:pt>
                <c:pt idx="723">
                  <c:v>52.977412731006197</c:v>
                </c:pt>
                <c:pt idx="724">
                  <c:v>62.217659137577002</c:v>
                </c:pt>
                <c:pt idx="725">
                  <c:v>64.681724845995902</c:v>
                </c:pt>
                <c:pt idx="726">
                  <c:v>57.289527720739201</c:v>
                </c:pt>
                <c:pt idx="727">
                  <c:v>49.8973305954826</c:v>
                </c:pt>
                <c:pt idx="728">
                  <c:v>50.513347022587297</c:v>
                </c:pt>
                <c:pt idx="729">
                  <c:v>41.683778234086198</c:v>
                </c:pt>
                <c:pt idx="730">
                  <c:v>43.326488706365502</c:v>
                </c:pt>
                <c:pt idx="731">
                  <c:v>49.486652977412703</c:v>
                </c:pt>
                <c:pt idx="732">
                  <c:v>51.129363449692001</c:v>
                </c:pt>
                <c:pt idx="733">
                  <c:v>45.995893223819301</c:v>
                </c:pt>
                <c:pt idx="734">
                  <c:v>47.022587268993803</c:v>
                </c:pt>
                <c:pt idx="735">
                  <c:v>39.630390143737202</c:v>
                </c:pt>
                <c:pt idx="736">
                  <c:v>39.014373716632399</c:v>
                </c:pt>
                <c:pt idx="737">
                  <c:v>48.6652977412731</c:v>
                </c:pt>
                <c:pt idx="738">
                  <c:v>49.8973305954826</c:v>
                </c:pt>
                <c:pt idx="739">
                  <c:v>48.049281314168397</c:v>
                </c:pt>
                <c:pt idx="740">
                  <c:v>54.414784394250503</c:v>
                </c:pt>
                <c:pt idx="741">
                  <c:v>63.039014373716597</c:v>
                </c:pt>
                <c:pt idx="742">
                  <c:v>63.6550308008214</c:v>
                </c:pt>
                <c:pt idx="743">
                  <c:v>63.039014373716597</c:v>
                </c:pt>
                <c:pt idx="744">
                  <c:v>55.646817248460003</c:v>
                </c:pt>
                <c:pt idx="745">
                  <c:v>58.110882956878903</c:v>
                </c:pt>
                <c:pt idx="746">
                  <c:v>58.521560574948701</c:v>
                </c:pt>
                <c:pt idx="747">
                  <c:v>58.110882956878903</c:v>
                </c:pt>
                <c:pt idx="748">
                  <c:v>64.681724845995902</c:v>
                </c:pt>
                <c:pt idx="749">
                  <c:v>63.860369609856299</c:v>
                </c:pt>
                <c:pt idx="750">
                  <c:v>64.476386036961003</c:v>
                </c:pt>
                <c:pt idx="751">
                  <c:v>62.628336755646799</c:v>
                </c:pt>
                <c:pt idx="752">
                  <c:v>62.217659137577002</c:v>
                </c:pt>
                <c:pt idx="753">
                  <c:v>52.977412731006197</c:v>
                </c:pt>
                <c:pt idx="754">
                  <c:v>64.476386036961003</c:v>
                </c:pt>
                <c:pt idx="755">
                  <c:v>55.236139630390099</c:v>
                </c:pt>
                <c:pt idx="756">
                  <c:v>60.574948665297697</c:v>
                </c:pt>
                <c:pt idx="757">
                  <c:v>61.601642710472298</c:v>
                </c:pt>
                <c:pt idx="758">
                  <c:v>62.833675564681698</c:v>
                </c:pt>
                <c:pt idx="759">
                  <c:v>67.351129363449701</c:v>
                </c:pt>
                <c:pt idx="760">
                  <c:v>68.993839835728906</c:v>
                </c:pt>
                <c:pt idx="761">
                  <c:v>72.073921971252602</c:v>
                </c:pt>
                <c:pt idx="762">
                  <c:v>73.921971252566706</c:v>
                </c:pt>
                <c:pt idx="763">
                  <c:v>74.9486652977413</c:v>
                </c:pt>
                <c:pt idx="764">
                  <c:v>70.0205338809035</c:v>
                </c:pt>
                <c:pt idx="765">
                  <c:v>72.4845995893224</c:v>
                </c:pt>
                <c:pt idx="766">
                  <c:v>70.431211498973298</c:v>
                </c:pt>
                <c:pt idx="767">
                  <c:v>67.967145790554397</c:v>
                </c:pt>
                <c:pt idx="768">
                  <c:v>65.503080082135497</c:v>
                </c:pt>
                <c:pt idx="769">
                  <c:v>65.297741273100598</c:v>
                </c:pt>
                <c:pt idx="770">
                  <c:v>59.958932238193</c:v>
                </c:pt>
                <c:pt idx="771">
                  <c:v>63.449691991786501</c:v>
                </c:pt>
                <c:pt idx="772">
                  <c:v>54.209445585215597</c:v>
                </c:pt>
                <c:pt idx="773">
                  <c:v>55.0308008213552</c:v>
                </c:pt>
                <c:pt idx="774">
                  <c:v>48.459958932238202</c:v>
                </c:pt>
                <c:pt idx="775">
                  <c:v>51.540041067761798</c:v>
                </c:pt>
                <c:pt idx="776">
                  <c:v>53.388090349076002</c:v>
                </c:pt>
                <c:pt idx="777">
                  <c:v>52.156057494866502</c:v>
                </c:pt>
                <c:pt idx="778">
                  <c:v>51.950718685831603</c:v>
                </c:pt>
                <c:pt idx="779">
                  <c:v>56.147540983606604</c:v>
                </c:pt>
                <c:pt idx="780">
                  <c:v>59.016393442622899</c:v>
                </c:pt>
                <c:pt idx="781">
                  <c:v>67.213114754098399</c:v>
                </c:pt>
                <c:pt idx="782">
                  <c:v>70.286885245901601</c:v>
                </c:pt>
                <c:pt idx="783">
                  <c:v>60.040983606557397</c:v>
                </c:pt>
                <c:pt idx="784">
                  <c:v>65.983606557377001</c:v>
                </c:pt>
                <c:pt idx="785">
                  <c:v>65.778688524590194</c:v>
                </c:pt>
                <c:pt idx="786">
                  <c:v>64.754098360655703</c:v>
                </c:pt>
                <c:pt idx="787">
                  <c:v>68.032786885245898</c:v>
                </c:pt>
                <c:pt idx="788">
                  <c:v>70.081967213114794</c:v>
                </c:pt>
                <c:pt idx="789">
                  <c:v>67.827868852459005</c:v>
                </c:pt>
                <c:pt idx="790">
                  <c:v>65.983606557377001</c:v>
                </c:pt>
                <c:pt idx="791">
                  <c:v>65.368852459016395</c:v>
                </c:pt>
                <c:pt idx="792">
                  <c:v>65.368852459016395</c:v>
                </c:pt>
                <c:pt idx="793">
                  <c:v>68.852459016393396</c:v>
                </c:pt>
                <c:pt idx="794">
                  <c:v>73.360655737704903</c:v>
                </c:pt>
                <c:pt idx="795">
                  <c:v>67.622950819672099</c:v>
                </c:pt>
                <c:pt idx="796">
                  <c:v>61.270491803278702</c:v>
                </c:pt>
                <c:pt idx="797">
                  <c:v>65.778688524590194</c:v>
                </c:pt>
                <c:pt idx="798">
                  <c:v>62.2950819672131</c:v>
                </c:pt>
                <c:pt idx="799">
                  <c:v>64.549180327868896</c:v>
                </c:pt>
                <c:pt idx="800">
                  <c:v>67.213114754098399</c:v>
                </c:pt>
                <c:pt idx="801">
                  <c:v>69.467213114754102</c:v>
                </c:pt>
                <c:pt idx="802">
                  <c:v>72.950819672131104</c:v>
                </c:pt>
                <c:pt idx="803">
                  <c:v>72.131147540983605</c:v>
                </c:pt>
                <c:pt idx="804">
                  <c:v>69.877049180327901</c:v>
                </c:pt>
                <c:pt idx="805">
                  <c:v>63.729508196721298</c:v>
                </c:pt>
                <c:pt idx="806">
                  <c:v>61.065573770491802</c:v>
                </c:pt>
                <c:pt idx="807">
                  <c:v>65.163934426229503</c:v>
                </c:pt>
                <c:pt idx="808">
                  <c:v>60.245901639344297</c:v>
                </c:pt>
                <c:pt idx="809">
                  <c:v>65.368852459016395</c:v>
                </c:pt>
                <c:pt idx="810">
                  <c:v>68.032786885245898</c:v>
                </c:pt>
                <c:pt idx="811">
                  <c:v>69.672131147540995</c:v>
                </c:pt>
                <c:pt idx="812">
                  <c:v>72.540983606557404</c:v>
                </c:pt>
                <c:pt idx="813">
                  <c:v>72.131147540983605</c:v>
                </c:pt>
                <c:pt idx="814">
                  <c:v>68.852459016393396</c:v>
                </c:pt>
                <c:pt idx="815">
                  <c:v>72.131147540983605</c:v>
                </c:pt>
                <c:pt idx="816">
                  <c:v>75.614754098360706</c:v>
                </c:pt>
                <c:pt idx="817">
                  <c:v>74.795081967213093</c:v>
                </c:pt>
                <c:pt idx="818">
                  <c:v>78.278688524590194</c:v>
                </c:pt>
                <c:pt idx="819">
                  <c:v>71.516393442622999</c:v>
                </c:pt>
                <c:pt idx="820">
                  <c:v>72.336065573770497</c:v>
                </c:pt>
                <c:pt idx="821">
                  <c:v>69.467213114754102</c:v>
                </c:pt>
                <c:pt idx="822">
                  <c:v>71.106557377049199</c:v>
                </c:pt>
                <c:pt idx="823">
                  <c:v>69.467213114754102</c:v>
                </c:pt>
                <c:pt idx="824">
                  <c:v>66.188524590163894</c:v>
                </c:pt>
                <c:pt idx="825">
                  <c:v>69.262295081967196</c:v>
                </c:pt>
                <c:pt idx="826">
                  <c:v>67.622950819672099</c:v>
                </c:pt>
                <c:pt idx="827">
                  <c:v>68.237704918032804</c:v>
                </c:pt>
                <c:pt idx="828">
                  <c:v>70.491803278688494</c:v>
                </c:pt>
                <c:pt idx="829">
                  <c:v>71.311475409836106</c:v>
                </c:pt>
                <c:pt idx="830">
                  <c:v>68.647540983606604</c:v>
                </c:pt>
                <c:pt idx="831">
                  <c:v>69.057377049180303</c:v>
                </c:pt>
                <c:pt idx="832">
                  <c:v>67.213114754098399</c:v>
                </c:pt>
                <c:pt idx="833">
                  <c:v>71.926229508196698</c:v>
                </c:pt>
                <c:pt idx="834">
                  <c:v>72.131147540983605</c:v>
                </c:pt>
                <c:pt idx="835">
                  <c:v>62.909836065573799</c:v>
                </c:pt>
                <c:pt idx="836">
                  <c:v>60.450819672131203</c:v>
                </c:pt>
                <c:pt idx="837">
                  <c:v>56.147540983606604</c:v>
                </c:pt>
                <c:pt idx="838">
                  <c:v>56.147540983606604</c:v>
                </c:pt>
                <c:pt idx="839">
                  <c:v>56.147540983606604</c:v>
                </c:pt>
                <c:pt idx="840">
                  <c:v>55.737704918032797</c:v>
                </c:pt>
                <c:pt idx="841">
                  <c:v>56.762295081967203</c:v>
                </c:pt>
                <c:pt idx="842">
                  <c:v>53.073770491803302</c:v>
                </c:pt>
                <c:pt idx="843">
                  <c:v>48.565573770491802</c:v>
                </c:pt>
                <c:pt idx="844">
                  <c:v>47.131147540983598</c:v>
                </c:pt>
                <c:pt idx="845">
                  <c:v>46.311475409836099</c:v>
                </c:pt>
                <c:pt idx="846">
                  <c:v>44.262295081967203</c:v>
                </c:pt>
                <c:pt idx="847">
                  <c:v>20.491803278688501</c:v>
                </c:pt>
                <c:pt idx="848">
                  <c:v>9.2213114754098395</c:v>
                </c:pt>
                <c:pt idx="849">
                  <c:v>12.7049180327869</c:v>
                </c:pt>
                <c:pt idx="850">
                  <c:v>12.909836065573799</c:v>
                </c:pt>
                <c:pt idx="851">
                  <c:v>26.024590163934398</c:v>
                </c:pt>
                <c:pt idx="852">
                  <c:v>25.2049180327869</c:v>
                </c:pt>
                <c:pt idx="853">
                  <c:v>21.721311475409799</c:v>
                </c:pt>
                <c:pt idx="854">
                  <c:v>21.311475409836099</c:v>
                </c:pt>
                <c:pt idx="855">
                  <c:v>18.6475409836066</c:v>
                </c:pt>
                <c:pt idx="856">
                  <c:v>17.622950819672099</c:v>
                </c:pt>
                <c:pt idx="857">
                  <c:v>14.139344262295101</c:v>
                </c:pt>
                <c:pt idx="858">
                  <c:v>16.5983606557377</c:v>
                </c:pt>
                <c:pt idx="859">
                  <c:v>10.2459016393443</c:v>
                </c:pt>
                <c:pt idx="860">
                  <c:v>15.3688524590164</c:v>
                </c:pt>
                <c:pt idx="861">
                  <c:v>19.672131147540998</c:v>
                </c:pt>
                <c:pt idx="862">
                  <c:v>20.491803278688501</c:v>
                </c:pt>
                <c:pt idx="863">
                  <c:v>24.7950819672131</c:v>
                </c:pt>
                <c:pt idx="864">
                  <c:v>21.926229508196698</c:v>
                </c:pt>
                <c:pt idx="865">
                  <c:v>27.2540983606557</c:v>
                </c:pt>
                <c:pt idx="866">
                  <c:v>33.606557377049199</c:v>
                </c:pt>
                <c:pt idx="867">
                  <c:v>48.360655737704903</c:v>
                </c:pt>
                <c:pt idx="868">
                  <c:v>48.565573770491802</c:v>
                </c:pt>
                <c:pt idx="869">
                  <c:v>45.491803278688501</c:v>
                </c:pt>
                <c:pt idx="870">
                  <c:v>35.040983606557397</c:v>
                </c:pt>
                <c:pt idx="871">
                  <c:v>36.680327868852501</c:v>
                </c:pt>
                <c:pt idx="872">
                  <c:v>32.581967213114801</c:v>
                </c:pt>
                <c:pt idx="873">
                  <c:v>37.909836065573799</c:v>
                </c:pt>
                <c:pt idx="874">
                  <c:v>41.8032786885246</c:v>
                </c:pt>
                <c:pt idx="875">
                  <c:v>35.245901639344297</c:v>
                </c:pt>
                <c:pt idx="876">
                  <c:v>28.073770491803302</c:v>
                </c:pt>
                <c:pt idx="877">
                  <c:v>29.508196721311499</c:v>
                </c:pt>
                <c:pt idx="878">
                  <c:v>30.122950819672099</c:v>
                </c:pt>
                <c:pt idx="879">
                  <c:v>38.114754098360699</c:v>
                </c:pt>
                <c:pt idx="880">
                  <c:v>39.139344262295097</c:v>
                </c:pt>
                <c:pt idx="881">
                  <c:v>53.893442622950801</c:v>
                </c:pt>
                <c:pt idx="882">
                  <c:v>52.254098360655703</c:v>
                </c:pt>
                <c:pt idx="883">
                  <c:v>59.631147540983598</c:v>
                </c:pt>
                <c:pt idx="884">
                  <c:v>68.032786885245898</c:v>
                </c:pt>
                <c:pt idx="885">
                  <c:v>41.8032786885246</c:v>
                </c:pt>
                <c:pt idx="886">
                  <c:v>42.827868852458998</c:v>
                </c:pt>
                <c:pt idx="887">
                  <c:v>27.0491803278689</c:v>
                </c:pt>
                <c:pt idx="888">
                  <c:v>28.688524590163901</c:v>
                </c:pt>
                <c:pt idx="889">
                  <c:v>31.1475409836066</c:v>
                </c:pt>
                <c:pt idx="890">
                  <c:v>36.680327868852501</c:v>
                </c:pt>
                <c:pt idx="891">
                  <c:v>33.606557377049199</c:v>
                </c:pt>
                <c:pt idx="892">
                  <c:v>23.565573770491799</c:v>
                </c:pt>
                <c:pt idx="893">
                  <c:v>14.139344262295101</c:v>
                </c:pt>
                <c:pt idx="894">
                  <c:v>13.7295081967213</c:v>
                </c:pt>
                <c:pt idx="895">
                  <c:v>10.4508196721311</c:v>
                </c:pt>
                <c:pt idx="896">
                  <c:v>6.7622950819672099</c:v>
                </c:pt>
                <c:pt idx="897">
                  <c:v>4.9180327868852496</c:v>
                </c:pt>
                <c:pt idx="898">
                  <c:v>0.61475409836065598</c:v>
                </c:pt>
                <c:pt idx="899">
                  <c:v>3.8934426229508201</c:v>
                </c:pt>
                <c:pt idx="900">
                  <c:v>7.3770491803278704</c:v>
                </c:pt>
                <c:pt idx="901">
                  <c:v>6.7622950819672099</c:v>
                </c:pt>
                <c:pt idx="902">
                  <c:v>10.2459016393443</c:v>
                </c:pt>
                <c:pt idx="903">
                  <c:v>6.9672131147540997</c:v>
                </c:pt>
                <c:pt idx="904">
                  <c:v>3.27868852459016</c:v>
                </c:pt>
                <c:pt idx="905">
                  <c:v>12.7049180327869</c:v>
                </c:pt>
                <c:pt idx="906">
                  <c:v>18.032786885245901</c:v>
                </c:pt>
                <c:pt idx="907">
                  <c:v>26.434426229508201</c:v>
                </c:pt>
                <c:pt idx="908">
                  <c:v>33.606557377049199</c:v>
                </c:pt>
                <c:pt idx="909">
                  <c:v>43.032786885245898</c:v>
                </c:pt>
                <c:pt idx="910">
                  <c:v>43.852459016393396</c:v>
                </c:pt>
                <c:pt idx="911">
                  <c:v>39.549180327868903</c:v>
                </c:pt>
                <c:pt idx="912">
                  <c:v>47.336065573770497</c:v>
                </c:pt>
                <c:pt idx="913">
                  <c:v>50</c:v>
                </c:pt>
                <c:pt idx="914">
                  <c:v>62.5</c:v>
                </c:pt>
                <c:pt idx="915">
                  <c:v>75.409836065573799</c:v>
                </c:pt>
                <c:pt idx="916">
                  <c:v>68.442622950819697</c:v>
                </c:pt>
                <c:pt idx="917">
                  <c:v>68.032786885245898</c:v>
                </c:pt>
                <c:pt idx="918">
                  <c:v>72.745901639344297</c:v>
                </c:pt>
                <c:pt idx="919">
                  <c:v>77.663934426229503</c:v>
                </c:pt>
                <c:pt idx="920">
                  <c:v>75.409836065573799</c:v>
                </c:pt>
                <c:pt idx="921">
                  <c:v>76.434426229508205</c:v>
                </c:pt>
                <c:pt idx="922">
                  <c:v>83.1967213114754</c:v>
                </c:pt>
                <c:pt idx="923">
                  <c:v>86.065573770491795</c:v>
                </c:pt>
                <c:pt idx="924">
                  <c:v>87.909836065573799</c:v>
                </c:pt>
                <c:pt idx="925">
                  <c:v>90.163934426229503</c:v>
                </c:pt>
                <c:pt idx="926">
                  <c:v>89.959016393442596</c:v>
                </c:pt>
                <c:pt idx="927">
                  <c:v>88.524590163934405</c:v>
                </c:pt>
                <c:pt idx="928">
                  <c:v>85.860655737704903</c:v>
                </c:pt>
                <c:pt idx="929">
                  <c:v>86.475409836065595</c:v>
                </c:pt>
                <c:pt idx="930">
                  <c:v>86.475409836065595</c:v>
                </c:pt>
                <c:pt idx="931">
                  <c:v>89.754098360655703</c:v>
                </c:pt>
                <c:pt idx="932">
                  <c:v>92.008196721311506</c:v>
                </c:pt>
                <c:pt idx="933">
                  <c:v>91.206543967280197</c:v>
                </c:pt>
                <c:pt idx="934">
                  <c:v>93.660531697341497</c:v>
                </c:pt>
                <c:pt idx="935">
                  <c:v>94.683026584867093</c:v>
                </c:pt>
                <c:pt idx="936">
                  <c:v>95.092024539877301</c:v>
                </c:pt>
                <c:pt idx="937">
                  <c:v>93.456032719836401</c:v>
                </c:pt>
                <c:pt idx="938">
                  <c:v>94.2740286298569</c:v>
                </c:pt>
                <c:pt idx="939">
                  <c:v>94.2740286298569</c:v>
                </c:pt>
                <c:pt idx="940">
                  <c:v>92.842535787321097</c:v>
                </c:pt>
                <c:pt idx="941">
                  <c:v>93.251533742331304</c:v>
                </c:pt>
                <c:pt idx="942">
                  <c:v>91.820040899795501</c:v>
                </c:pt>
                <c:pt idx="943">
                  <c:v>91.206543967280197</c:v>
                </c:pt>
                <c:pt idx="944">
                  <c:v>89.366053169734101</c:v>
                </c:pt>
                <c:pt idx="945">
                  <c:v>87.525562372188105</c:v>
                </c:pt>
                <c:pt idx="946">
                  <c:v>83.026584867075698</c:v>
                </c:pt>
                <c:pt idx="947">
                  <c:v>78.732106339468302</c:v>
                </c:pt>
                <c:pt idx="948">
                  <c:v>73.824130879345603</c:v>
                </c:pt>
                <c:pt idx="949">
                  <c:v>82.413087934560295</c:v>
                </c:pt>
                <c:pt idx="950">
                  <c:v>82.822085889570502</c:v>
                </c:pt>
                <c:pt idx="951">
                  <c:v>84.458077709611501</c:v>
                </c:pt>
                <c:pt idx="952">
                  <c:v>80.368098159509202</c:v>
                </c:pt>
                <c:pt idx="953">
                  <c:v>79.141104294478495</c:v>
                </c:pt>
                <c:pt idx="954">
                  <c:v>80.368098159509202</c:v>
                </c:pt>
                <c:pt idx="955">
                  <c:v>77.914110429447902</c:v>
                </c:pt>
                <c:pt idx="956">
                  <c:v>73.415132924335396</c:v>
                </c:pt>
                <c:pt idx="957">
                  <c:v>78.732106339468302</c:v>
                </c:pt>
                <c:pt idx="958">
                  <c:v>66.871165644171796</c:v>
                </c:pt>
                <c:pt idx="959">
                  <c:v>66.257668711656393</c:v>
                </c:pt>
                <c:pt idx="960">
                  <c:v>69.938650306748499</c:v>
                </c:pt>
                <c:pt idx="961">
                  <c:v>67.4846625766871</c:v>
                </c:pt>
                <c:pt idx="962">
                  <c:v>69.325153374233096</c:v>
                </c:pt>
                <c:pt idx="963">
                  <c:v>73.415132924335396</c:v>
                </c:pt>
                <c:pt idx="964">
                  <c:v>81.799591002045005</c:v>
                </c:pt>
                <c:pt idx="965">
                  <c:v>80.368098159509202</c:v>
                </c:pt>
                <c:pt idx="966">
                  <c:v>79.754601226993898</c:v>
                </c:pt>
                <c:pt idx="967">
                  <c:v>80.981595092024506</c:v>
                </c:pt>
                <c:pt idx="968">
                  <c:v>84.867075664621694</c:v>
                </c:pt>
                <c:pt idx="969">
                  <c:v>84.049079754601195</c:v>
                </c:pt>
                <c:pt idx="970">
                  <c:v>80.368098159509202</c:v>
                </c:pt>
                <c:pt idx="971">
                  <c:v>82.413087934560295</c:v>
                </c:pt>
                <c:pt idx="972">
                  <c:v>82.413087934560295</c:v>
                </c:pt>
                <c:pt idx="973">
                  <c:v>84.049079754601195</c:v>
                </c:pt>
                <c:pt idx="974">
                  <c:v>82.004089979550102</c:v>
                </c:pt>
                <c:pt idx="975">
                  <c:v>77.096114519427402</c:v>
                </c:pt>
                <c:pt idx="976">
                  <c:v>70.552147239263803</c:v>
                </c:pt>
                <c:pt idx="977">
                  <c:v>70.7566462167689</c:v>
                </c:pt>
                <c:pt idx="978">
                  <c:v>69.325153374233096</c:v>
                </c:pt>
                <c:pt idx="979">
                  <c:v>74.437627811860906</c:v>
                </c:pt>
                <c:pt idx="980">
                  <c:v>75.051124744376295</c:v>
                </c:pt>
                <c:pt idx="981">
                  <c:v>72.801635991820007</c:v>
                </c:pt>
                <c:pt idx="982">
                  <c:v>73.006134969325203</c:v>
                </c:pt>
                <c:pt idx="983">
                  <c:v>71.983640081799606</c:v>
                </c:pt>
                <c:pt idx="984">
                  <c:v>74.437627811860906</c:v>
                </c:pt>
                <c:pt idx="985">
                  <c:v>68.098159509202404</c:v>
                </c:pt>
                <c:pt idx="986">
                  <c:v>69.529652351738207</c:v>
                </c:pt>
                <c:pt idx="987">
                  <c:v>76.073619631901806</c:v>
                </c:pt>
                <c:pt idx="988">
                  <c:v>72.392638036809799</c:v>
                </c:pt>
                <c:pt idx="989">
                  <c:v>57.259713701431501</c:v>
                </c:pt>
                <c:pt idx="990">
                  <c:v>55.600814663951098</c:v>
                </c:pt>
                <c:pt idx="991">
                  <c:v>52.953156822810598</c:v>
                </c:pt>
                <c:pt idx="992">
                  <c:v>58.859470468431802</c:v>
                </c:pt>
                <c:pt idx="993">
                  <c:v>40.122199592667997</c:v>
                </c:pt>
                <c:pt idx="994">
                  <c:v>47.2505091649695</c:v>
                </c:pt>
                <c:pt idx="995">
                  <c:v>47.657841140529499</c:v>
                </c:pt>
                <c:pt idx="996">
                  <c:v>54.378818737270898</c:v>
                </c:pt>
                <c:pt idx="997">
                  <c:v>49.694501018329902</c:v>
                </c:pt>
                <c:pt idx="998">
                  <c:v>45.010183299388999</c:v>
                </c:pt>
                <c:pt idx="999">
                  <c:v>52.342158859470501</c:v>
                </c:pt>
                <c:pt idx="1000">
                  <c:v>50.712830957230103</c:v>
                </c:pt>
                <c:pt idx="1001">
                  <c:v>43.584521384928699</c:v>
                </c:pt>
                <c:pt idx="1002">
                  <c:v>44.399185336048902</c:v>
                </c:pt>
                <c:pt idx="1003">
                  <c:v>37.804878048780502</c:v>
                </c:pt>
                <c:pt idx="1004">
                  <c:v>32.317073170731703</c:v>
                </c:pt>
                <c:pt idx="1005">
                  <c:v>35.162601626016297</c:v>
                </c:pt>
                <c:pt idx="1006">
                  <c:v>30.691056910569099</c:v>
                </c:pt>
                <c:pt idx="1007">
                  <c:v>31.910569105691099</c:v>
                </c:pt>
                <c:pt idx="1008">
                  <c:v>40.650406504065003</c:v>
                </c:pt>
                <c:pt idx="1009">
                  <c:v>48.983739837398403</c:v>
                </c:pt>
                <c:pt idx="1010">
                  <c:v>52.642276422764198</c:v>
                </c:pt>
                <c:pt idx="1011">
                  <c:v>55.691056910569102</c:v>
                </c:pt>
                <c:pt idx="1012">
                  <c:v>58.130081300813004</c:v>
                </c:pt>
                <c:pt idx="1013">
                  <c:v>58.536585365853703</c:v>
                </c:pt>
                <c:pt idx="1014">
                  <c:v>56.910569105691103</c:v>
                </c:pt>
                <c:pt idx="1015">
                  <c:v>63.008130081300799</c:v>
                </c:pt>
                <c:pt idx="1016">
                  <c:v>60.162601626016297</c:v>
                </c:pt>
                <c:pt idx="1017">
                  <c:v>58.943089430894297</c:v>
                </c:pt>
                <c:pt idx="1018">
                  <c:v>66.056910569105696</c:v>
                </c:pt>
                <c:pt idx="1019">
                  <c:v>66.869918699186996</c:v>
                </c:pt>
                <c:pt idx="1020">
                  <c:v>74.593495934959293</c:v>
                </c:pt>
                <c:pt idx="1021">
                  <c:v>74.390243902438996</c:v>
                </c:pt>
                <c:pt idx="1022">
                  <c:v>69.715447154471505</c:v>
                </c:pt>
                <c:pt idx="1023">
                  <c:v>65.040650406504099</c:v>
                </c:pt>
                <c:pt idx="1024">
                  <c:v>65.447154471544707</c:v>
                </c:pt>
                <c:pt idx="1025">
                  <c:v>69.918699186991901</c:v>
                </c:pt>
                <c:pt idx="1026">
                  <c:v>76.422764227642304</c:v>
                </c:pt>
                <c:pt idx="1027">
                  <c:v>80.284552845528495</c:v>
                </c:pt>
                <c:pt idx="1028">
                  <c:v>80.081300813008099</c:v>
                </c:pt>
                <c:pt idx="1029">
                  <c:v>86.382113821138205</c:v>
                </c:pt>
                <c:pt idx="1030">
                  <c:v>84.552845528455293</c:v>
                </c:pt>
                <c:pt idx="1031">
                  <c:v>81.097560975609795</c:v>
                </c:pt>
                <c:pt idx="1032">
                  <c:v>81.910569105691096</c:v>
                </c:pt>
                <c:pt idx="1033">
                  <c:v>81.910569105691096</c:v>
                </c:pt>
                <c:pt idx="1034">
                  <c:v>82.520325203252</c:v>
                </c:pt>
                <c:pt idx="1035">
                  <c:v>87.804878048780495</c:v>
                </c:pt>
                <c:pt idx="1036">
                  <c:v>86.788617886178898</c:v>
                </c:pt>
                <c:pt idx="1037">
                  <c:v>84.552845528455293</c:v>
                </c:pt>
                <c:pt idx="1038">
                  <c:v>79.471544715447195</c:v>
                </c:pt>
                <c:pt idx="1039">
                  <c:v>81.300813008130106</c:v>
                </c:pt>
                <c:pt idx="1040">
                  <c:v>77.439024390243901</c:v>
                </c:pt>
                <c:pt idx="1041">
                  <c:v>75.406504065040707</c:v>
                </c:pt>
                <c:pt idx="1042">
                  <c:v>78.658536585365894</c:v>
                </c:pt>
                <c:pt idx="1043">
                  <c:v>80.894308943089399</c:v>
                </c:pt>
                <c:pt idx="1044">
                  <c:v>76.829268292682897</c:v>
                </c:pt>
                <c:pt idx="1045">
                  <c:v>78.861788617886205</c:v>
                </c:pt>
                <c:pt idx="1046">
                  <c:v>76.219512195121993</c:v>
                </c:pt>
                <c:pt idx="1047">
                  <c:v>77.235772357723604</c:v>
                </c:pt>
                <c:pt idx="1048">
                  <c:v>68.902439024390205</c:v>
                </c:pt>
                <c:pt idx="1049">
                  <c:v>57.809330628803203</c:v>
                </c:pt>
                <c:pt idx="1050">
                  <c:v>51.115618661257599</c:v>
                </c:pt>
                <c:pt idx="1051">
                  <c:v>26.977687626774799</c:v>
                </c:pt>
                <c:pt idx="1052">
                  <c:v>36.7139959432049</c:v>
                </c:pt>
                <c:pt idx="1053">
                  <c:v>39.959432048681499</c:v>
                </c:pt>
                <c:pt idx="1054">
                  <c:v>53.955375253549697</c:v>
                </c:pt>
                <c:pt idx="1055">
                  <c:v>47.058823529411796</c:v>
                </c:pt>
                <c:pt idx="1056">
                  <c:v>40.973630831643</c:v>
                </c:pt>
                <c:pt idx="1057">
                  <c:v>45.638945233265702</c:v>
                </c:pt>
                <c:pt idx="1058">
                  <c:v>29.8174442190669</c:v>
                </c:pt>
                <c:pt idx="1059">
                  <c:v>33.468559837728201</c:v>
                </c:pt>
                <c:pt idx="1060">
                  <c:v>40.162271805273797</c:v>
                </c:pt>
                <c:pt idx="1061">
                  <c:v>48.987854251012102</c:v>
                </c:pt>
                <c:pt idx="1062">
                  <c:v>43.724696356275302</c:v>
                </c:pt>
                <c:pt idx="1063">
                  <c:v>47.975708502024297</c:v>
                </c:pt>
                <c:pt idx="1064">
                  <c:v>48.178137651821899</c:v>
                </c:pt>
                <c:pt idx="1065">
                  <c:v>33.400809716599198</c:v>
                </c:pt>
                <c:pt idx="1066">
                  <c:v>39.271255060728699</c:v>
                </c:pt>
                <c:pt idx="1067">
                  <c:v>38.461538461538503</c:v>
                </c:pt>
                <c:pt idx="1068">
                  <c:v>40.485829959514199</c:v>
                </c:pt>
                <c:pt idx="1069">
                  <c:v>47.975708502024297</c:v>
                </c:pt>
                <c:pt idx="1070">
                  <c:v>49.190283400809697</c:v>
                </c:pt>
                <c:pt idx="1071">
                  <c:v>44.1295546558704</c:v>
                </c:pt>
                <c:pt idx="1072">
                  <c:v>49.3927125506073</c:v>
                </c:pt>
                <c:pt idx="1073">
                  <c:v>58.502024291498003</c:v>
                </c:pt>
                <c:pt idx="1074">
                  <c:v>59.514170040485801</c:v>
                </c:pt>
                <c:pt idx="1075">
                  <c:v>60.728744939271301</c:v>
                </c:pt>
                <c:pt idx="1076">
                  <c:v>60.728744939271301</c:v>
                </c:pt>
                <c:pt idx="1077">
                  <c:v>65.182186234817806</c:v>
                </c:pt>
                <c:pt idx="1078">
                  <c:v>67.611336032388706</c:v>
                </c:pt>
                <c:pt idx="1079">
                  <c:v>67.611336032388706</c:v>
                </c:pt>
                <c:pt idx="1080">
                  <c:v>67.813765182186202</c:v>
                </c:pt>
                <c:pt idx="1081">
                  <c:v>72.672064777327904</c:v>
                </c:pt>
                <c:pt idx="1082">
                  <c:v>74.493927125506104</c:v>
                </c:pt>
                <c:pt idx="1083">
                  <c:v>72.469635627530394</c:v>
                </c:pt>
                <c:pt idx="1084">
                  <c:v>71.659919028340099</c:v>
                </c:pt>
                <c:pt idx="1085">
                  <c:v>69.433198380566793</c:v>
                </c:pt>
                <c:pt idx="1086">
                  <c:v>62.753036437246998</c:v>
                </c:pt>
                <c:pt idx="1087">
                  <c:v>66.599190283400802</c:v>
                </c:pt>
                <c:pt idx="1088">
                  <c:v>66.194331983805696</c:v>
                </c:pt>
                <c:pt idx="1089">
                  <c:v>59.716599190283397</c:v>
                </c:pt>
                <c:pt idx="1090">
                  <c:v>64.777327935222701</c:v>
                </c:pt>
                <c:pt idx="1091">
                  <c:v>47.570850202429099</c:v>
                </c:pt>
                <c:pt idx="1092">
                  <c:v>33.198380566801603</c:v>
                </c:pt>
                <c:pt idx="1093">
                  <c:v>38.866396761133601</c:v>
                </c:pt>
                <c:pt idx="1094">
                  <c:v>51.821862348178101</c:v>
                </c:pt>
                <c:pt idx="1095">
                  <c:v>47.773279352226702</c:v>
                </c:pt>
                <c:pt idx="1096">
                  <c:v>31.578947368421101</c:v>
                </c:pt>
                <c:pt idx="1097">
                  <c:v>38.866396761133601</c:v>
                </c:pt>
                <c:pt idx="1098">
                  <c:v>47.165991902834001</c:v>
                </c:pt>
                <c:pt idx="1099">
                  <c:v>59.716599190283397</c:v>
                </c:pt>
                <c:pt idx="1100">
                  <c:v>55.668016194331997</c:v>
                </c:pt>
                <c:pt idx="1101">
                  <c:v>61.7408906882591</c:v>
                </c:pt>
                <c:pt idx="1102">
                  <c:v>60.728744939271301</c:v>
                </c:pt>
                <c:pt idx="1103">
                  <c:v>63.5627530364373</c:v>
                </c:pt>
                <c:pt idx="1104">
                  <c:v>61.538461538461497</c:v>
                </c:pt>
                <c:pt idx="1105">
                  <c:v>64.777327935222701</c:v>
                </c:pt>
                <c:pt idx="1106">
                  <c:v>62.145748987854297</c:v>
                </c:pt>
                <c:pt idx="1107">
                  <c:v>64.17004048583</c:v>
                </c:pt>
                <c:pt idx="1108">
                  <c:v>64.574898785425106</c:v>
                </c:pt>
                <c:pt idx="1109">
                  <c:v>63.5627530364373</c:v>
                </c:pt>
                <c:pt idx="1110">
                  <c:v>62.3481781376518</c:v>
                </c:pt>
                <c:pt idx="1111">
                  <c:v>65.182186234817806</c:v>
                </c:pt>
                <c:pt idx="1112">
                  <c:v>68.218623481781407</c:v>
                </c:pt>
                <c:pt idx="1113">
                  <c:v>63.967611336032398</c:v>
                </c:pt>
                <c:pt idx="1114">
                  <c:v>67.206477732793502</c:v>
                </c:pt>
                <c:pt idx="1115">
                  <c:v>67.408906882591097</c:v>
                </c:pt>
                <c:pt idx="1116">
                  <c:v>65.182186234817806</c:v>
                </c:pt>
                <c:pt idx="1117">
                  <c:v>66.396761133603206</c:v>
                </c:pt>
                <c:pt idx="1118">
                  <c:v>64.17004048583</c:v>
                </c:pt>
                <c:pt idx="1119">
                  <c:v>65.182186234817806</c:v>
                </c:pt>
                <c:pt idx="1120">
                  <c:v>64.777327935222701</c:v>
                </c:pt>
                <c:pt idx="1121">
                  <c:v>63.967611336032398</c:v>
                </c:pt>
                <c:pt idx="1122">
                  <c:v>65.384615384615401</c:v>
                </c:pt>
                <c:pt idx="1123">
                  <c:v>68.016194331983797</c:v>
                </c:pt>
                <c:pt idx="1124">
                  <c:v>71.255060728744894</c:v>
                </c:pt>
                <c:pt idx="1125">
                  <c:v>70.242914979757103</c:v>
                </c:pt>
                <c:pt idx="1126">
                  <c:v>70.040485829959493</c:v>
                </c:pt>
                <c:pt idx="1127">
                  <c:v>69.838056680161898</c:v>
                </c:pt>
                <c:pt idx="1128">
                  <c:v>66.194331983805696</c:v>
                </c:pt>
                <c:pt idx="1129">
                  <c:v>68.016194331983797</c:v>
                </c:pt>
                <c:pt idx="1130">
                  <c:v>70.850202429149803</c:v>
                </c:pt>
                <c:pt idx="1131">
                  <c:v>72.672064777327904</c:v>
                </c:pt>
                <c:pt idx="1132">
                  <c:v>75.101214574898805</c:v>
                </c:pt>
                <c:pt idx="1133">
                  <c:v>72.672064777327904</c:v>
                </c:pt>
                <c:pt idx="1134">
                  <c:v>67.408906882591097</c:v>
                </c:pt>
                <c:pt idx="1135">
                  <c:v>62.3481781376518</c:v>
                </c:pt>
                <c:pt idx="1136">
                  <c:v>67.813765182186202</c:v>
                </c:pt>
                <c:pt idx="1137">
                  <c:v>68.825910931174107</c:v>
                </c:pt>
                <c:pt idx="1138">
                  <c:v>73.076923076923094</c:v>
                </c:pt>
                <c:pt idx="1139">
                  <c:v>70.242914979757103</c:v>
                </c:pt>
                <c:pt idx="1140">
                  <c:v>68.421052631578902</c:v>
                </c:pt>
                <c:pt idx="1141">
                  <c:v>68.623481781376498</c:v>
                </c:pt>
                <c:pt idx="1142">
                  <c:v>73.076923076923094</c:v>
                </c:pt>
                <c:pt idx="1143">
                  <c:v>71.862348178137694</c:v>
                </c:pt>
                <c:pt idx="1144">
                  <c:v>74.898785425101195</c:v>
                </c:pt>
                <c:pt idx="1145">
                  <c:v>75.708502024291505</c:v>
                </c:pt>
                <c:pt idx="1146">
                  <c:v>75.708502024291505</c:v>
                </c:pt>
                <c:pt idx="1147">
                  <c:v>78.744939271255106</c:v>
                </c:pt>
                <c:pt idx="1148">
                  <c:v>81.578947368421098</c:v>
                </c:pt>
                <c:pt idx="1149">
                  <c:v>80.161943319838102</c:v>
                </c:pt>
                <c:pt idx="1150">
                  <c:v>79.959514170040507</c:v>
                </c:pt>
                <c:pt idx="1151">
                  <c:v>81.376518218623502</c:v>
                </c:pt>
                <c:pt idx="1152">
                  <c:v>81.174089068825893</c:v>
                </c:pt>
                <c:pt idx="1153">
                  <c:v>78.542510121457497</c:v>
                </c:pt>
                <c:pt idx="1154">
                  <c:v>81.174089068825893</c:v>
                </c:pt>
                <c:pt idx="1155">
                  <c:v>78.744939271255106</c:v>
                </c:pt>
                <c:pt idx="1156">
                  <c:v>75.9109311740891</c:v>
                </c:pt>
                <c:pt idx="1157">
                  <c:v>73.886639676113404</c:v>
                </c:pt>
                <c:pt idx="1158">
                  <c:v>71.052631578947398</c:v>
                </c:pt>
                <c:pt idx="1159">
                  <c:v>73.076923076923094</c:v>
                </c:pt>
                <c:pt idx="1160">
                  <c:v>76.315789473684205</c:v>
                </c:pt>
                <c:pt idx="1161">
                  <c:v>73.4817813765182</c:v>
                </c:pt>
                <c:pt idx="1162">
                  <c:v>77.530364372469606</c:v>
                </c:pt>
                <c:pt idx="1163">
                  <c:v>75.3036437246964</c:v>
                </c:pt>
                <c:pt idx="1164">
                  <c:v>75.506072874493896</c:v>
                </c:pt>
                <c:pt idx="1165">
                  <c:v>82.186234817813798</c:v>
                </c:pt>
                <c:pt idx="1166">
                  <c:v>83.805668016194304</c:v>
                </c:pt>
                <c:pt idx="1167">
                  <c:v>78.947368421052602</c:v>
                </c:pt>
                <c:pt idx="1168">
                  <c:v>75.506072874493896</c:v>
                </c:pt>
                <c:pt idx="1169">
                  <c:v>76.720647773279396</c:v>
                </c:pt>
                <c:pt idx="1170">
                  <c:v>66.599190283400802</c:v>
                </c:pt>
                <c:pt idx="1171">
                  <c:v>57.287449392712603</c:v>
                </c:pt>
                <c:pt idx="1172">
                  <c:v>61.943319838056702</c:v>
                </c:pt>
                <c:pt idx="1173">
                  <c:v>57.894736842105303</c:v>
                </c:pt>
                <c:pt idx="1174">
                  <c:v>60.121457489878502</c:v>
                </c:pt>
                <c:pt idx="1175">
                  <c:v>47.773279352226702</c:v>
                </c:pt>
                <c:pt idx="1176">
                  <c:v>51.214574898785401</c:v>
                </c:pt>
                <c:pt idx="1177">
                  <c:v>59.514170040485801</c:v>
                </c:pt>
                <c:pt idx="1178">
                  <c:v>68.421052631578902</c:v>
                </c:pt>
                <c:pt idx="1179">
                  <c:v>67.004048582995907</c:v>
                </c:pt>
                <c:pt idx="1180">
                  <c:v>62.9554655870445</c:v>
                </c:pt>
                <c:pt idx="1181">
                  <c:v>64.17004048583</c:v>
                </c:pt>
                <c:pt idx="1182">
                  <c:v>66.599190283400802</c:v>
                </c:pt>
                <c:pt idx="1183">
                  <c:v>70.040485829959493</c:v>
                </c:pt>
                <c:pt idx="1184">
                  <c:v>68.825910931174107</c:v>
                </c:pt>
                <c:pt idx="1185">
                  <c:v>67.813765182186202</c:v>
                </c:pt>
                <c:pt idx="1186">
                  <c:v>63.765182186234803</c:v>
                </c:pt>
                <c:pt idx="1187">
                  <c:v>64.979757085020196</c:v>
                </c:pt>
                <c:pt idx="1188">
                  <c:v>65.182186234817806</c:v>
                </c:pt>
                <c:pt idx="1189">
                  <c:v>59.311740890688299</c:v>
                </c:pt>
                <c:pt idx="1190">
                  <c:v>41.497975708501997</c:v>
                </c:pt>
                <c:pt idx="1191">
                  <c:v>25.101214574898801</c:v>
                </c:pt>
                <c:pt idx="1192">
                  <c:v>22.6720647773279</c:v>
                </c:pt>
                <c:pt idx="1193">
                  <c:v>7.2874493927125501</c:v>
                </c:pt>
                <c:pt idx="1194">
                  <c:v>4.8582995951417001</c:v>
                </c:pt>
                <c:pt idx="1195">
                  <c:v>14.777327935222701</c:v>
                </c:pt>
                <c:pt idx="1196">
                  <c:v>11.538461538461499</c:v>
                </c:pt>
                <c:pt idx="1197">
                  <c:v>29.352226720647799</c:v>
                </c:pt>
                <c:pt idx="1198">
                  <c:v>21.4574898785425</c:v>
                </c:pt>
                <c:pt idx="1199">
                  <c:v>16.1943319838057</c:v>
                </c:pt>
                <c:pt idx="1200">
                  <c:v>5.4655870445344101</c:v>
                </c:pt>
                <c:pt idx="1201">
                  <c:v>9.5141700404858298</c:v>
                </c:pt>
                <c:pt idx="1202">
                  <c:v>4.0485829959514197</c:v>
                </c:pt>
                <c:pt idx="1203">
                  <c:v>1.6194331983805701</c:v>
                </c:pt>
                <c:pt idx="1204">
                  <c:v>4.0485829959514197</c:v>
                </c:pt>
                <c:pt idx="1205">
                  <c:v>2.2267206477732802</c:v>
                </c:pt>
                <c:pt idx="1206">
                  <c:v>4.4534412955465603</c:v>
                </c:pt>
                <c:pt idx="1207">
                  <c:v>4.0485829959514197</c:v>
                </c:pt>
                <c:pt idx="1208">
                  <c:v>2.42914979757085</c:v>
                </c:pt>
                <c:pt idx="1209">
                  <c:v>1.417004048583</c:v>
                </c:pt>
                <c:pt idx="1210">
                  <c:v>1.417004048583</c:v>
                </c:pt>
                <c:pt idx="1211">
                  <c:v>2.0242914979757098</c:v>
                </c:pt>
                <c:pt idx="1212">
                  <c:v>1.6194331983805701</c:v>
                </c:pt>
                <c:pt idx="1213">
                  <c:v>3.8461538461538498</c:v>
                </c:pt>
                <c:pt idx="1214">
                  <c:v>2.2267206477732802</c:v>
                </c:pt>
                <c:pt idx="1215">
                  <c:v>5.6680161943319796</c:v>
                </c:pt>
                <c:pt idx="1216">
                  <c:v>4.8582995951417001</c:v>
                </c:pt>
                <c:pt idx="1217">
                  <c:v>3.4412955465586998</c:v>
                </c:pt>
                <c:pt idx="1218">
                  <c:v>6.07287449392713</c:v>
                </c:pt>
                <c:pt idx="1219">
                  <c:v>5.6680161943319796</c:v>
                </c:pt>
                <c:pt idx="1220">
                  <c:v>12.3481781376518</c:v>
                </c:pt>
                <c:pt idx="1221">
                  <c:v>11.538461538461499</c:v>
                </c:pt>
                <c:pt idx="1222">
                  <c:v>18.8259109311741</c:v>
                </c:pt>
                <c:pt idx="1223">
                  <c:v>24.6963562753036</c:v>
                </c:pt>
                <c:pt idx="1224">
                  <c:v>19.4331983805668</c:v>
                </c:pt>
                <c:pt idx="1225">
                  <c:v>34.008097165991899</c:v>
                </c:pt>
                <c:pt idx="1226">
                  <c:v>26.5182186234818</c:v>
                </c:pt>
                <c:pt idx="1227">
                  <c:v>29.757085020242901</c:v>
                </c:pt>
                <c:pt idx="1228">
                  <c:v>42.510121457489902</c:v>
                </c:pt>
                <c:pt idx="1229">
                  <c:v>34.817813765182201</c:v>
                </c:pt>
                <c:pt idx="1230">
                  <c:v>23.886639676113401</c:v>
                </c:pt>
                <c:pt idx="1231">
                  <c:v>33.805668016194304</c:v>
                </c:pt>
                <c:pt idx="1232">
                  <c:v>34.817813765182201</c:v>
                </c:pt>
                <c:pt idx="1233">
                  <c:v>43.319838056680197</c:v>
                </c:pt>
                <c:pt idx="1234">
                  <c:v>57.085020242915</c:v>
                </c:pt>
                <c:pt idx="1235">
                  <c:v>64.17004048583</c:v>
                </c:pt>
                <c:pt idx="1236">
                  <c:v>78.542510121457497</c:v>
                </c:pt>
                <c:pt idx="1237">
                  <c:v>71.052631578947398</c:v>
                </c:pt>
                <c:pt idx="1238">
                  <c:v>59.109311740890703</c:v>
                </c:pt>
                <c:pt idx="1239">
                  <c:v>58.906882591093101</c:v>
                </c:pt>
                <c:pt idx="1240">
                  <c:v>62.3481781376518</c:v>
                </c:pt>
                <c:pt idx="1241">
                  <c:v>58.299595141700401</c:v>
                </c:pt>
                <c:pt idx="1242">
                  <c:v>68.623481781376498</c:v>
                </c:pt>
                <c:pt idx="1243">
                  <c:v>79.352226720647806</c:v>
                </c:pt>
                <c:pt idx="1244">
                  <c:v>74.493927125506104</c:v>
                </c:pt>
                <c:pt idx="1245">
                  <c:v>65.587044534412996</c:v>
                </c:pt>
                <c:pt idx="1246">
                  <c:v>56.4777327935223</c:v>
                </c:pt>
                <c:pt idx="1247">
                  <c:v>61.943319838056702</c:v>
                </c:pt>
                <c:pt idx="1248">
                  <c:v>63.765182186234803</c:v>
                </c:pt>
                <c:pt idx="1249">
                  <c:v>84.210526315789494</c:v>
                </c:pt>
                <c:pt idx="1250">
                  <c:v>79.149797570850197</c:v>
                </c:pt>
                <c:pt idx="1251">
                  <c:v>84.210526315789494</c:v>
                </c:pt>
                <c:pt idx="1252">
                  <c:v>83.603238866396794</c:v>
                </c:pt>
                <c:pt idx="1253">
                  <c:v>84.412955465587004</c:v>
                </c:pt>
                <c:pt idx="1254">
                  <c:v>90.283400809716596</c:v>
                </c:pt>
                <c:pt idx="1255">
                  <c:v>94.153225806451601</c:v>
                </c:pt>
                <c:pt idx="1256">
                  <c:v>95.9677419354839</c:v>
                </c:pt>
                <c:pt idx="1257">
                  <c:v>96.169354838709694</c:v>
                </c:pt>
                <c:pt idx="1258">
                  <c:v>96.370967741935502</c:v>
                </c:pt>
                <c:pt idx="1259">
                  <c:v>97.177419354838705</c:v>
                </c:pt>
                <c:pt idx="1260">
                  <c:v>96.975806451612897</c:v>
                </c:pt>
                <c:pt idx="1261">
                  <c:v>95.362903225806406</c:v>
                </c:pt>
                <c:pt idx="1262">
                  <c:v>95.9677419354839</c:v>
                </c:pt>
                <c:pt idx="1263">
                  <c:v>97.379032258064498</c:v>
                </c:pt>
                <c:pt idx="1264">
                  <c:v>96.370967741935502</c:v>
                </c:pt>
                <c:pt idx="1265">
                  <c:v>95.362903225806406</c:v>
                </c:pt>
                <c:pt idx="1266">
                  <c:v>76.612903225806406</c:v>
                </c:pt>
                <c:pt idx="1267">
                  <c:v>79.435483870967701</c:v>
                </c:pt>
                <c:pt idx="1268">
                  <c:v>81.653225806451601</c:v>
                </c:pt>
                <c:pt idx="1269">
                  <c:v>88.508064516128997</c:v>
                </c:pt>
                <c:pt idx="1270">
                  <c:v>85.685483870967701</c:v>
                </c:pt>
                <c:pt idx="1271">
                  <c:v>84.475806451612897</c:v>
                </c:pt>
                <c:pt idx="1272">
                  <c:v>77.822580645161295</c:v>
                </c:pt>
                <c:pt idx="1273">
                  <c:v>79.435483870967701</c:v>
                </c:pt>
                <c:pt idx="1274">
                  <c:v>77.822580645161295</c:v>
                </c:pt>
                <c:pt idx="1275">
                  <c:v>58.064516129032299</c:v>
                </c:pt>
                <c:pt idx="1276">
                  <c:v>63.709677419354797</c:v>
                </c:pt>
                <c:pt idx="1277">
                  <c:v>49.596774193548399</c:v>
                </c:pt>
                <c:pt idx="1278">
                  <c:v>62.701612903225801</c:v>
                </c:pt>
                <c:pt idx="1279">
                  <c:v>71.774193548387103</c:v>
                </c:pt>
                <c:pt idx="1280">
                  <c:v>68.548387096774206</c:v>
                </c:pt>
                <c:pt idx="1281">
                  <c:v>70.564516129032299</c:v>
                </c:pt>
                <c:pt idx="1282">
                  <c:v>76.008064516128997</c:v>
                </c:pt>
                <c:pt idx="1283">
                  <c:v>67.137096774193594</c:v>
                </c:pt>
                <c:pt idx="1284">
                  <c:v>65.120967741935502</c:v>
                </c:pt>
                <c:pt idx="1285">
                  <c:v>53.225806451612897</c:v>
                </c:pt>
                <c:pt idx="1286">
                  <c:v>63.508064516128997</c:v>
                </c:pt>
                <c:pt idx="1287">
                  <c:v>60.2822580645161</c:v>
                </c:pt>
                <c:pt idx="1288">
                  <c:v>68.75</c:v>
                </c:pt>
                <c:pt idx="1289">
                  <c:v>81.854838709677395</c:v>
                </c:pt>
                <c:pt idx="1290">
                  <c:v>78.427419354838705</c:v>
                </c:pt>
                <c:pt idx="1291">
                  <c:v>78.225806451612897</c:v>
                </c:pt>
                <c:pt idx="1292">
                  <c:v>73.991935483871003</c:v>
                </c:pt>
                <c:pt idx="1293">
                  <c:v>79.637096774193594</c:v>
                </c:pt>
                <c:pt idx="1294">
                  <c:v>79.838709677419303</c:v>
                </c:pt>
                <c:pt idx="1295">
                  <c:v>79.233870967741893</c:v>
                </c:pt>
                <c:pt idx="1296">
                  <c:v>70.9677419354839</c:v>
                </c:pt>
                <c:pt idx="1297">
                  <c:v>72.177419354838705</c:v>
                </c:pt>
                <c:pt idx="1298">
                  <c:v>66.935483870967701</c:v>
                </c:pt>
                <c:pt idx="1299">
                  <c:v>75.806451612903203</c:v>
                </c:pt>
                <c:pt idx="1300">
                  <c:v>69.354838709677395</c:v>
                </c:pt>
                <c:pt idx="1301">
                  <c:v>66.935483870967701</c:v>
                </c:pt>
                <c:pt idx="1302">
                  <c:v>66.733870967741893</c:v>
                </c:pt>
                <c:pt idx="1303">
                  <c:v>68.548387096774206</c:v>
                </c:pt>
                <c:pt idx="1304">
                  <c:v>71.169354838709694</c:v>
                </c:pt>
                <c:pt idx="1305">
                  <c:v>69.556451612903203</c:v>
                </c:pt>
                <c:pt idx="1306">
                  <c:v>75</c:v>
                </c:pt>
                <c:pt idx="1307">
                  <c:v>80.241935483871003</c:v>
                </c:pt>
                <c:pt idx="1308">
                  <c:v>78.427419354838705</c:v>
                </c:pt>
                <c:pt idx="1309">
                  <c:v>82.056451612903203</c:v>
                </c:pt>
                <c:pt idx="1310">
                  <c:v>79.435483870967701</c:v>
                </c:pt>
                <c:pt idx="1311">
                  <c:v>80.443548387096797</c:v>
                </c:pt>
                <c:pt idx="1312">
                  <c:v>79.435483870967701</c:v>
                </c:pt>
                <c:pt idx="1313">
                  <c:v>76.209677419354804</c:v>
                </c:pt>
                <c:pt idx="1314">
                  <c:v>74.798387096774206</c:v>
                </c:pt>
                <c:pt idx="1315">
                  <c:v>68.548387096774206</c:v>
                </c:pt>
                <c:pt idx="1316">
                  <c:v>66.5322580645161</c:v>
                </c:pt>
                <c:pt idx="1317">
                  <c:v>77.419354838709694</c:v>
                </c:pt>
                <c:pt idx="1318">
                  <c:v>76.209677419354804</c:v>
                </c:pt>
                <c:pt idx="1319">
                  <c:v>76.209677419354804</c:v>
                </c:pt>
                <c:pt idx="1320">
                  <c:v>78.629032258064498</c:v>
                </c:pt>
                <c:pt idx="1321">
                  <c:v>81.854838709677395</c:v>
                </c:pt>
                <c:pt idx="1322">
                  <c:v>77.016129032258107</c:v>
                </c:pt>
                <c:pt idx="1323">
                  <c:v>76.411290322580697</c:v>
                </c:pt>
                <c:pt idx="1324">
                  <c:v>84.274193548387103</c:v>
                </c:pt>
                <c:pt idx="1325">
                  <c:v>72.983870967741893</c:v>
                </c:pt>
                <c:pt idx="1326">
                  <c:v>69.556451612903203</c:v>
                </c:pt>
                <c:pt idx="1327">
                  <c:v>51.911468812877303</c:v>
                </c:pt>
                <c:pt idx="1328">
                  <c:v>62.173038229376303</c:v>
                </c:pt>
                <c:pt idx="1329">
                  <c:v>52.313883299798803</c:v>
                </c:pt>
                <c:pt idx="1330">
                  <c:v>52.313883299798803</c:v>
                </c:pt>
                <c:pt idx="1331">
                  <c:v>61.569416498994002</c:v>
                </c:pt>
                <c:pt idx="1332">
                  <c:v>61.569416498994002</c:v>
                </c:pt>
                <c:pt idx="1333">
                  <c:v>64.386317907444706</c:v>
                </c:pt>
                <c:pt idx="1334">
                  <c:v>57.947686116700197</c:v>
                </c:pt>
                <c:pt idx="1335">
                  <c:v>50.704225352112701</c:v>
                </c:pt>
                <c:pt idx="1336">
                  <c:v>32.595573440643903</c:v>
                </c:pt>
                <c:pt idx="1337">
                  <c:v>37.022132796780703</c:v>
                </c:pt>
                <c:pt idx="1338">
                  <c:v>23.742454728370198</c:v>
                </c:pt>
                <c:pt idx="1339">
                  <c:v>23.541247484909501</c:v>
                </c:pt>
                <c:pt idx="1340">
                  <c:v>32.796780684104597</c:v>
                </c:pt>
                <c:pt idx="1341">
                  <c:v>45.875251509054301</c:v>
                </c:pt>
                <c:pt idx="1342">
                  <c:v>41.851106639839003</c:v>
                </c:pt>
                <c:pt idx="1343">
                  <c:v>45.271629778672001</c:v>
                </c:pt>
                <c:pt idx="1344">
                  <c:v>51.106639839034202</c:v>
                </c:pt>
                <c:pt idx="1345">
                  <c:v>52.716297786720297</c:v>
                </c:pt>
                <c:pt idx="1346">
                  <c:v>63.782696177062398</c:v>
                </c:pt>
                <c:pt idx="1347">
                  <c:v>56.136820925553302</c:v>
                </c:pt>
                <c:pt idx="1348">
                  <c:v>66.800804828973895</c:v>
                </c:pt>
                <c:pt idx="1349">
                  <c:v>73.843058350100605</c:v>
                </c:pt>
                <c:pt idx="1350">
                  <c:v>75.251509054325993</c:v>
                </c:pt>
                <c:pt idx="1351">
                  <c:v>79.8792756539235</c:v>
                </c:pt>
                <c:pt idx="1352">
                  <c:v>75.452716297786694</c:v>
                </c:pt>
                <c:pt idx="1353">
                  <c:v>71.026156941649901</c:v>
                </c:pt>
                <c:pt idx="1354">
                  <c:v>71.428571428571402</c:v>
                </c:pt>
                <c:pt idx="1355">
                  <c:v>70.824949698189101</c:v>
                </c:pt>
                <c:pt idx="1356">
                  <c:v>59.356136820925599</c:v>
                </c:pt>
                <c:pt idx="1357">
                  <c:v>64.386317907444706</c:v>
                </c:pt>
                <c:pt idx="1358">
                  <c:v>63.179074446680097</c:v>
                </c:pt>
                <c:pt idx="1359">
                  <c:v>68.410462776659998</c:v>
                </c:pt>
                <c:pt idx="1360">
                  <c:v>69.416498993963799</c:v>
                </c:pt>
                <c:pt idx="1361">
                  <c:v>53.923541247484899</c:v>
                </c:pt>
                <c:pt idx="1362">
                  <c:v>46.881287726358202</c:v>
                </c:pt>
                <c:pt idx="1363">
                  <c:v>27.5653923541247</c:v>
                </c:pt>
                <c:pt idx="1364">
                  <c:v>34.004024144869199</c:v>
                </c:pt>
                <c:pt idx="1365">
                  <c:v>30.784708249497001</c:v>
                </c:pt>
                <c:pt idx="1366">
                  <c:v>45.472837022132801</c:v>
                </c:pt>
                <c:pt idx="1367">
                  <c:v>55.533199195171001</c:v>
                </c:pt>
                <c:pt idx="1368">
                  <c:v>59.557344064386299</c:v>
                </c:pt>
                <c:pt idx="1369">
                  <c:v>69.416498993963799</c:v>
                </c:pt>
                <c:pt idx="1370">
                  <c:v>67.806841046277697</c:v>
                </c:pt>
                <c:pt idx="1371">
                  <c:v>76.659959758551295</c:v>
                </c:pt>
                <c:pt idx="1372">
                  <c:v>78.873239436619698</c:v>
                </c:pt>
                <c:pt idx="1373">
                  <c:v>84.507042253521107</c:v>
                </c:pt>
                <c:pt idx="1374">
                  <c:v>79.678068410462799</c:v>
                </c:pt>
                <c:pt idx="1375">
                  <c:v>84.909456740442707</c:v>
                </c:pt>
                <c:pt idx="1376">
                  <c:v>86.720321931589496</c:v>
                </c:pt>
                <c:pt idx="1377">
                  <c:v>85.513078470824993</c:v>
                </c:pt>
                <c:pt idx="1378">
                  <c:v>81.488933601609702</c:v>
                </c:pt>
                <c:pt idx="1379">
                  <c:v>81.690140845070403</c:v>
                </c:pt>
                <c:pt idx="1380">
                  <c:v>79.8792756539235</c:v>
                </c:pt>
                <c:pt idx="1381">
                  <c:v>80.885311871227401</c:v>
                </c:pt>
                <c:pt idx="1382">
                  <c:v>80.684104627766601</c:v>
                </c:pt>
                <c:pt idx="1383">
                  <c:v>80.482897384305801</c:v>
                </c:pt>
                <c:pt idx="1384">
                  <c:v>81.891348088531203</c:v>
                </c:pt>
                <c:pt idx="1385">
                  <c:v>82.897384305835004</c:v>
                </c:pt>
                <c:pt idx="1386">
                  <c:v>84.104627766599606</c:v>
                </c:pt>
                <c:pt idx="1387">
                  <c:v>82.293762575452703</c:v>
                </c:pt>
                <c:pt idx="1388">
                  <c:v>79.678068410462799</c:v>
                </c:pt>
                <c:pt idx="1389">
                  <c:v>81.086519114688102</c:v>
                </c:pt>
                <c:pt idx="1390">
                  <c:v>80.684104627766601</c:v>
                </c:pt>
                <c:pt idx="1391">
                  <c:v>80.885311871227401</c:v>
                </c:pt>
                <c:pt idx="1392">
                  <c:v>78.269617706237398</c:v>
                </c:pt>
                <c:pt idx="1393">
                  <c:v>74.245472837022106</c:v>
                </c:pt>
                <c:pt idx="1394">
                  <c:v>74.245472837022106</c:v>
                </c:pt>
                <c:pt idx="1395">
                  <c:v>73.641851106639805</c:v>
                </c:pt>
                <c:pt idx="1396">
                  <c:v>79.476861167001999</c:v>
                </c:pt>
                <c:pt idx="1397">
                  <c:v>79.476861167001999</c:v>
                </c:pt>
                <c:pt idx="1398">
                  <c:v>83.903420523138806</c:v>
                </c:pt>
                <c:pt idx="1399">
                  <c:v>81.488933601609702</c:v>
                </c:pt>
                <c:pt idx="1400">
                  <c:v>79.074446680080499</c:v>
                </c:pt>
                <c:pt idx="1401">
                  <c:v>78.068410462776697</c:v>
                </c:pt>
                <c:pt idx="1402">
                  <c:v>77.665995975855097</c:v>
                </c:pt>
                <c:pt idx="1403">
                  <c:v>80.885311871227401</c:v>
                </c:pt>
                <c:pt idx="1404">
                  <c:v>81.086519114688102</c:v>
                </c:pt>
                <c:pt idx="1405">
                  <c:v>78.672032193158998</c:v>
                </c:pt>
                <c:pt idx="1406">
                  <c:v>80.885311871227401</c:v>
                </c:pt>
                <c:pt idx="1407">
                  <c:v>84.305835010060406</c:v>
                </c:pt>
                <c:pt idx="1408">
                  <c:v>69.8189134808853</c:v>
                </c:pt>
                <c:pt idx="1409">
                  <c:v>73.843058350100605</c:v>
                </c:pt>
                <c:pt idx="1410">
                  <c:v>79.275653923541199</c:v>
                </c:pt>
                <c:pt idx="1411">
                  <c:v>80.2816901408451</c:v>
                </c:pt>
                <c:pt idx="1412">
                  <c:v>81.287726358148902</c:v>
                </c:pt>
                <c:pt idx="1413">
                  <c:v>77.263581488933596</c:v>
                </c:pt>
                <c:pt idx="1414">
                  <c:v>74.849094567404407</c:v>
                </c:pt>
                <c:pt idx="1415">
                  <c:v>75.653923541247494</c:v>
                </c:pt>
                <c:pt idx="1416">
                  <c:v>71.629778672032202</c:v>
                </c:pt>
                <c:pt idx="1417">
                  <c:v>70.623742454728401</c:v>
                </c:pt>
                <c:pt idx="1418">
                  <c:v>70.623742454728401</c:v>
                </c:pt>
                <c:pt idx="1419">
                  <c:v>76.056338028168994</c:v>
                </c:pt>
                <c:pt idx="1420">
                  <c:v>73.641851106639805</c:v>
                </c:pt>
                <c:pt idx="1421">
                  <c:v>68.812877263581498</c:v>
                </c:pt>
                <c:pt idx="1422">
                  <c:v>68.611670020120698</c:v>
                </c:pt>
                <c:pt idx="1423">
                  <c:v>63.380281690140798</c:v>
                </c:pt>
                <c:pt idx="1424">
                  <c:v>42.655935613682097</c:v>
                </c:pt>
                <c:pt idx="1425">
                  <c:v>54.325955734406399</c:v>
                </c:pt>
                <c:pt idx="1426">
                  <c:v>38.229376257545297</c:v>
                </c:pt>
                <c:pt idx="1427">
                  <c:v>46.478873239436602</c:v>
                </c:pt>
                <c:pt idx="1428">
                  <c:v>56.941649899396403</c:v>
                </c:pt>
                <c:pt idx="1429">
                  <c:v>56.941649899396403</c:v>
                </c:pt>
                <c:pt idx="1430">
                  <c:v>66.398390342052295</c:v>
                </c:pt>
                <c:pt idx="1431">
                  <c:v>70.422535211267601</c:v>
                </c:pt>
                <c:pt idx="1432">
                  <c:v>72.837022132796804</c:v>
                </c:pt>
                <c:pt idx="1433">
                  <c:v>72.032193158953703</c:v>
                </c:pt>
                <c:pt idx="1434">
                  <c:v>72.032193158953703</c:v>
                </c:pt>
                <c:pt idx="1435">
                  <c:v>70.623742454728401</c:v>
                </c:pt>
                <c:pt idx="1436">
                  <c:v>71.227364185110702</c:v>
                </c:pt>
                <c:pt idx="1437">
                  <c:v>69.6177062374245</c:v>
                </c:pt>
                <c:pt idx="1438">
                  <c:v>67.871485943775099</c:v>
                </c:pt>
                <c:pt idx="1439">
                  <c:v>68.072289156626496</c:v>
                </c:pt>
                <c:pt idx="1440">
                  <c:v>65.261044176706804</c:v>
                </c:pt>
                <c:pt idx="1441">
                  <c:v>60.843373493975903</c:v>
                </c:pt>
                <c:pt idx="1442">
                  <c:v>62.048192771084302</c:v>
                </c:pt>
                <c:pt idx="1443">
                  <c:v>66.867469879518097</c:v>
                </c:pt>
                <c:pt idx="1444">
                  <c:v>58.032128514056197</c:v>
                </c:pt>
                <c:pt idx="1445">
                  <c:v>53.815261044176701</c:v>
                </c:pt>
                <c:pt idx="1446">
                  <c:v>62.851405622489999</c:v>
                </c:pt>
                <c:pt idx="1447">
                  <c:v>61.445783132530103</c:v>
                </c:pt>
                <c:pt idx="1448">
                  <c:v>55.220883534136497</c:v>
                </c:pt>
                <c:pt idx="1449">
                  <c:v>46.184738955823299</c:v>
                </c:pt>
                <c:pt idx="1450">
                  <c:v>58.835341365461801</c:v>
                </c:pt>
                <c:pt idx="1451">
                  <c:v>62.048192771084302</c:v>
                </c:pt>
                <c:pt idx="1452">
                  <c:v>65.060240963855406</c:v>
                </c:pt>
                <c:pt idx="1453">
                  <c:v>70.080321285140599</c:v>
                </c:pt>
                <c:pt idx="1454">
                  <c:v>71.285140562248998</c:v>
                </c:pt>
                <c:pt idx="1455">
                  <c:v>72.489959839357397</c:v>
                </c:pt>
                <c:pt idx="1456">
                  <c:v>78.112449799196796</c:v>
                </c:pt>
                <c:pt idx="1457">
                  <c:v>78.514056224899605</c:v>
                </c:pt>
                <c:pt idx="1458">
                  <c:v>77.710843373494001</c:v>
                </c:pt>
                <c:pt idx="1459">
                  <c:v>72.489959839357397</c:v>
                </c:pt>
                <c:pt idx="1460">
                  <c:v>72.690763052208794</c:v>
                </c:pt>
                <c:pt idx="1461">
                  <c:v>76.506024096385502</c:v>
                </c:pt>
                <c:pt idx="1462">
                  <c:v>70.080321285140599</c:v>
                </c:pt>
                <c:pt idx="1463">
                  <c:v>68.8755020080321</c:v>
                </c:pt>
                <c:pt idx="1464">
                  <c:v>73.493975903614498</c:v>
                </c:pt>
                <c:pt idx="1465">
                  <c:v>82.530120481927696</c:v>
                </c:pt>
                <c:pt idx="1466">
                  <c:v>80.923694779116502</c:v>
                </c:pt>
                <c:pt idx="1467">
                  <c:v>79.718875502008004</c:v>
                </c:pt>
                <c:pt idx="1468">
                  <c:v>81.1244979919679</c:v>
                </c:pt>
                <c:pt idx="1469">
                  <c:v>86.345381526104404</c:v>
                </c:pt>
                <c:pt idx="1470">
                  <c:v>88.755020080321302</c:v>
                </c:pt>
                <c:pt idx="1471">
                  <c:v>89.156626506024097</c:v>
                </c:pt>
                <c:pt idx="1472">
                  <c:v>86.947791164658597</c:v>
                </c:pt>
                <c:pt idx="1473">
                  <c:v>87.951807228915698</c:v>
                </c:pt>
                <c:pt idx="1474">
                  <c:v>89.156626506024097</c:v>
                </c:pt>
                <c:pt idx="1475">
                  <c:v>89.156626506024097</c:v>
                </c:pt>
                <c:pt idx="1476">
                  <c:v>90.361445783132496</c:v>
                </c:pt>
                <c:pt idx="1477">
                  <c:v>91.967871485943803</c:v>
                </c:pt>
                <c:pt idx="1478">
                  <c:v>92.369477911646598</c:v>
                </c:pt>
                <c:pt idx="1479">
                  <c:v>91.767068273092406</c:v>
                </c:pt>
                <c:pt idx="1480">
                  <c:v>89.156626506024097</c:v>
                </c:pt>
                <c:pt idx="1481">
                  <c:v>79.718875502008004</c:v>
                </c:pt>
                <c:pt idx="1482">
                  <c:v>86.345381526104404</c:v>
                </c:pt>
                <c:pt idx="1483">
                  <c:v>82.730923694779094</c:v>
                </c:pt>
                <c:pt idx="1484">
                  <c:v>87.148594377509994</c:v>
                </c:pt>
                <c:pt idx="1485">
                  <c:v>88.353413654618507</c:v>
                </c:pt>
                <c:pt idx="1486">
                  <c:v>88.152610441767095</c:v>
                </c:pt>
                <c:pt idx="1487">
                  <c:v>87.550200803212803</c:v>
                </c:pt>
                <c:pt idx="1488">
                  <c:v>87.550200803212803</c:v>
                </c:pt>
                <c:pt idx="1489">
                  <c:v>84.136546184739004</c:v>
                </c:pt>
                <c:pt idx="1490">
                  <c:v>84.939759036144594</c:v>
                </c:pt>
                <c:pt idx="1491">
                  <c:v>79.116465863453797</c:v>
                </c:pt>
                <c:pt idx="1492">
                  <c:v>78.714859437751002</c:v>
                </c:pt>
                <c:pt idx="1493">
                  <c:v>79.116465863453797</c:v>
                </c:pt>
                <c:pt idx="1494">
                  <c:v>83.132530120481903</c:v>
                </c:pt>
                <c:pt idx="1495">
                  <c:v>76.907630522088397</c:v>
                </c:pt>
                <c:pt idx="1496">
                  <c:v>74.899598393574294</c:v>
                </c:pt>
                <c:pt idx="1497">
                  <c:v>63.654618473895603</c:v>
                </c:pt>
                <c:pt idx="1498">
                  <c:v>69.477911646586307</c:v>
                </c:pt>
                <c:pt idx="1499">
                  <c:v>75.502008032128501</c:v>
                </c:pt>
                <c:pt idx="1500">
                  <c:v>73.694779116465895</c:v>
                </c:pt>
                <c:pt idx="1501">
                  <c:v>67.871485943775099</c:v>
                </c:pt>
                <c:pt idx="1502">
                  <c:v>63.855421686747</c:v>
                </c:pt>
                <c:pt idx="1503">
                  <c:v>69.678714859437704</c:v>
                </c:pt>
                <c:pt idx="1504">
                  <c:v>68.072289156626496</c:v>
                </c:pt>
                <c:pt idx="1505">
                  <c:v>73.092369477911603</c:v>
                </c:pt>
                <c:pt idx="1506">
                  <c:v>71.485943775100395</c:v>
                </c:pt>
                <c:pt idx="1507">
                  <c:v>73.694779116465895</c:v>
                </c:pt>
                <c:pt idx="1508">
                  <c:v>74.096385542168704</c:v>
                </c:pt>
                <c:pt idx="1509">
                  <c:v>75.702811244979898</c:v>
                </c:pt>
                <c:pt idx="1510">
                  <c:v>70.481927710843394</c:v>
                </c:pt>
                <c:pt idx="1511">
                  <c:v>68.8755020080321</c:v>
                </c:pt>
                <c:pt idx="1512">
                  <c:v>68.273092369477894</c:v>
                </c:pt>
                <c:pt idx="1513">
                  <c:v>70.281124497991996</c:v>
                </c:pt>
                <c:pt idx="1514">
                  <c:v>67.269076305220906</c:v>
                </c:pt>
                <c:pt idx="1515">
                  <c:v>65.060240963855406</c:v>
                </c:pt>
                <c:pt idx="1516">
                  <c:v>61.847389558232898</c:v>
                </c:pt>
                <c:pt idx="1517">
                  <c:v>63.453815261044198</c:v>
                </c:pt>
                <c:pt idx="1518">
                  <c:v>64.859437751003995</c:v>
                </c:pt>
                <c:pt idx="1519">
                  <c:v>62.650602409638601</c:v>
                </c:pt>
                <c:pt idx="1520">
                  <c:v>62.650602409638601</c:v>
                </c:pt>
                <c:pt idx="1521">
                  <c:v>54.819277108433702</c:v>
                </c:pt>
                <c:pt idx="1522">
                  <c:v>45.783132530120497</c:v>
                </c:pt>
                <c:pt idx="1523">
                  <c:v>31.9277108433735</c:v>
                </c:pt>
                <c:pt idx="1524">
                  <c:v>46.586345381526101</c:v>
                </c:pt>
                <c:pt idx="1525">
                  <c:v>45.983935742971902</c:v>
                </c:pt>
                <c:pt idx="1526">
                  <c:v>42.971887550200798</c:v>
                </c:pt>
                <c:pt idx="1527">
                  <c:v>47.188755020080301</c:v>
                </c:pt>
                <c:pt idx="1528">
                  <c:v>53.815261044176701</c:v>
                </c:pt>
                <c:pt idx="1529">
                  <c:v>49.598393574297198</c:v>
                </c:pt>
                <c:pt idx="1530">
                  <c:v>46.787148594377499</c:v>
                </c:pt>
                <c:pt idx="1531">
                  <c:v>49.397590361445801</c:v>
                </c:pt>
                <c:pt idx="1532">
                  <c:v>55.0200803212851</c:v>
                </c:pt>
                <c:pt idx="1533">
                  <c:v>56.024096385542201</c:v>
                </c:pt>
                <c:pt idx="1534">
                  <c:v>49.196787148594403</c:v>
                </c:pt>
                <c:pt idx="1535">
                  <c:v>50.401606425702802</c:v>
                </c:pt>
                <c:pt idx="1536">
                  <c:v>45.783132530120497</c:v>
                </c:pt>
                <c:pt idx="1537">
                  <c:v>56.425702811245003</c:v>
                </c:pt>
                <c:pt idx="1538">
                  <c:v>58.032128514056197</c:v>
                </c:pt>
                <c:pt idx="1539">
                  <c:v>50.602409638554199</c:v>
                </c:pt>
                <c:pt idx="1540">
                  <c:v>50.602409638554199</c:v>
                </c:pt>
                <c:pt idx="1541">
                  <c:v>51.004016064257002</c:v>
                </c:pt>
                <c:pt idx="1542">
                  <c:v>49.397590361445801</c:v>
                </c:pt>
                <c:pt idx="1543">
                  <c:v>38.554216867469897</c:v>
                </c:pt>
                <c:pt idx="1544">
                  <c:v>48.393574297188799</c:v>
                </c:pt>
                <c:pt idx="1545">
                  <c:v>52.409638554216897</c:v>
                </c:pt>
                <c:pt idx="1546">
                  <c:v>48.897795591182401</c:v>
                </c:pt>
                <c:pt idx="1547">
                  <c:v>55.310621242484999</c:v>
                </c:pt>
                <c:pt idx="1548">
                  <c:v>55.110220440881797</c:v>
                </c:pt>
                <c:pt idx="1549">
                  <c:v>56.913827655310598</c:v>
                </c:pt>
                <c:pt idx="1550">
                  <c:v>54.909819639278602</c:v>
                </c:pt>
                <c:pt idx="1551">
                  <c:v>60.721442885771602</c:v>
                </c:pt>
                <c:pt idx="1552">
                  <c:v>57.515030060120203</c:v>
                </c:pt>
                <c:pt idx="1553">
                  <c:v>57.1142284569138</c:v>
                </c:pt>
                <c:pt idx="1554">
                  <c:v>62.725450901803598</c:v>
                </c:pt>
                <c:pt idx="1555">
                  <c:v>54.7094188376754</c:v>
                </c:pt>
                <c:pt idx="1556">
                  <c:v>57.915831663326699</c:v>
                </c:pt>
                <c:pt idx="1557">
                  <c:v>63.527054108216397</c:v>
                </c:pt>
                <c:pt idx="1558">
                  <c:v>61.723446893787603</c:v>
                </c:pt>
                <c:pt idx="1559">
                  <c:v>65.330661322645298</c:v>
                </c:pt>
                <c:pt idx="1560">
                  <c:v>68.136272545090193</c:v>
                </c:pt>
                <c:pt idx="1561">
                  <c:v>68.336673346693402</c:v>
                </c:pt>
                <c:pt idx="1562">
                  <c:v>68.336673346693402</c:v>
                </c:pt>
                <c:pt idx="1563">
                  <c:v>69.939879759519002</c:v>
                </c:pt>
                <c:pt idx="1564">
                  <c:v>64.328657314629297</c:v>
                </c:pt>
                <c:pt idx="1565">
                  <c:v>58.116232464929901</c:v>
                </c:pt>
                <c:pt idx="1566">
                  <c:v>57.1142284569138</c:v>
                </c:pt>
                <c:pt idx="1567">
                  <c:v>60.721442885771602</c:v>
                </c:pt>
                <c:pt idx="1568">
                  <c:v>64.328657314629297</c:v>
                </c:pt>
                <c:pt idx="1569">
                  <c:v>66.933867735470898</c:v>
                </c:pt>
                <c:pt idx="1570">
                  <c:v>69.338677354709404</c:v>
                </c:pt>
                <c:pt idx="1571">
                  <c:v>64.529058116232505</c:v>
                </c:pt>
                <c:pt idx="1572">
                  <c:v>71.342685370741506</c:v>
                </c:pt>
                <c:pt idx="1573">
                  <c:v>70.340681362725405</c:v>
                </c:pt>
                <c:pt idx="1574">
                  <c:v>69.739478957915793</c:v>
                </c:pt>
                <c:pt idx="1575">
                  <c:v>67.334669338677401</c:v>
                </c:pt>
                <c:pt idx="1576">
                  <c:v>70.541082164328699</c:v>
                </c:pt>
                <c:pt idx="1577">
                  <c:v>66.933867735470898</c:v>
                </c:pt>
                <c:pt idx="1578">
                  <c:v>59.719438877755501</c:v>
                </c:pt>
                <c:pt idx="1579">
                  <c:v>59.919839679358702</c:v>
                </c:pt>
                <c:pt idx="1580">
                  <c:v>56.513026052104202</c:v>
                </c:pt>
                <c:pt idx="1581">
                  <c:v>50.501002004008001</c:v>
                </c:pt>
                <c:pt idx="1582">
                  <c:v>55.711422845691402</c:v>
                </c:pt>
                <c:pt idx="1583">
                  <c:v>45.891783567134297</c:v>
                </c:pt>
                <c:pt idx="1584">
                  <c:v>54.509018036072099</c:v>
                </c:pt>
                <c:pt idx="1585">
                  <c:v>50.701402805611202</c:v>
                </c:pt>
                <c:pt idx="1586">
                  <c:v>44.689378757515001</c:v>
                </c:pt>
                <c:pt idx="1587">
                  <c:v>32.064128256513001</c:v>
                </c:pt>
                <c:pt idx="1588">
                  <c:v>30.6613226452906</c:v>
                </c:pt>
                <c:pt idx="1589">
                  <c:v>37.274549098196402</c:v>
                </c:pt>
                <c:pt idx="1590">
                  <c:v>50.100200400801597</c:v>
                </c:pt>
                <c:pt idx="1591">
                  <c:v>48.897795591182401</c:v>
                </c:pt>
                <c:pt idx="1592">
                  <c:v>46.292585170340701</c:v>
                </c:pt>
                <c:pt idx="1593">
                  <c:v>31.8637274549098</c:v>
                </c:pt>
                <c:pt idx="1594">
                  <c:v>33.266533066132297</c:v>
                </c:pt>
                <c:pt idx="1595">
                  <c:v>24.448897795591201</c:v>
                </c:pt>
                <c:pt idx="1596">
                  <c:v>32.064128256513001</c:v>
                </c:pt>
                <c:pt idx="1597">
                  <c:v>29.258517034068099</c:v>
                </c:pt>
                <c:pt idx="1598">
                  <c:v>33.266533066132297</c:v>
                </c:pt>
                <c:pt idx="1599">
                  <c:v>34.4689378757515</c:v>
                </c:pt>
                <c:pt idx="1600">
                  <c:v>41.883767535070099</c:v>
                </c:pt>
                <c:pt idx="1601">
                  <c:v>40.480961923847701</c:v>
                </c:pt>
                <c:pt idx="1602">
                  <c:v>38.6773547094188</c:v>
                </c:pt>
                <c:pt idx="1603">
                  <c:v>39.278557114228498</c:v>
                </c:pt>
                <c:pt idx="1604">
                  <c:v>38.476953907815599</c:v>
                </c:pt>
                <c:pt idx="1605">
                  <c:v>50.701402805611202</c:v>
                </c:pt>
                <c:pt idx="1606">
                  <c:v>54.7094188376754</c:v>
                </c:pt>
                <c:pt idx="1607">
                  <c:v>53.306613226452903</c:v>
                </c:pt>
                <c:pt idx="1608">
                  <c:v>58.517034068136297</c:v>
                </c:pt>
                <c:pt idx="1609">
                  <c:v>64.7294589178357</c:v>
                </c:pt>
                <c:pt idx="1610">
                  <c:v>63.326653306613203</c:v>
                </c:pt>
                <c:pt idx="1611">
                  <c:v>66.733466933867703</c:v>
                </c:pt>
                <c:pt idx="1612">
                  <c:v>66.533066132264494</c:v>
                </c:pt>
                <c:pt idx="1613">
                  <c:v>66.533066132264494</c:v>
                </c:pt>
                <c:pt idx="1614">
                  <c:v>58.116232464929901</c:v>
                </c:pt>
                <c:pt idx="1615">
                  <c:v>64.529058116232505</c:v>
                </c:pt>
                <c:pt idx="1616">
                  <c:v>61.523046092184401</c:v>
                </c:pt>
                <c:pt idx="1617">
                  <c:v>66.933867735470898</c:v>
                </c:pt>
                <c:pt idx="1618">
                  <c:v>68.336673346693402</c:v>
                </c:pt>
                <c:pt idx="1619">
                  <c:v>71.142284569138297</c:v>
                </c:pt>
                <c:pt idx="1620">
                  <c:v>68.136272545090193</c:v>
                </c:pt>
                <c:pt idx="1621">
                  <c:v>73.947895791583207</c:v>
                </c:pt>
                <c:pt idx="1622">
                  <c:v>73.747494989979998</c:v>
                </c:pt>
                <c:pt idx="1623">
                  <c:v>73.146292585170301</c:v>
                </c:pt>
                <c:pt idx="1624">
                  <c:v>73.747494989979998</c:v>
                </c:pt>
                <c:pt idx="1625">
                  <c:v>73.747494989979998</c:v>
                </c:pt>
                <c:pt idx="1626">
                  <c:v>74.148296593186402</c:v>
                </c:pt>
                <c:pt idx="1627">
                  <c:v>75.751503006012001</c:v>
                </c:pt>
                <c:pt idx="1628">
                  <c:v>74.749498997996</c:v>
                </c:pt>
                <c:pt idx="1629">
                  <c:v>69.338677354709404</c:v>
                </c:pt>
                <c:pt idx="1630">
                  <c:v>66.132264529058105</c:v>
                </c:pt>
                <c:pt idx="1631">
                  <c:v>63.126252505010001</c:v>
                </c:pt>
                <c:pt idx="1632">
                  <c:v>64.328657314629297</c:v>
                </c:pt>
                <c:pt idx="1633">
                  <c:v>67.535070140280595</c:v>
                </c:pt>
                <c:pt idx="1634">
                  <c:v>68.336673346693402</c:v>
                </c:pt>
                <c:pt idx="1635">
                  <c:v>51.503006012024002</c:v>
                </c:pt>
                <c:pt idx="1636">
                  <c:v>55.711422845691402</c:v>
                </c:pt>
                <c:pt idx="1637">
                  <c:v>35.470941883767502</c:v>
                </c:pt>
                <c:pt idx="1638">
                  <c:v>28.456913827655299</c:v>
                </c:pt>
                <c:pt idx="1639">
                  <c:v>41.282565130260501</c:v>
                </c:pt>
                <c:pt idx="1640">
                  <c:v>40.681362725450903</c:v>
                </c:pt>
                <c:pt idx="1641">
                  <c:v>49.699398797595201</c:v>
                </c:pt>
                <c:pt idx="1642">
                  <c:v>60.721442885771602</c:v>
                </c:pt>
                <c:pt idx="1643">
                  <c:v>62.525050100200403</c:v>
                </c:pt>
                <c:pt idx="1644">
                  <c:v>55.911823647294597</c:v>
                </c:pt>
                <c:pt idx="1645">
                  <c:v>60.320641282565099</c:v>
                </c:pt>
                <c:pt idx="1646">
                  <c:v>55.911823647294597</c:v>
                </c:pt>
                <c:pt idx="1647">
                  <c:v>50.701402805611202</c:v>
                </c:pt>
                <c:pt idx="1648">
                  <c:v>55.310621242484999</c:v>
                </c:pt>
                <c:pt idx="1649">
                  <c:v>54.509018036072099</c:v>
                </c:pt>
                <c:pt idx="1650">
                  <c:v>48.897795591182401</c:v>
                </c:pt>
                <c:pt idx="1651">
                  <c:v>39.278557114228498</c:v>
                </c:pt>
                <c:pt idx="1652">
                  <c:v>50.701402805611202</c:v>
                </c:pt>
                <c:pt idx="1653">
                  <c:v>55.110220440881797</c:v>
                </c:pt>
                <c:pt idx="1654">
                  <c:v>60.5210420841683</c:v>
                </c:pt>
                <c:pt idx="1655">
                  <c:v>67.134268537074107</c:v>
                </c:pt>
                <c:pt idx="1656">
                  <c:v>70.541082164328699</c:v>
                </c:pt>
                <c:pt idx="1657">
                  <c:v>71.543086172344701</c:v>
                </c:pt>
                <c:pt idx="1658">
                  <c:v>69.338677354709404</c:v>
                </c:pt>
                <c:pt idx="1659">
                  <c:v>69.338677354709404</c:v>
                </c:pt>
                <c:pt idx="1660">
                  <c:v>71.543086172344701</c:v>
                </c:pt>
                <c:pt idx="1661">
                  <c:v>77.154308617234506</c:v>
                </c:pt>
                <c:pt idx="1662">
                  <c:v>66.733466933867703</c:v>
                </c:pt>
                <c:pt idx="1663">
                  <c:v>66.533066132264494</c:v>
                </c:pt>
                <c:pt idx="1664">
                  <c:v>62.525050100200403</c:v>
                </c:pt>
                <c:pt idx="1665">
                  <c:v>57.915831663326699</c:v>
                </c:pt>
                <c:pt idx="1666">
                  <c:v>64.328657314629297</c:v>
                </c:pt>
                <c:pt idx="1667">
                  <c:v>65.731462925851702</c:v>
                </c:pt>
                <c:pt idx="1668">
                  <c:v>61.122244488977898</c:v>
                </c:pt>
                <c:pt idx="1669">
                  <c:v>57.515030060120203</c:v>
                </c:pt>
                <c:pt idx="1670">
                  <c:v>49.699398797595201</c:v>
                </c:pt>
                <c:pt idx="1671">
                  <c:v>44.288577154308598</c:v>
                </c:pt>
                <c:pt idx="1672">
                  <c:v>38.276553106212397</c:v>
                </c:pt>
                <c:pt idx="1673">
                  <c:v>32.865731462925901</c:v>
                </c:pt>
                <c:pt idx="1674">
                  <c:v>32.064128256513001</c:v>
                </c:pt>
                <c:pt idx="1675">
                  <c:v>32.865731462925901</c:v>
                </c:pt>
                <c:pt idx="1676">
                  <c:v>29.458917835671301</c:v>
                </c:pt>
                <c:pt idx="1677">
                  <c:v>28.256513026052101</c:v>
                </c:pt>
                <c:pt idx="1678">
                  <c:v>35.2705410821643</c:v>
                </c:pt>
                <c:pt idx="1679">
                  <c:v>39.4789579158317</c:v>
                </c:pt>
                <c:pt idx="1680">
                  <c:v>41.683366733466897</c:v>
                </c:pt>
                <c:pt idx="1681">
                  <c:v>46.893787575150299</c:v>
                </c:pt>
                <c:pt idx="1682">
                  <c:v>42.685370741482998</c:v>
                </c:pt>
                <c:pt idx="1683">
                  <c:v>40.881763527054098</c:v>
                </c:pt>
                <c:pt idx="1684">
                  <c:v>40.881763527054098</c:v>
                </c:pt>
                <c:pt idx="1685">
                  <c:v>43.687374749499</c:v>
                </c:pt>
                <c:pt idx="1686">
                  <c:v>51.302605210420801</c:v>
                </c:pt>
                <c:pt idx="1687">
                  <c:v>42.084168336673301</c:v>
                </c:pt>
                <c:pt idx="1688">
                  <c:v>38.076152304609202</c:v>
                </c:pt>
                <c:pt idx="1689">
                  <c:v>33.066132264529102</c:v>
                </c:pt>
                <c:pt idx="1690">
                  <c:v>40.681362725450903</c:v>
                </c:pt>
                <c:pt idx="1691">
                  <c:v>42.685370741482998</c:v>
                </c:pt>
                <c:pt idx="1692">
                  <c:v>34.669338677354702</c:v>
                </c:pt>
                <c:pt idx="1693">
                  <c:v>33.6673346693387</c:v>
                </c:pt>
                <c:pt idx="1694">
                  <c:v>30.460921843687402</c:v>
                </c:pt>
                <c:pt idx="1695">
                  <c:v>23.246492985971901</c:v>
                </c:pt>
                <c:pt idx="1696">
                  <c:v>22.845691382765501</c:v>
                </c:pt>
                <c:pt idx="1697">
                  <c:v>40.080160320641298</c:v>
                </c:pt>
                <c:pt idx="1698">
                  <c:v>32.665330661322599</c:v>
                </c:pt>
                <c:pt idx="1699">
                  <c:v>24.8496993987976</c:v>
                </c:pt>
                <c:pt idx="1700">
                  <c:v>36.472945891783603</c:v>
                </c:pt>
                <c:pt idx="1701">
                  <c:v>35.470941883767502</c:v>
                </c:pt>
                <c:pt idx="1702">
                  <c:v>35.871743486973898</c:v>
                </c:pt>
                <c:pt idx="1703">
                  <c:v>30.2605210420842</c:v>
                </c:pt>
                <c:pt idx="1704">
                  <c:v>24.649298597194399</c:v>
                </c:pt>
                <c:pt idx="1705">
                  <c:v>29.458917835671301</c:v>
                </c:pt>
                <c:pt idx="1706">
                  <c:v>29.458917835671301</c:v>
                </c:pt>
                <c:pt idx="1707">
                  <c:v>26.252505010019998</c:v>
                </c:pt>
                <c:pt idx="1708">
                  <c:v>26.252505010019998</c:v>
                </c:pt>
                <c:pt idx="1709">
                  <c:v>33.266533066132297</c:v>
                </c:pt>
                <c:pt idx="1710">
                  <c:v>44.088176352705403</c:v>
                </c:pt>
                <c:pt idx="1711">
                  <c:v>51.703406813627304</c:v>
                </c:pt>
                <c:pt idx="1712">
                  <c:v>57.515030060120203</c:v>
                </c:pt>
                <c:pt idx="1713">
                  <c:v>54.509018036072099</c:v>
                </c:pt>
                <c:pt idx="1714">
                  <c:v>58.717434869739499</c:v>
                </c:pt>
                <c:pt idx="1715">
                  <c:v>49.699398797595201</c:v>
                </c:pt>
                <c:pt idx="1716">
                  <c:v>59.118236472945902</c:v>
                </c:pt>
                <c:pt idx="1717">
                  <c:v>63.527054108216397</c:v>
                </c:pt>
                <c:pt idx="1718">
                  <c:v>66.3326653306613</c:v>
                </c:pt>
                <c:pt idx="1719">
                  <c:v>76.8</c:v>
                </c:pt>
                <c:pt idx="1720">
                  <c:v>70.599999999999994</c:v>
                </c:pt>
                <c:pt idx="1721">
                  <c:v>64.400000000000006</c:v>
                </c:pt>
                <c:pt idx="1722">
                  <c:v>64.599999999999994</c:v>
                </c:pt>
                <c:pt idx="1723">
                  <c:v>67</c:v>
                </c:pt>
                <c:pt idx="1724">
                  <c:v>61.8</c:v>
                </c:pt>
                <c:pt idx="1725">
                  <c:v>56.4</c:v>
                </c:pt>
                <c:pt idx="1726">
                  <c:v>57.8</c:v>
                </c:pt>
                <c:pt idx="1727">
                  <c:v>56.4</c:v>
                </c:pt>
                <c:pt idx="1728">
                  <c:v>52.2</c:v>
                </c:pt>
                <c:pt idx="1729">
                  <c:v>51.4</c:v>
                </c:pt>
                <c:pt idx="1730">
                  <c:v>56.4</c:v>
                </c:pt>
                <c:pt idx="1731">
                  <c:v>53.4</c:v>
                </c:pt>
                <c:pt idx="1732">
                  <c:v>52</c:v>
                </c:pt>
                <c:pt idx="1733">
                  <c:v>61.4</c:v>
                </c:pt>
                <c:pt idx="1734">
                  <c:v>66</c:v>
                </c:pt>
                <c:pt idx="1735">
                  <c:v>59</c:v>
                </c:pt>
                <c:pt idx="1736">
                  <c:v>42.8</c:v>
                </c:pt>
                <c:pt idx="1737">
                  <c:v>42.8</c:v>
                </c:pt>
                <c:pt idx="1738">
                  <c:v>32.200000000000003</c:v>
                </c:pt>
                <c:pt idx="1739">
                  <c:v>35</c:v>
                </c:pt>
                <c:pt idx="1740">
                  <c:v>41.6</c:v>
                </c:pt>
                <c:pt idx="1741">
                  <c:v>27.2</c:v>
                </c:pt>
                <c:pt idx="1742">
                  <c:v>24</c:v>
                </c:pt>
                <c:pt idx="1743">
                  <c:v>28.6</c:v>
                </c:pt>
                <c:pt idx="1744">
                  <c:v>46.8</c:v>
                </c:pt>
                <c:pt idx="1745">
                  <c:v>30.2</c:v>
                </c:pt>
                <c:pt idx="1746">
                  <c:v>27.4</c:v>
                </c:pt>
                <c:pt idx="1747">
                  <c:v>18.8</c:v>
                </c:pt>
                <c:pt idx="1748">
                  <c:v>15.8</c:v>
                </c:pt>
                <c:pt idx="1749">
                  <c:v>14.2</c:v>
                </c:pt>
                <c:pt idx="1750">
                  <c:v>15.4</c:v>
                </c:pt>
                <c:pt idx="1751">
                  <c:v>20.6</c:v>
                </c:pt>
                <c:pt idx="1752">
                  <c:v>21</c:v>
                </c:pt>
                <c:pt idx="1753">
                  <c:v>30.4</c:v>
                </c:pt>
                <c:pt idx="1754">
                  <c:v>15.6</c:v>
                </c:pt>
                <c:pt idx="1755">
                  <c:v>13.6</c:v>
                </c:pt>
                <c:pt idx="1756">
                  <c:v>14</c:v>
                </c:pt>
                <c:pt idx="1757">
                  <c:v>17</c:v>
                </c:pt>
                <c:pt idx="1758">
                  <c:v>20.8</c:v>
                </c:pt>
                <c:pt idx="1759">
                  <c:v>23.8</c:v>
                </c:pt>
                <c:pt idx="1760">
                  <c:v>31</c:v>
                </c:pt>
                <c:pt idx="1761">
                  <c:v>46.2</c:v>
                </c:pt>
                <c:pt idx="1762">
                  <c:v>39.4</c:v>
                </c:pt>
                <c:pt idx="1763">
                  <c:v>32.200000000000003</c:v>
                </c:pt>
                <c:pt idx="1764">
                  <c:v>44.8</c:v>
                </c:pt>
                <c:pt idx="1765">
                  <c:v>37</c:v>
                </c:pt>
                <c:pt idx="1766">
                  <c:v>39.6</c:v>
                </c:pt>
                <c:pt idx="1767">
                  <c:v>49.4</c:v>
                </c:pt>
                <c:pt idx="1768">
                  <c:v>35.6</c:v>
                </c:pt>
                <c:pt idx="1769">
                  <c:v>24.8</c:v>
                </c:pt>
                <c:pt idx="1770">
                  <c:v>12.6</c:v>
                </c:pt>
                <c:pt idx="1771">
                  <c:v>4.8</c:v>
                </c:pt>
                <c:pt idx="1772">
                  <c:v>4.5999999999999996</c:v>
                </c:pt>
                <c:pt idx="1773">
                  <c:v>6</c:v>
                </c:pt>
                <c:pt idx="1774">
                  <c:v>1.8</c:v>
                </c:pt>
                <c:pt idx="1775">
                  <c:v>2</c:v>
                </c:pt>
                <c:pt idx="1776">
                  <c:v>4.8</c:v>
                </c:pt>
                <c:pt idx="1777">
                  <c:v>5.8</c:v>
                </c:pt>
                <c:pt idx="1778">
                  <c:v>10.8</c:v>
                </c:pt>
                <c:pt idx="1779">
                  <c:v>22.8</c:v>
                </c:pt>
                <c:pt idx="1780">
                  <c:v>23.2</c:v>
                </c:pt>
                <c:pt idx="1781">
                  <c:v>15.4</c:v>
                </c:pt>
                <c:pt idx="1782">
                  <c:v>16</c:v>
                </c:pt>
                <c:pt idx="1783">
                  <c:v>16</c:v>
                </c:pt>
                <c:pt idx="1784">
                  <c:v>26.8</c:v>
                </c:pt>
                <c:pt idx="1785">
                  <c:v>24</c:v>
                </c:pt>
                <c:pt idx="1786">
                  <c:v>27.4</c:v>
                </c:pt>
                <c:pt idx="1787">
                  <c:v>32</c:v>
                </c:pt>
                <c:pt idx="1788">
                  <c:v>30.2</c:v>
                </c:pt>
                <c:pt idx="1789">
                  <c:v>28.4</c:v>
                </c:pt>
                <c:pt idx="1790">
                  <c:v>22.6</c:v>
                </c:pt>
                <c:pt idx="1791">
                  <c:v>20.6</c:v>
                </c:pt>
                <c:pt idx="1792">
                  <c:v>19.399999999999999</c:v>
                </c:pt>
                <c:pt idx="1793">
                  <c:v>29</c:v>
                </c:pt>
                <c:pt idx="1794">
                  <c:v>23.2</c:v>
                </c:pt>
                <c:pt idx="1795">
                  <c:v>46.4</c:v>
                </c:pt>
                <c:pt idx="1796">
                  <c:v>52.6</c:v>
                </c:pt>
                <c:pt idx="1797">
                  <c:v>57.4</c:v>
                </c:pt>
                <c:pt idx="1798">
                  <c:v>56.4</c:v>
                </c:pt>
                <c:pt idx="1799">
                  <c:v>60.6</c:v>
                </c:pt>
                <c:pt idx="1800">
                  <c:v>56.2</c:v>
                </c:pt>
                <c:pt idx="1801">
                  <c:v>70.2</c:v>
                </c:pt>
                <c:pt idx="1802">
                  <c:v>76</c:v>
                </c:pt>
                <c:pt idx="1803">
                  <c:v>78</c:v>
                </c:pt>
                <c:pt idx="1804">
                  <c:v>76.8</c:v>
                </c:pt>
                <c:pt idx="1805">
                  <c:v>72.599999999999994</c:v>
                </c:pt>
                <c:pt idx="1806">
                  <c:v>76</c:v>
                </c:pt>
                <c:pt idx="1807">
                  <c:v>74.2</c:v>
                </c:pt>
                <c:pt idx="1808">
                  <c:v>74.2</c:v>
                </c:pt>
                <c:pt idx="1809">
                  <c:v>78.2</c:v>
                </c:pt>
                <c:pt idx="1810">
                  <c:v>76.599999999999994</c:v>
                </c:pt>
                <c:pt idx="1811">
                  <c:v>85.6</c:v>
                </c:pt>
                <c:pt idx="1812">
                  <c:v>88.4</c:v>
                </c:pt>
                <c:pt idx="1813">
                  <c:v>93.2</c:v>
                </c:pt>
                <c:pt idx="1814">
                  <c:v>92</c:v>
                </c:pt>
                <c:pt idx="1815">
                  <c:v>93.2</c:v>
                </c:pt>
                <c:pt idx="1816">
                  <c:v>92.6</c:v>
                </c:pt>
                <c:pt idx="1817">
                  <c:v>92.4</c:v>
                </c:pt>
                <c:pt idx="1818">
                  <c:v>89.8</c:v>
                </c:pt>
                <c:pt idx="1819">
                  <c:v>81</c:v>
                </c:pt>
                <c:pt idx="1820">
                  <c:v>78.599999999999994</c:v>
                </c:pt>
                <c:pt idx="1821">
                  <c:v>80.400000000000006</c:v>
                </c:pt>
                <c:pt idx="1822">
                  <c:v>84.4</c:v>
                </c:pt>
                <c:pt idx="1823">
                  <c:v>64.599999999999994</c:v>
                </c:pt>
                <c:pt idx="1824">
                  <c:v>58.4</c:v>
                </c:pt>
                <c:pt idx="1825">
                  <c:v>49.6</c:v>
                </c:pt>
                <c:pt idx="1826">
                  <c:v>42.8</c:v>
                </c:pt>
                <c:pt idx="1827">
                  <c:v>42.8</c:v>
                </c:pt>
                <c:pt idx="1828">
                  <c:v>35.4</c:v>
                </c:pt>
                <c:pt idx="1829">
                  <c:v>33.4</c:v>
                </c:pt>
                <c:pt idx="1830">
                  <c:v>49.2</c:v>
                </c:pt>
                <c:pt idx="1831">
                  <c:v>54.2</c:v>
                </c:pt>
                <c:pt idx="1832">
                  <c:v>64.8</c:v>
                </c:pt>
                <c:pt idx="1833">
                  <c:v>73</c:v>
                </c:pt>
                <c:pt idx="1834">
                  <c:v>37.6</c:v>
                </c:pt>
                <c:pt idx="1835">
                  <c:v>37.799999999999997</c:v>
                </c:pt>
                <c:pt idx="1836">
                  <c:v>32.799999999999997</c:v>
                </c:pt>
                <c:pt idx="1837">
                  <c:v>24.4</c:v>
                </c:pt>
                <c:pt idx="1838">
                  <c:v>30.2</c:v>
                </c:pt>
                <c:pt idx="1839">
                  <c:v>21.6</c:v>
                </c:pt>
                <c:pt idx="1840">
                  <c:v>14</c:v>
                </c:pt>
                <c:pt idx="1841">
                  <c:v>9.1999999999999993</c:v>
                </c:pt>
                <c:pt idx="1842">
                  <c:v>3.6</c:v>
                </c:pt>
                <c:pt idx="1843">
                  <c:v>2.6</c:v>
                </c:pt>
                <c:pt idx="1844">
                  <c:v>2.8</c:v>
                </c:pt>
                <c:pt idx="1845">
                  <c:v>6.8</c:v>
                </c:pt>
                <c:pt idx="1846">
                  <c:v>5</c:v>
                </c:pt>
                <c:pt idx="1847">
                  <c:v>2.6</c:v>
                </c:pt>
                <c:pt idx="1848">
                  <c:v>7.8</c:v>
                </c:pt>
                <c:pt idx="1849">
                  <c:v>20</c:v>
                </c:pt>
                <c:pt idx="1850">
                  <c:v>20.8</c:v>
                </c:pt>
                <c:pt idx="1851">
                  <c:v>17.2</c:v>
                </c:pt>
                <c:pt idx="1852">
                  <c:v>11</c:v>
                </c:pt>
                <c:pt idx="1853">
                  <c:v>11.8</c:v>
                </c:pt>
                <c:pt idx="1854">
                  <c:v>11.8</c:v>
                </c:pt>
                <c:pt idx="1855">
                  <c:v>10.199999999999999</c:v>
                </c:pt>
                <c:pt idx="1856">
                  <c:v>17.8</c:v>
                </c:pt>
                <c:pt idx="1857">
                  <c:v>10.6</c:v>
                </c:pt>
                <c:pt idx="1858">
                  <c:v>17.8</c:v>
                </c:pt>
                <c:pt idx="1859">
                  <c:v>25</c:v>
                </c:pt>
                <c:pt idx="1860">
                  <c:v>21.6</c:v>
                </c:pt>
                <c:pt idx="1861">
                  <c:v>18.600000000000001</c:v>
                </c:pt>
                <c:pt idx="1862">
                  <c:v>29.4</c:v>
                </c:pt>
                <c:pt idx="1863">
                  <c:v>36.4</c:v>
                </c:pt>
                <c:pt idx="1864">
                  <c:v>47.6</c:v>
                </c:pt>
                <c:pt idx="1865">
                  <c:v>51.2</c:v>
                </c:pt>
                <c:pt idx="1866">
                  <c:v>52.6</c:v>
                </c:pt>
                <c:pt idx="1867">
                  <c:v>65.599999999999994</c:v>
                </c:pt>
                <c:pt idx="1868">
                  <c:v>63.6</c:v>
                </c:pt>
                <c:pt idx="1869">
                  <c:v>64.400000000000006</c:v>
                </c:pt>
                <c:pt idx="1870">
                  <c:v>52</c:v>
                </c:pt>
                <c:pt idx="1871">
                  <c:v>51.2</c:v>
                </c:pt>
                <c:pt idx="1872">
                  <c:v>58.6</c:v>
                </c:pt>
                <c:pt idx="1873">
                  <c:v>63.2</c:v>
                </c:pt>
                <c:pt idx="1874">
                  <c:v>66</c:v>
                </c:pt>
                <c:pt idx="1875">
                  <c:v>59</c:v>
                </c:pt>
                <c:pt idx="1876">
                  <c:v>82.6</c:v>
                </c:pt>
                <c:pt idx="1877">
                  <c:v>82.2</c:v>
                </c:pt>
                <c:pt idx="1878">
                  <c:v>78.400000000000006</c:v>
                </c:pt>
                <c:pt idx="1879">
                  <c:v>82</c:v>
                </c:pt>
                <c:pt idx="1880">
                  <c:v>81.599999999999994</c:v>
                </c:pt>
                <c:pt idx="1881">
                  <c:v>79.400000000000006</c:v>
                </c:pt>
                <c:pt idx="1882">
                  <c:v>83.6</c:v>
                </c:pt>
                <c:pt idx="1883">
                  <c:v>84.2</c:v>
                </c:pt>
                <c:pt idx="1884">
                  <c:v>88.4</c:v>
                </c:pt>
                <c:pt idx="1885">
                  <c:v>90.6</c:v>
                </c:pt>
                <c:pt idx="1886">
                  <c:v>91.2</c:v>
                </c:pt>
                <c:pt idx="1887">
                  <c:v>86.6</c:v>
                </c:pt>
                <c:pt idx="1888">
                  <c:v>87</c:v>
                </c:pt>
                <c:pt idx="1889">
                  <c:v>93.2</c:v>
                </c:pt>
                <c:pt idx="1890">
                  <c:v>91.2</c:v>
                </c:pt>
                <c:pt idx="1891">
                  <c:v>91</c:v>
                </c:pt>
                <c:pt idx="1892">
                  <c:v>83.4</c:v>
                </c:pt>
                <c:pt idx="1893">
                  <c:v>79</c:v>
                </c:pt>
                <c:pt idx="1894">
                  <c:v>79.400000000000006</c:v>
                </c:pt>
                <c:pt idx="1895">
                  <c:v>79</c:v>
                </c:pt>
                <c:pt idx="1896">
                  <c:v>77</c:v>
                </c:pt>
                <c:pt idx="1897">
                  <c:v>81.2</c:v>
                </c:pt>
                <c:pt idx="1898">
                  <c:v>81.400000000000006</c:v>
                </c:pt>
                <c:pt idx="1899">
                  <c:v>78.8</c:v>
                </c:pt>
                <c:pt idx="1900">
                  <c:v>64.599999999999994</c:v>
                </c:pt>
                <c:pt idx="1901">
                  <c:v>55.4</c:v>
                </c:pt>
                <c:pt idx="1902">
                  <c:v>48.2</c:v>
                </c:pt>
                <c:pt idx="1903">
                  <c:v>47.2</c:v>
                </c:pt>
                <c:pt idx="1904">
                  <c:v>58.6</c:v>
                </c:pt>
                <c:pt idx="1905">
                  <c:v>48.6</c:v>
                </c:pt>
                <c:pt idx="1906">
                  <c:v>51.6</c:v>
                </c:pt>
                <c:pt idx="1907">
                  <c:v>52.4</c:v>
                </c:pt>
                <c:pt idx="1908">
                  <c:v>38.200000000000003</c:v>
                </c:pt>
                <c:pt idx="1909">
                  <c:v>50.4</c:v>
                </c:pt>
                <c:pt idx="1910">
                  <c:v>42.8</c:v>
                </c:pt>
                <c:pt idx="1911">
                  <c:v>42.2</c:v>
                </c:pt>
                <c:pt idx="1912">
                  <c:v>51.6</c:v>
                </c:pt>
                <c:pt idx="1913">
                  <c:v>41.4</c:v>
                </c:pt>
                <c:pt idx="1914">
                  <c:v>63.4</c:v>
                </c:pt>
                <c:pt idx="1915">
                  <c:v>62.6</c:v>
                </c:pt>
                <c:pt idx="1916">
                  <c:v>65.599999999999994</c:v>
                </c:pt>
                <c:pt idx="1917">
                  <c:v>75.2</c:v>
                </c:pt>
                <c:pt idx="1918">
                  <c:v>76</c:v>
                </c:pt>
                <c:pt idx="1919">
                  <c:v>76.2</c:v>
                </c:pt>
                <c:pt idx="1920">
                  <c:v>74</c:v>
                </c:pt>
                <c:pt idx="1921">
                  <c:v>55.2</c:v>
                </c:pt>
                <c:pt idx="1922">
                  <c:v>45.8</c:v>
                </c:pt>
                <c:pt idx="1923">
                  <c:v>61</c:v>
                </c:pt>
                <c:pt idx="1924">
                  <c:v>67.400000000000006</c:v>
                </c:pt>
                <c:pt idx="1925">
                  <c:v>67.599999999999994</c:v>
                </c:pt>
                <c:pt idx="1926">
                  <c:v>67.8</c:v>
                </c:pt>
                <c:pt idx="1927">
                  <c:v>71.8</c:v>
                </c:pt>
                <c:pt idx="1928">
                  <c:v>71.599999999999994</c:v>
                </c:pt>
                <c:pt idx="1929">
                  <c:v>66.400000000000006</c:v>
                </c:pt>
                <c:pt idx="1930">
                  <c:v>74</c:v>
                </c:pt>
                <c:pt idx="1931">
                  <c:v>74.8</c:v>
                </c:pt>
                <c:pt idx="1932">
                  <c:v>73.599999999999994</c:v>
                </c:pt>
                <c:pt idx="1933">
                  <c:v>69.599999999999994</c:v>
                </c:pt>
                <c:pt idx="1934">
                  <c:v>67.8</c:v>
                </c:pt>
                <c:pt idx="1935">
                  <c:v>71.400000000000006</c:v>
                </c:pt>
                <c:pt idx="1936">
                  <c:v>68</c:v>
                </c:pt>
                <c:pt idx="1937">
                  <c:v>62.2</c:v>
                </c:pt>
                <c:pt idx="1938">
                  <c:v>66.400000000000006</c:v>
                </c:pt>
                <c:pt idx="1939">
                  <c:v>72.599999999999994</c:v>
                </c:pt>
                <c:pt idx="1940">
                  <c:v>68.599999999999994</c:v>
                </c:pt>
                <c:pt idx="1941">
                  <c:v>68.400000000000006</c:v>
                </c:pt>
                <c:pt idx="1942">
                  <c:v>64</c:v>
                </c:pt>
                <c:pt idx="1943">
                  <c:v>63.6</c:v>
                </c:pt>
                <c:pt idx="1944">
                  <c:v>50</c:v>
                </c:pt>
                <c:pt idx="1945">
                  <c:v>47.7045908183633</c:v>
                </c:pt>
                <c:pt idx="1946">
                  <c:v>50.499001996007998</c:v>
                </c:pt>
                <c:pt idx="1947">
                  <c:v>44.311377245509</c:v>
                </c:pt>
                <c:pt idx="1948">
                  <c:v>44.910179640718603</c:v>
                </c:pt>
                <c:pt idx="1949">
                  <c:v>41.117764471057903</c:v>
                </c:pt>
                <c:pt idx="1950">
                  <c:v>39.121756487025898</c:v>
                </c:pt>
                <c:pt idx="1951">
                  <c:v>42.914171656686598</c:v>
                </c:pt>
                <c:pt idx="1952">
                  <c:v>50.299401197604801</c:v>
                </c:pt>
                <c:pt idx="1953">
                  <c:v>47.7045908183633</c:v>
                </c:pt>
                <c:pt idx="1954">
                  <c:v>35.129740518962102</c:v>
                </c:pt>
                <c:pt idx="1955">
                  <c:v>36.526946107784397</c:v>
                </c:pt>
                <c:pt idx="1956">
                  <c:v>24.750499001996001</c:v>
                </c:pt>
                <c:pt idx="1957">
                  <c:v>16.766467065868301</c:v>
                </c:pt>
                <c:pt idx="1958">
                  <c:v>15.968063872255501</c:v>
                </c:pt>
                <c:pt idx="1959">
                  <c:v>22.1556886227545</c:v>
                </c:pt>
                <c:pt idx="1960">
                  <c:v>18.3632734530938</c:v>
                </c:pt>
                <c:pt idx="1961">
                  <c:v>23.552894211576799</c:v>
                </c:pt>
                <c:pt idx="1962">
                  <c:v>19.760479041916199</c:v>
                </c:pt>
                <c:pt idx="1963">
                  <c:v>24.750499001996001</c:v>
                </c:pt>
                <c:pt idx="1964">
                  <c:v>24.750499001996001</c:v>
                </c:pt>
                <c:pt idx="1965">
                  <c:v>18.7624750499002</c:v>
                </c:pt>
                <c:pt idx="1966">
                  <c:v>18.9620758483034</c:v>
                </c:pt>
                <c:pt idx="1967">
                  <c:v>22.754491017964099</c:v>
                </c:pt>
                <c:pt idx="1968">
                  <c:v>24.351297405189602</c:v>
                </c:pt>
                <c:pt idx="1969">
                  <c:v>25.3493013972056</c:v>
                </c:pt>
                <c:pt idx="1970">
                  <c:v>31.736526946107801</c:v>
                </c:pt>
                <c:pt idx="1971">
                  <c:v>37.5249500998004</c:v>
                </c:pt>
                <c:pt idx="1972">
                  <c:v>49.900199600798402</c:v>
                </c:pt>
                <c:pt idx="1973">
                  <c:v>52.095808383233503</c:v>
                </c:pt>
                <c:pt idx="1974">
                  <c:v>43.313373253492998</c:v>
                </c:pt>
                <c:pt idx="1975">
                  <c:v>43.313373253492998</c:v>
                </c:pt>
                <c:pt idx="1976">
                  <c:v>43.9121756487026</c:v>
                </c:pt>
                <c:pt idx="1977">
                  <c:v>48.902195608782399</c:v>
                </c:pt>
                <c:pt idx="1978">
                  <c:v>52.2954091816367</c:v>
                </c:pt>
                <c:pt idx="1979">
                  <c:v>50.698602794411201</c:v>
                </c:pt>
                <c:pt idx="1980">
                  <c:v>56.287425149700603</c:v>
                </c:pt>
                <c:pt idx="1981">
                  <c:v>54.890219560878201</c:v>
                </c:pt>
                <c:pt idx="1982">
                  <c:v>58.682634730538901</c:v>
                </c:pt>
                <c:pt idx="1983">
                  <c:v>61.876247504989998</c:v>
                </c:pt>
                <c:pt idx="1984">
                  <c:v>60.079840319361303</c:v>
                </c:pt>
                <c:pt idx="1985">
                  <c:v>58.083832335329298</c:v>
                </c:pt>
                <c:pt idx="1986">
                  <c:v>58.483033932135697</c:v>
                </c:pt>
                <c:pt idx="1987">
                  <c:v>60.279441117764499</c:v>
                </c:pt>
                <c:pt idx="1988">
                  <c:v>47.305389221556901</c:v>
                </c:pt>
                <c:pt idx="1989">
                  <c:v>39.321357285429102</c:v>
                </c:pt>
                <c:pt idx="1990">
                  <c:v>52.095808383233503</c:v>
                </c:pt>
                <c:pt idx="1991">
                  <c:v>60.079840319361303</c:v>
                </c:pt>
                <c:pt idx="1992">
                  <c:v>61.277445109780402</c:v>
                </c:pt>
                <c:pt idx="1993">
                  <c:v>48.702594810379203</c:v>
                </c:pt>
                <c:pt idx="1994">
                  <c:v>45.309381237524903</c:v>
                </c:pt>
                <c:pt idx="1995">
                  <c:v>42.714570858283402</c:v>
                </c:pt>
                <c:pt idx="1996">
                  <c:v>52.894211576846303</c:v>
                </c:pt>
                <c:pt idx="1997">
                  <c:v>53.493013972055898</c:v>
                </c:pt>
                <c:pt idx="1998">
                  <c:v>50.099800399201598</c:v>
                </c:pt>
                <c:pt idx="1999">
                  <c:v>49.301397205588799</c:v>
                </c:pt>
                <c:pt idx="2000">
                  <c:v>46.307385229540898</c:v>
                </c:pt>
                <c:pt idx="2001">
                  <c:v>46.706586826347298</c:v>
                </c:pt>
                <c:pt idx="2002">
                  <c:v>47.904191616766497</c:v>
                </c:pt>
                <c:pt idx="2003">
                  <c:v>40.119760479041901</c:v>
                </c:pt>
                <c:pt idx="2004">
                  <c:v>47.105788423153697</c:v>
                </c:pt>
                <c:pt idx="2005">
                  <c:v>49.900199600798402</c:v>
                </c:pt>
                <c:pt idx="2006">
                  <c:v>49.500998003992002</c:v>
                </c:pt>
                <c:pt idx="2007">
                  <c:v>50.299401197604801</c:v>
                </c:pt>
                <c:pt idx="2008">
                  <c:v>39.920159680638697</c:v>
                </c:pt>
                <c:pt idx="2009">
                  <c:v>31.536926147704602</c:v>
                </c:pt>
                <c:pt idx="2010">
                  <c:v>30.339321357285399</c:v>
                </c:pt>
                <c:pt idx="2011">
                  <c:v>34.930139720558898</c:v>
                </c:pt>
                <c:pt idx="2012">
                  <c:v>32.734530938123797</c:v>
                </c:pt>
                <c:pt idx="2013">
                  <c:v>27.345309381237499</c:v>
                </c:pt>
                <c:pt idx="2014">
                  <c:v>33.532934131736504</c:v>
                </c:pt>
                <c:pt idx="2015">
                  <c:v>50.099800399201598</c:v>
                </c:pt>
                <c:pt idx="2016">
                  <c:v>47.7045908183633</c:v>
                </c:pt>
                <c:pt idx="2017">
                  <c:v>50.898203592814397</c:v>
                </c:pt>
                <c:pt idx="2018">
                  <c:v>57.485029940119801</c:v>
                </c:pt>
                <c:pt idx="2019">
                  <c:v>56.487025948103799</c:v>
                </c:pt>
                <c:pt idx="2020">
                  <c:v>56.0878243512974</c:v>
                </c:pt>
                <c:pt idx="2021">
                  <c:v>57.285429141716598</c:v>
                </c:pt>
                <c:pt idx="2022">
                  <c:v>64.071856287425106</c:v>
                </c:pt>
                <c:pt idx="2023">
                  <c:v>63.473053892215603</c:v>
                </c:pt>
                <c:pt idx="2024">
                  <c:v>68.862275449101801</c:v>
                </c:pt>
                <c:pt idx="2025">
                  <c:v>70.059880239520993</c:v>
                </c:pt>
                <c:pt idx="2026">
                  <c:v>63.2734530938124</c:v>
                </c:pt>
                <c:pt idx="2027">
                  <c:v>63.872255489022002</c:v>
                </c:pt>
                <c:pt idx="2028">
                  <c:v>60.079840319361303</c:v>
                </c:pt>
                <c:pt idx="2029">
                  <c:v>53.093812375249499</c:v>
                </c:pt>
                <c:pt idx="2030">
                  <c:v>57.485029940119801</c:v>
                </c:pt>
                <c:pt idx="2031">
                  <c:v>64.670658682634695</c:v>
                </c:pt>
                <c:pt idx="2032">
                  <c:v>62.874251497006</c:v>
                </c:pt>
                <c:pt idx="2033">
                  <c:v>69.860279441117797</c:v>
                </c:pt>
                <c:pt idx="2034">
                  <c:v>74.051896207584804</c:v>
                </c:pt>
                <c:pt idx="2035">
                  <c:v>78.842315369261499</c:v>
                </c:pt>
                <c:pt idx="2036">
                  <c:v>77.844311377245504</c:v>
                </c:pt>
                <c:pt idx="2037">
                  <c:v>73.652694610778397</c:v>
                </c:pt>
                <c:pt idx="2038">
                  <c:v>72.854291417165697</c:v>
                </c:pt>
                <c:pt idx="2039">
                  <c:v>75.449101796407206</c:v>
                </c:pt>
                <c:pt idx="2040">
                  <c:v>81.237524950099797</c:v>
                </c:pt>
                <c:pt idx="2041">
                  <c:v>84.262948207171306</c:v>
                </c:pt>
                <c:pt idx="2042">
                  <c:v>85.6573705179283</c:v>
                </c:pt>
                <c:pt idx="2043">
                  <c:v>83.864541832669303</c:v>
                </c:pt>
                <c:pt idx="2044">
                  <c:v>81.474103585657403</c:v>
                </c:pt>
                <c:pt idx="2045">
                  <c:v>81.075697211155401</c:v>
                </c:pt>
                <c:pt idx="2046">
                  <c:v>85.059760956175296</c:v>
                </c:pt>
                <c:pt idx="2047">
                  <c:v>87.250996015936295</c:v>
                </c:pt>
                <c:pt idx="2048">
                  <c:v>87.649402390438198</c:v>
                </c:pt>
                <c:pt idx="2049">
                  <c:v>88.844621513944205</c:v>
                </c:pt>
                <c:pt idx="2050">
                  <c:v>86.653386454183305</c:v>
                </c:pt>
                <c:pt idx="2051">
                  <c:v>86.254980079681303</c:v>
                </c:pt>
                <c:pt idx="2052">
                  <c:v>79.880478087649394</c:v>
                </c:pt>
                <c:pt idx="2053">
                  <c:v>80.278884462151396</c:v>
                </c:pt>
                <c:pt idx="2054">
                  <c:v>80.677290836653398</c:v>
                </c:pt>
                <c:pt idx="2055">
                  <c:v>78.685258964143401</c:v>
                </c:pt>
                <c:pt idx="2056">
                  <c:v>71.912350597609603</c:v>
                </c:pt>
                <c:pt idx="2057">
                  <c:v>64.143426294820699</c:v>
                </c:pt>
                <c:pt idx="2058">
                  <c:v>58.764940239043803</c:v>
                </c:pt>
                <c:pt idx="2059">
                  <c:v>63.346613545816702</c:v>
                </c:pt>
                <c:pt idx="2060">
                  <c:v>57.968127490039798</c:v>
                </c:pt>
                <c:pt idx="2061">
                  <c:v>55.9760956175299</c:v>
                </c:pt>
                <c:pt idx="2062">
                  <c:v>56.175298804780901</c:v>
                </c:pt>
                <c:pt idx="2063">
                  <c:v>53.386454183266899</c:v>
                </c:pt>
                <c:pt idx="2064">
                  <c:v>53.187250996015898</c:v>
                </c:pt>
                <c:pt idx="2065">
                  <c:v>44.820717131474098</c:v>
                </c:pt>
                <c:pt idx="2066">
                  <c:v>38.844621513944197</c:v>
                </c:pt>
                <c:pt idx="2067">
                  <c:v>32.470119521912402</c:v>
                </c:pt>
                <c:pt idx="2068">
                  <c:v>33.067729083665299</c:v>
                </c:pt>
                <c:pt idx="2069">
                  <c:v>33.067729083665299</c:v>
                </c:pt>
                <c:pt idx="2070">
                  <c:v>30.478087649402401</c:v>
                </c:pt>
                <c:pt idx="2071">
                  <c:v>36.055776892430302</c:v>
                </c:pt>
                <c:pt idx="2072">
                  <c:v>29.482071713147398</c:v>
                </c:pt>
                <c:pt idx="2073">
                  <c:v>32.470119521912402</c:v>
                </c:pt>
                <c:pt idx="2074">
                  <c:v>35.856573705179301</c:v>
                </c:pt>
                <c:pt idx="2075">
                  <c:v>44.0239043824701</c:v>
                </c:pt>
                <c:pt idx="2076">
                  <c:v>45.816733067729103</c:v>
                </c:pt>
                <c:pt idx="2077">
                  <c:v>41.832669322709201</c:v>
                </c:pt>
                <c:pt idx="2078">
                  <c:v>45.418326693227101</c:v>
                </c:pt>
                <c:pt idx="2079">
                  <c:v>35.856573705179301</c:v>
                </c:pt>
                <c:pt idx="2080">
                  <c:v>34.262948207171299</c:v>
                </c:pt>
                <c:pt idx="2081">
                  <c:v>33.466135458167301</c:v>
                </c:pt>
                <c:pt idx="2082">
                  <c:v>33.665338645418302</c:v>
                </c:pt>
                <c:pt idx="2083">
                  <c:v>35.059760956175303</c:v>
                </c:pt>
                <c:pt idx="2084">
                  <c:v>33.665338645418302</c:v>
                </c:pt>
                <c:pt idx="2085">
                  <c:v>32.470119521912402</c:v>
                </c:pt>
                <c:pt idx="2086">
                  <c:v>37.450199203187303</c:v>
                </c:pt>
                <c:pt idx="2087">
                  <c:v>32.669322709163303</c:v>
                </c:pt>
                <c:pt idx="2088">
                  <c:v>33.466135458167301</c:v>
                </c:pt>
                <c:pt idx="2089">
                  <c:v>30.478087649402401</c:v>
                </c:pt>
                <c:pt idx="2090">
                  <c:v>28.087649402390401</c:v>
                </c:pt>
                <c:pt idx="2091">
                  <c:v>18.127490039840598</c:v>
                </c:pt>
                <c:pt idx="2092">
                  <c:v>18.326693227091599</c:v>
                </c:pt>
                <c:pt idx="2093">
                  <c:v>18.924302788844599</c:v>
                </c:pt>
                <c:pt idx="2094">
                  <c:v>13.7450199203187</c:v>
                </c:pt>
                <c:pt idx="2095">
                  <c:v>14.3426294820717</c:v>
                </c:pt>
                <c:pt idx="2096">
                  <c:v>18.725099601593602</c:v>
                </c:pt>
                <c:pt idx="2097">
                  <c:v>14.741035856573699</c:v>
                </c:pt>
              </c:numCache>
            </c:numRef>
          </c:val>
          <c:smooth val="0"/>
          <c:extLst>
            <c:ext xmlns:c16="http://schemas.microsoft.com/office/drawing/2014/chart" uri="{C3380CC4-5D6E-409C-BE32-E72D297353CC}">
              <c16:uniqueId val="{00000000-47E4-493C-9131-3E3B75CE1AB1}"/>
            </c:ext>
          </c:extLst>
        </c:ser>
        <c:dLbls>
          <c:showLegendKey val="0"/>
          <c:showVal val="0"/>
          <c:showCatName val="0"/>
          <c:showSerName val="0"/>
          <c:showPercent val="0"/>
          <c:showBubbleSize val="0"/>
        </c:dLbls>
        <c:smooth val="0"/>
        <c:axId val="1908735808"/>
        <c:axId val="1908734144"/>
      </c:lineChart>
      <c:dateAx>
        <c:axId val="1908735808"/>
        <c:scaling>
          <c:orientation val="minMax"/>
        </c:scaling>
        <c:delete val="0"/>
        <c:axPos val="b"/>
        <c:numFmt formatCode="\'yy" sourceLinked="0"/>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1908734144"/>
        <c:crosses val="autoZero"/>
        <c:auto val="1"/>
        <c:lblOffset val="100"/>
        <c:baseTimeUnit val="days"/>
        <c:majorUnit val="2"/>
        <c:majorTimeUnit val="years"/>
      </c:dateAx>
      <c:valAx>
        <c:axId val="1908734144"/>
        <c:scaling>
          <c:orientation val="minMax"/>
          <c:max val="100"/>
        </c:scaling>
        <c:delete val="0"/>
        <c:axPos val="l"/>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1908735808"/>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w="9525" cap="flat" cmpd="sng" algn="ctr">
      <a:noFill/>
      <a:round/>
    </a:ln>
    <a:effectLst/>
  </c:spPr>
  <c:txPr>
    <a:bodyPr/>
    <a:lstStyle/>
    <a:p>
      <a:pPr>
        <a:defRPr/>
      </a:pPr>
      <a:endParaRPr lang="en-US"/>
    </a:p>
  </c:txPr>
  <c:externalData r:id="rId3">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3.0555555555555555E-2"/>
          <c:y val="5.5555555555555552E-2"/>
          <c:w val="0.93888888888888888"/>
          <c:h val="0.72691455234762326"/>
        </c:manualLayout>
      </c:layout>
      <c:barChart>
        <c:barDir val="col"/>
        <c:grouping val="clustered"/>
        <c:varyColors val="0"/>
        <c:ser>
          <c:idx val="0"/>
          <c:order val="0"/>
          <c:spPr>
            <a:solidFill>
              <a:schemeClr val="accent1"/>
            </a:soli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1100" b="0" i="0" u="none" strike="noStrike" kern="1200" baseline="0">
                    <a:solidFill>
                      <a:srgbClr val="231F20"/>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multiLvlStrRef>
              <c:f>'[Q3.2023 Market Outlook.xlsx]Net Margin'!$B$2:$E$3</c:f>
              <c:multiLvlStrCache>
                <c:ptCount val="4"/>
                <c:lvl>
                  <c:pt idx="0">
                    <c:v>Pre-COVID</c:v>
                  </c:pt>
                  <c:pt idx="1">
                    <c:v>Current</c:v>
                  </c:pt>
                  <c:pt idx="2">
                    <c:v>Pre-COVID</c:v>
                  </c:pt>
                  <c:pt idx="3">
                    <c:v>Current</c:v>
                  </c:pt>
                </c:lvl>
                <c:lvl>
                  <c:pt idx="0">
                    <c:v>S&amp;P 100</c:v>
                  </c:pt>
                  <c:pt idx="2">
                    <c:v>S&amp;P 600</c:v>
                  </c:pt>
                </c:lvl>
              </c:multiLvlStrCache>
            </c:multiLvlStrRef>
          </c:cat>
          <c:val>
            <c:numRef>
              <c:f>'[Q3.2023 Market Outlook.xlsx]Net Margin'!$B$4:$E$4</c:f>
              <c:numCache>
                <c:formatCode>0.0</c:formatCode>
                <c:ptCount val="4"/>
                <c:pt idx="0">
                  <c:v>13.27</c:v>
                </c:pt>
                <c:pt idx="1">
                  <c:v>15.28</c:v>
                </c:pt>
                <c:pt idx="2">
                  <c:v>5.9</c:v>
                </c:pt>
                <c:pt idx="3">
                  <c:v>7.72</c:v>
                </c:pt>
              </c:numCache>
            </c:numRef>
          </c:val>
          <c:extLst>
            <c:ext xmlns:c16="http://schemas.microsoft.com/office/drawing/2014/chart" uri="{C3380CC4-5D6E-409C-BE32-E72D297353CC}">
              <c16:uniqueId val="{00000000-E891-4E20-BBB0-FEB06709E947}"/>
            </c:ext>
          </c:extLst>
        </c:ser>
        <c:dLbls>
          <c:dLblPos val="outEnd"/>
          <c:showLegendKey val="0"/>
          <c:showVal val="1"/>
          <c:showCatName val="0"/>
          <c:showSerName val="0"/>
          <c:showPercent val="0"/>
          <c:showBubbleSize val="0"/>
        </c:dLbls>
        <c:gapWidth val="219"/>
        <c:axId val="1034258863"/>
        <c:axId val="740807008"/>
      </c:barChart>
      <c:catAx>
        <c:axId val="1034258863"/>
        <c:scaling>
          <c:orientation val="minMax"/>
        </c:scaling>
        <c:delete val="0"/>
        <c:axPos val="b"/>
        <c:numFmt formatCode="General" sourceLinked="1"/>
        <c:majorTickMark val="none"/>
        <c:minorTickMark val="none"/>
        <c:tickLblPos val="nextTo"/>
        <c:spPr>
          <a:noFill/>
          <a:ln w="9525" cap="flat" cmpd="sng" algn="ctr">
            <a:solidFill>
              <a:schemeClr val="tx1"/>
            </a:solidFill>
            <a:round/>
          </a:ln>
          <a:effectLst/>
        </c:spPr>
        <c:txPr>
          <a:bodyPr rot="-60000000" spcFirstLastPara="1" vertOverflow="ellipsis" vert="horz" wrap="square" anchor="ctr" anchorCtr="1"/>
          <a:lstStyle/>
          <a:p>
            <a:pPr>
              <a:defRPr sz="1100" b="0" i="0" u="none" strike="noStrike" kern="1200" baseline="0">
                <a:solidFill>
                  <a:sysClr val="windowText" lastClr="000000"/>
                </a:solidFill>
                <a:latin typeface="+mn-lt"/>
                <a:ea typeface="+mn-ea"/>
                <a:cs typeface="+mn-cs"/>
              </a:defRPr>
            </a:pPr>
            <a:endParaRPr lang="en-US"/>
          </a:p>
        </c:txPr>
        <c:crossAx val="740807008"/>
        <c:crosses val="autoZero"/>
        <c:auto val="1"/>
        <c:lblAlgn val="ctr"/>
        <c:lblOffset val="100"/>
        <c:noMultiLvlLbl val="0"/>
      </c:catAx>
      <c:valAx>
        <c:axId val="740807008"/>
        <c:scaling>
          <c:orientation val="minMax"/>
        </c:scaling>
        <c:delete val="1"/>
        <c:axPos val="l"/>
        <c:numFmt formatCode="0" sourceLinked="0"/>
        <c:majorTickMark val="none"/>
        <c:minorTickMark val="none"/>
        <c:tickLblPos val="nextTo"/>
        <c:crossAx val="1034258863"/>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1"/>
          <c:order val="0"/>
          <c:tx>
            <c:v>Top 10 Holdings</c:v>
          </c:tx>
          <c:spPr>
            <a:solidFill>
              <a:schemeClr val="accent2"/>
            </a:solidFill>
            <a:ln>
              <a:noFill/>
            </a:ln>
            <a:effectLst/>
          </c:spPr>
          <c:invertIfNegative val="0"/>
          <c:cat>
            <c:numRef>
              <c:f>'[Q3.2023 Market Outlook.xlsx]S&amp;P 500 Holdings'!$B$16:$B$25</c:f>
              <c:numCache>
                <c:formatCode>General</c:formatCode>
                <c:ptCount val="10"/>
                <c:pt idx="0">
                  <c:v>1980</c:v>
                </c:pt>
                <c:pt idx="1">
                  <c:v>1985</c:v>
                </c:pt>
                <c:pt idx="2">
                  <c:v>1990</c:v>
                </c:pt>
                <c:pt idx="3">
                  <c:v>1995</c:v>
                </c:pt>
                <c:pt idx="4">
                  <c:v>2000</c:v>
                </c:pt>
                <c:pt idx="5">
                  <c:v>2005</c:v>
                </c:pt>
                <c:pt idx="6">
                  <c:v>2010</c:v>
                </c:pt>
                <c:pt idx="7">
                  <c:v>2015</c:v>
                </c:pt>
                <c:pt idx="8">
                  <c:v>2020</c:v>
                </c:pt>
                <c:pt idx="9">
                  <c:v>2023</c:v>
                </c:pt>
              </c:numCache>
            </c:numRef>
          </c:cat>
          <c:val>
            <c:numRef>
              <c:f>'[Q3.2023 Market Outlook.xlsx]S&amp;P 500 Holdings'!$C$16:$C$25</c:f>
              <c:numCache>
                <c:formatCode>0.00%</c:formatCode>
                <c:ptCount val="10"/>
                <c:pt idx="0">
                  <c:v>0.25600000000000001</c:v>
                </c:pt>
                <c:pt idx="1">
                  <c:v>0.19800000000000001</c:v>
                </c:pt>
                <c:pt idx="2">
                  <c:v>0.2</c:v>
                </c:pt>
                <c:pt idx="3">
                  <c:v>0.17699999999999999</c:v>
                </c:pt>
                <c:pt idx="4">
                  <c:v>0.23499999999999999</c:v>
                </c:pt>
                <c:pt idx="5">
                  <c:v>0.20399999999999999</c:v>
                </c:pt>
                <c:pt idx="6">
                  <c:v>0.186</c:v>
                </c:pt>
                <c:pt idx="7">
                  <c:v>0.191</c:v>
                </c:pt>
                <c:pt idx="8">
                  <c:v>0.248</c:v>
                </c:pt>
                <c:pt idx="9">
                  <c:v>0.30599999999999999</c:v>
                </c:pt>
              </c:numCache>
            </c:numRef>
          </c:val>
          <c:extLst>
            <c:ext xmlns:c16="http://schemas.microsoft.com/office/drawing/2014/chart" uri="{C3380CC4-5D6E-409C-BE32-E72D297353CC}">
              <c16:uniqueId val="{00000000-6464-486B-82C6-A52344C91222}"/>
            </c:ext>
          </c:extLst>
        </c:ser>
        <c:dLbls>
          <c:showLegendKey val="0"/>
          <c:showVal val="0"/>
          <c:showCatName val="0"/>
          <c:showSerName val="0"/>
          <c:showPercent val="0"/>
          <c:showBubbleSize val="0"/>
        </c:dLbls>
        <c:gapWidth val="219"/>
        <c:overlap val="-27"/>
        <c:axId val="1541853552"/>
        <c:axId val="668030879"/>
      </c:barChart>
      <c:catAx>
        <c:axId val="1541853552"/>
        <c:scaling>
          <c:orientation val="minMax"/>
        </c:scaling>
        <c:delete val="0"/>
        <c:axPos val="b"/>
        <c:numFmt formatCode="General" sourceLinked="1"/>
        <c:majorTickMark val="none"/>
        <c:minorTickMark val="none"/>
        <c:tickLblPos val="nextTo"/>
        <c:spPr>
          <a:noFill/>
          <a:ln w="9525" cap="flat" cmpd="sng" algn="ctr">
            <a:solidFill>
              <a:schemeClr val="tx1"/>
            </a:solidFill>
            <a:round/>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668030879"/>
        <c:crosses val="autoZero"/>
        <c:auto val="1"/>
        <c:lblAlgn val="ctr"/>
        <c:lblOffset val="100"/>
        <c:noMultiLvlLbl val="0"/>
      </c:catAx>
      <c:valAx>
        <c:axId val="668030879"/>
        <c:scaling>
          <c:orientation val="minMax"/>
        </c:scaling>
        <c:delete val="0"/>
        <c:axPos val="l"/>
        <c:numFmt formatCode="0%" sourceLinked="0"/>
        <c:majorTickMark val="none"/>
        <c:minorTickMark val="none"/>
        <c:tickLblPos val="nextTo"/>
        <c:spPr>
          <a:noFill/>
          <a:ln>
            <a:noFill/>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1541853552"/>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bar"/>
        <c:grouping val="clustered"/>
        <c:varyColors val="0"/>
        <c:ser>
          <c:idx val="0"/>
          <c:order val="0"/>
          <c:tx>
            <c:strRef>
              <c:f>'[Q3.2023 Market Outlook.xlsx]S&amp;P &amp; S&amp;P Equal Weighted Sector'!$C$2</c:f>
              <c:strCache>
                <c:ptCount val="1"/>
                <c:pt idx="0">
                  <c:v>S&amp;P 500 Equal Weighted</c:v>
                </c:pt>
              </c:strCache>
            </c:strRef>
          </c:tx>
          <c:spPr>
            <a:solidFill>
              <a:schemeClr val="accent1"/>
            </a:solidFill>
            <a:ln>
              <a:noFill/>
            </a:ln>
            <a:effectLst/>
          </c:spPr>
          <c:invertIfNegative val="0"/>
          <c:cat>
            <c:strRef>
              <c:f>'[5]S&amp;P &amp; S&amp;P Equal Weighted Sector'!$B$3:$B$13</c:f>
              <c:strCache>
                <c:ptCount val="11"/>
                <c:pt idx="0">
                  <c:v>Utilites</c:v>
                </c:pt>
                <c:pt idx="1">
                  <c:v>Consumer Staples</c:v>
                </c:pt>
                <c:pt idx="2">
                  <c:v>Real Estate</c:v>
                </c:pt>
                <c:pt idx="3">
                  <c:v>Healthcare</c:v>
                </c:pt>
                <c:pt idx="4">
                  <c:v>Financials </c:v>
                </c:pt>
                <c:pt idx="5">
                  <c:v>Energy</c:v>
                </c:pt>
                <c:pt idx="6">
                  <c:v>Materials </c:v>
                </c:pt>
                <c:pt idx="7">
                  <c:v>Industrials </c:v>
                </c:pt>
                <c:pt idx="8">
                  <c:v>Consumer Discretionary</c:v>
                </c:pt>
                <c:pt idx="9">
                  <c:v>Information Technology</c:v>
                </c:pt>
                <c:pt idx="10">
                  <c:v>Communication Services</c:v>
                </c:pt>
              </c:strCache>
            </c:strRef>
          </c:cat>
          <c:val>
            <c:numRef>
              <c:f>'[5]S&amp;P &amp; S&amp;P Equal Weighted Sector'!$C$3:$C$13</c:f>
              <c:numCache>
                <c:formatCode>0.0</c:formatCode>
                <c:ptCount val="11"/>
                <c:pt idx="0">
                  <c:v>-13.2491252422983</c:v>
                </c:pt>
                <c:pt idx="1">
                  <c:v>-13.3913978833582</c:v>
                </c:pt>
                <c:pt idx="2">
                  <c:v>-6.3248443528261999</c:v>
                </c:pt>
                <c:pt idx="3">
                  <c:v>-4.40580884366093</c:v>
                </c:pt>
                <c:pt idx="4">
                  <c:v>-8.7437657026787097</c:v>
                </c:pt>
                <c:pt idx="5">
                  <c:v>3.59724004931206</c:v>
                </c:pt>
                <c:pt idx="6">
                  <c:v>-2.31413429225936</c:v>
                </c:pt>
                <c:pt idx="7">
                  <c:v>7.8957381216306901</c:v>
                </c:pt>
                <c:pt idx="8">
                  <c:v>5.9082246458225898</c:v>
                </c:pt>
                <c:pt idx="9">
                  <c:v>17.427928438528401</c:v>
                </c:pt>
                <c:pt idx="10">
                  <c:v>8.4264088870824096</c:v>
                </c:pt>
              </c:numCache>
            </c:numRef>
          </c:val>
          <c:extLst>
            <c:ext xmlns:c16="http://schemas.microsoft.com/office/drawing/2014/chart" uri="{C3380CC4-5D6E-409C-BE32-E72D297353CC}">
              <c16:uniqueId val="{00000000-9823-4618-ADFA-7D5EAB93CF94}"/>
            </c:ext>
          </c:extLst>
        </c:ser>
        <c:ser>
          <c:idx val="1"/>
          <c:order val="1"/>
          <c:tx>
            <c:strRef>
              <c:f>'[Q3.2023 Market Outlook.xlsx]S&amp;P &amp; S&amp;P Equal Weighted Sector'!$D$2</c:f>
              <c:strCache>
                <c:ptCount val="1"/>
                <c:pt idx="0">
                  <c:v>S&amp;P 500</c:v>
                </c:pt>
              </c:strCache>
            </c:strRef>
          </c:tx>
          <c:spPr>
            <a:solidFill>
              <a:schemeClr val="accent2"/>
            </a:solidFill>
            <a:ln>
              <a:noFill/>
            </a:ln>
            <a:effectLst/>
          </c:spPr>
          <c:invertIfNegative val="0"/>
          <c:cat>
            <c:strRef>
              <c:f>'[5]S&amp;P &amp; S&amp;P Equal Weighted Sector'!$B$3:$B$13</c:f>
              <c:strCache>
                <c:ptCount val="11"/>
                <c:pt idx="0">
                  <c:v>Utilites</c:v>
                </c:pt>
                <c:pt idx="1">
                  <c:v>Consumer Staples</c:v>
                </c:pt>
                <c:pt idx="2">
                  <c:v>Real Estate</c:v>
                </c:pt>
                <c:pt idx="3">
                  <c:v>Healthcare</c:v>
                </c:pt>
                <c:pt idx="4">
                  <c:v>Financials </c:v>
                </c:pt>
                <c:pt idx="5">
                  <c:v>Energy</c:v>
                </c:pt>
                <c:pt idx="6">
                  <c:v>Materials </c:v>
                </c:pt>
                <c:pt idx="7">
                  <c:v>Industrials </c:v>
                </c:pt>
                <c:pt idx="8">
                  <c:v>Consumer Discretionary</c:v>
                </c:pt>
                <c:pt idx="9">
                  <c:v>Information Technology</c:v>
                </c:pt>
                <c:pt idx="10">
                  <c:v>Communication Services</c:v>
                </c:pt>
              </c:strCache>
            </c:strRef>
          </c:cat>
          <c:val>
            <c:numRef>
              <c:f>'[5]S&amp;P &amp; S&amp;P Equal Weighted Sector'!$D$3:$D$13</c:f>
              <c:numCache>
                <c:formatCode>0.0</c:formatCode>
                <c:ptCount val="11"/>
                <c:pt idx="0">
                  <c:v>-17.5212573361278</c:v>
                </c:pt>
                <c:pt idx="1">
                  <c:v>-8.27990945820906</c:v>
                </c:pt>
                <c:pt idx="2">
                  <c:v>-7.6435349698867903</c:v>
                </c:pt>
                <c:pt idx="3">
                  <c:v>-3.5475809367296001</c:v>
                </c:pt>
                <c:pt idx="4">
                  <c:v>-2.5133062535653901</c:v>
                </c:pt>
                <c:pt idx="5">
                  <c:v>-0.48020241856625601</c:v>
                </c:pt>
                <c:pt idx="6">
                  <c:v>1.3741945195626699</c:v>
                </c:pt>
                <c:pt idx="7">
                  <c:v>3.4808967921215102</c:v>
                </c:pt>
                <c:pt idx="8">
                  <c:v>26.055691651147999</c:v>
                </c:pt>
                <c:pt idx="9">
                  <c:v>38.408793944471</c:v>
                </c:pt>
                <c:pt idx="10">
                  <c:v>44.589286141855602</c:v>
                </c:pt>
              </c:numCache>
            </c:numRef>
          </c:val>
          <c:extLst>
            <c:ext xmlns:c16="http://schemas.microsoft.com/office/drawing/2014/chart" uri="{C3380CC4-5D6E-409C-BE32-E72D297353CC}">
              <c16:uniqueId val="{00000001-9823-4618-ADFA-7D5EAB93CF94}"/>
            </c:ext>
          </c:extLst>
        </c:ser>
        <c:dLbls>
          <c:showLegendKey val="0"/>
          <c:showVal val="0"/>
          <c:showCatName val="0"/>
          <c:showSerName val="0"/>
          <c:showPercent val="0"/>
          <c:showBubbleSize val="0"/>
        </c:dLbls>
        <c:gapWidth val="30"/>
        <c:axId val="642868736"/>
        <c:axId val="642873056"/>
      </c:barChart>
      <c:catAx>
        <c:axId val="642868736"/>
        <c:scaling>
          <c:orientation val="minMax"/>
        </c:scaling>
        <c:delete val="0"/>
        <c:axPos val="l"/>
        <c:numFmt formatCode="General" sourceLinked="1"/>
        <c:majorTickMark val="cross"/>
        <c:minorTickMark val="out"/>
        <c:tickLblPos val="low"/>
        <c:spPr>
          <a:noFill/>
          <a:ln w="9525" cap="flat" cmpd="sng" algn="ctr">
            <a:solidFill>
              <a:schemeClr val="tx1"/>
            </a:solidFill>
            <a:round/>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642873056"/>
        <c:crosses val="autoZero"/>
        <c:auto val="1"/>
        <c:lblAlgn val="ctr"/>
        <c:lblOffset val="100"/>
        <c:noMultiLvlLbl val="0"/>
      </c:catAx>
      <c:valAx>
        <c:axId val="642873056"/>
        <c:scaling>
          <c:orientation val="minMax"/>
        </c:scaling>
        <c:delete val="0"/>
        <c:axPos val="b"/>
        <c:numFmt formatCode="0" sourceLinked="0"/>
        <c:majorTickMark val="none"/>
        <c:minorTickMark val="none"/>
        <c:tickLblPos val="nextTo"/>
        <c:spPr>
          <a:noFill/>
          <a:ln>
            <a:noFill/>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642868736"/>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solidFill>
      <a:schemeClr val="bg1"/>
    </a:solidFill>
    <a:ln w="9525" cap="flat" cmpd="sng" algn="ctr">
      <a:noFill/>
      <a:round/>
    </a:ln>
    <a:effectLst/>
  </c:spPr>
  <c:txPr>
    <a:bodyPr/>
    <a:lstStyle/>
    <a:p>
      <a:pPr>
        <a:defRPr/>
      </a:pPr>
      <a:endParaRPr lang="en-US"/>
    </a:p>
  </c:txPr>
  <c:externalData r:id="rId3">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4151934433676561"/>
          <c:y val="2.8236921773667181E-2"/>
          <c:w val="0.85848065566323439"/>
          <c:h val="0.85696579594217392"/>
        </c:manualLayout>
      </c:layout>
      <c:barChart>
        <c:barDir val="col"/>
        <c:grouping val="clustered"/>
        <c:varyColors val="0"/>
        <c:ser>
          <c:idx val="1"/>
          <c:order val="0"/>
          <c:spPr>
            <a:solidFill>
              <a:srgbClr val="233746"/>
            </a:solidFill>
            <a:ln>
              <a:noFill/>
            </a:ln>
            <a:effectLst/>
          </c:spPr>
          <c:invertIfNegative val="0"/>
          <c:dPt>
            <c:idx val="5"/>
            <c:invertIfNegative val="0"/>
            <c:bubble3D val="0"/>
            <c:spPr>
              <a:solidFill>
                <a:srgbClr val="C09A4F"/>
              </a:solidFill>
              <a:ln>
                <a:noFill/>
              </a:ln>
              <a:effectLst/>
            </c:spPr>
            <c:extLst>
              <c:ext xmlns:c16="http://schemas.microsoft.com/office/drawing/2014/chart" uri="{C3380CC4-5D6E-409C-BE32-E72D297353CC}">
                <c16:uniqueId val="{00000001-7E8A-48F0-B3EF-2DB6F9EDFCE7}"/>
              </c:ext>
            </c:extLst>
          </c:dPt>
          <c:dPt>
            <c:idx val="6"/>
            <c:invertIfNegative val="0"/>
            <c:bubble3D val="0"/>
            <c:spPr>
              <a:solidFill>
                <a:srgbClr val="C09A4F"/>
              </a:solidFill>
              <a:ln>
                <a:noFill/>
              </a:ln>
              <a:effectLst/>
            </c:spPr>
            <c:extLst>
              <c:ext xmlns:c16="http://schemas.microsoft.com/office/drawing/2014/chart" uri="{C3380CC4-5D6E-409C-BE32-E72D297353CC}">
                <c16:uniqueId val="{00000003-7E8A-48F0-B3EF-2DB6F9EDFCE7}"/>
              </c:ext>
            </c:extLst>
          </c:dPt>
          <c:dPt>
            <c:idx val="7"/>
            <c:invertIfNegative val="0"/>
            <c:bubble3D val="0"/>
            <c:spPr>
              <a:solidFill>
                <a:srgbClr val="C09A4F"/>
              </a:solidFill>
              <a:ln>
                <a:noFill/>
              </a:ln>
              <a:effectLst/>
            </c:spPr>
            <c:extLst>
              <c:ext xmlns:c16="http://schemas.microsoft.com/office/drawing/2014/chart" uri="{C3380CC4-5D6E-409C-BE32-E72D297353CC}">
                <c16:uniqueId val="{00000005-7E8A-48F0-B3EF-2DB6F9EDFCE7}"/>
              </c:ext>
            </c:extLst>
          </c:dPt>
          <c:cat>
            <c:strRef>
              <c:f>'[5]Earning Revisions'!$B$5:$I$5</c:f>
              <c:strCache>
                <c:ptCount val="8"/>
                <c:pt idx="0">
                  <c:v>2018</c:v>
                </c:pt>
                <c:pt idx="1">
                  <c:v>2019</c:v>
                </c:pt>
                <c:pt idx="2">
                  <c:v>2020</c:v>
                </c:pt>
                <c:pt idx="3">
                  <c:v>2021</c:v>
                </c:pt>
                <c:pt idx="4">
                  <c:v>2022</c:v>
                </c:pt>
                <c:pt idx="5">
                  <c:v>2023*</c:v>
                </c:pt>
                <c:pt idx="6">
                  <c:v>2024*</c:v>
                </c:pt>
                <c:pt idx="7">
                  <c:v>2025*</c:v>
                </c:pt>
              </c:strCache>
            </c:strRef>
          </c:cat>
          <c:val>
            <c:numRef>
              <c:f>'[5]Earning Revisions'!$B$6:$I$6</c:f>
              <c:numCache>
                <c:formatCode>_("$"* #,##0.00_);_("$"* \(#,##0.00\);_("$"* "-"??_);_(@_)</c:formatCode>
                <c:ptCount val="8"/>
                <c:pt idx="0">
                  <c:v>158.06</c:v>
                </c:pt>
                <c:pt idx="1">
                  <c:v>158.97</c:v>
                </c:pt>
                <c:pt idx="2">
                  <c:v>136.91</c:v>
                </c:pt>
                <c:pt idx="3">
                  <c:v>205.42</c:v>
                </c:pt>
                <c:pt idx="4">
                  <c:v>215.64</c:v>
                </c:pt>
                <c:pt idx="5">
                  <c:v>219.51</c:v>
                </c:pt>
                <c:pt idx="6">
                  <c:v>245.89</c:v>
                </c:pt>
                <c:pt idx="7">
                  <c:v>274.95999999999998</c:v>
                </c:pt>
              </c:numCache>
            </c:numRef>
          </c:val>
          <c:extLst>
            <c:ext xmlns:c16="http://schemas.microsoft.com/office/drawing/2014/chart" uri="{C3380CC4-5D6E-409C-BE32-E72D297353CC}">
              <c16:uniqueId val="{00000006-7E8A-48F0-B3EF-2DB6F9EDFCE7}"/>
            </c:ext>
          </c:extLst>
        </c:ser>
        <c:dLbls>
          <c:showLegendKey val="0"/>
          <c:showVal val="0"/>
          <c:showCatName val="0"/>
          <c:showSerName val="0"/>
          <c:showPercent val="0"/>
          <c:showBubbleSize val="0"/>
        </c:dLbls>
        <c:gapWidth val="219"/>
        <c:overlap val="-27"/>
        <c:axId val="219055583"/>
        <c:axId val="1699465103"/>
      </c:barChart>
      <c:catAx>
        <c:axId val="219055583"/>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00" b="0" i="0" u="none" strike="noStrike" kern="1200" baseline="0">
                <a:solidFill>
                  <a:srgbClr val="231F20"/>
                </a:solidFill>
                <a:latin typeface="+mn-lt"/>
                <a:ea typeface="+mn-ea"/>
                <a:cs typeface="+mn-cs"/>
              </a:defRPr>
            </a:pPr>
            <a:endParaRPr lang="en-US"/>
          </a:p>
        </c:txPr>
        <c:crossAx val="1699465103"/>
        <c:crosses val="autoZero"/>
        <c:auto val="1"/>
        <c:lblAlgn val="ctr"/>
        <c:lblOffset val="100"/>
        <c:noMultiLvlLbl val="0"/>
      </c:catAx>
      <c:valAx>
        <c:axId val="1699465103"/>
        <c:scaling>
          <c:orientation val="minMax"/>
        </c:scaling>
        <c:delete val="0"/>
        <c:axPos val="l"/>
        <c:numFmt formatCode="_(&quot;$&quot;* #,##0_);_(&quot;$&quot;* \(#,##0\);_(&quot;$&quot;* &quot;-&quot;_);_(@_)" sourceLinked="0"/>
        <c:majorTickMark val="none"/>
        <c:minorTickMark val="none"/>
        <c:tickLblPos val="nextTo"/>
        <c:spPr>
          <a:noFill/>
          <a:ln>
            <a:noFill/>
          </a:ln>
          <a:effectLst/>
        </c:spPr>
        <c:txPr>
          <a:bodyPr rot="-60000000" spcFirstLastPara="1" vertOverflow="ellipsis" vert="horz" wrap="square" anchor="ctr" anchorCtr="1"/>
          <a:lstStyle/>
          <a:p>
            <a:pPr>
              <a:defRPr sz="1100" b="0" i="0" u="none" strike="noStrike" kern="1200" baseline="0">
                <a:solidFill>
                  <a:srgbClr val="231F20"/>
                </a:solidFill>
                <a:latin typeface="+mn-lt"/>
                <a:ea typeface="+mn-ea"/>
                <a:cs typeface="+mn-cs"/>
              </a:defRPr>
            </a:pPr>
            <a:endParaRPr lang="en-US"/>
          </a:p>
        </c:txPr>
        <c:crossAx val="219055583"/>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Q3.2023 Market Outlook.xlsx]Valuations by Sector'!$F$1</c:f>
              <c:strCache>
                <c:ptCount val="1"/>
                <c:pt idx="0">
                  <c:v>P/E NTM</c:v>
                </c:pt>
              </c:strCache>
            </c:strRef>
          </c:tx>
          <c:spPr>
            <a:solidFill>
              <a:schemeClr val="accent1"/>
            </a:solidFill>
            <a:ln>
              <a:noFill/>
            </a:ln>
            <a:effectLst/>
          </c:spPr>
          <c:invertIfNegative val="0"/>
          <c:cat>
            <c:strRef>
              <c:f>'[1]Valuations by Sector'!$B$2:$B$13</c:f>
              <c:strCache>
                <c:ptCount val="12"/>
                <c:pt idx="0">
                  <c:v>Information Technology</c:v>
                </c:pt>
                <c:pt idx="1">
                  <c:v>Consumer Discretionary</c:v>
                </c:pt>
                <c:pt idx="2">
                  <c:v>S&amp;P 500</c:v>
                </c:pt>
                <c:pt idx="3">
                  <c:v>Consumer Staples</c:v>
                </c:pt>
                <c:pt idx="4">
                  <c:v>Industrials</c:v>
                </c:pt>
                <c:pt idx="5">
                  <c:v>Health Care</c:v>
                </c:pt>
                <c:pt idx="6">
                  <c:v>Communication Services</c:v>
                </c:pt>
                <c:pt idx="7">
                  <c:v>Materials</c:v>
                </c:pt>
                <c:pt idx="8">
                  <c:v>Real Estate</c:v>
                </c:pt>
                <c:pt idx="9">
                  <c:v>Utilities</c:v>
                </c:pt>
                <c:pt idx="10">
                  <c:v>Financials</c:v>
                </c:pt>
                <c:pt idx="11">
                  <c:v>Energy</c:v>
                </c:pt>
              </c:strCache>
            </c:strRef>
          </c:cat>
          <c:val>
            <c:numRef>
              <c:f>'[1]Valuations by Sector'!$F$2:$F$13</c:f>
              <c:numCache>
                <c:formatCode>General</c:formatCode>
                <c:ptCount val="12"/>
                <c:pt idx="0">
                  <c:v>24.96</c:v>
                </c:pt>
                <c:pt idx="1">
                  <c:v>24.04</c:v>
                </c:pt>
                <c:pt idx="2">
                  <c:v>18.11</c:v>
                </c:pt>
                <c:pt idx="3">
                  <c:v>18.04</c:v>
                </c:pt>
                <c:pt idx="4">
                  <c:v>17.690000000000001</c:v>
                </c:pt>
                <c:pt idx="5">
                  <c:v>17.149999999999999</c:v>
                </c:pt>
                <c:pt idx="6">
                  <c:v>17</c:v>
                </c:pt>
                <c:pt idx="7">
                  <c:v>16.82</c:v>
                </c:pt>
                <c:pt idx="8">
                  <c:v>15.14</c:v>
                </c:pt>
                <c:pt idx="9">
                  <c:v>14.66</c:v>
                </c:pt>
                <c:pt idx="10">
                  <c:v>12.85</c:v>
                </c:pt>
                <c:pt idx="11">
                  <c:v>11.49</c:v>
                </c:pt>
              </c:numCache>
            </c:numRef>
          </c:val>
          <c:extLst>
            <c:ext xmlns:c16="http://schemas.microsoft.com/office/drawing/2014/chart" uri="{C3380CC4-5D6E-409C-BE32-E72D297353CC}">
              <c16:uniqueId val="{00000000-1811-42F5-8133-0DE3BEAE045C}"/>
            </c:ext>
          </c:extLst>
        </c:ser>
        <c:dLbls>
          <c:showLegendKey val="0"/>
          <c:showVal val="0"/>
          <c:showCatName val="0"/>
          <c:showSerName val="0"/>
          <c:showPercent val="0"/>
          <c:showBubbleSize val="0"/>
        </c:dLbls>
        <c:gapWidth val="219"/>
        <c:axId val="1148818800"/>
        <c:axId val="1148815440"/>
      </c:barChart>
      <c:lineChart>
        <c:grouping val="standard"/>
        <c:varyColors val="0"/>
        <c:ser>
          <c:idx val="2"/>
          <c:order val="1"/>
          <c:tx>
            <c:strRef>
              <c:f>'[Q3.2023 Market Outlook.xlsx]Valuations by Sector'!$H$1</c:f>
              <c:strCache>
                <c:ptCount val="1"/>
                <c:pt idx="0">
                  <c:v>10 Year Average P/E NTM</c:v>
                </c:pt>
              </c:strCache>
            </c:strRef>
          </c:tx>
          <c:spPr>
            <a:ln w="25400" cap="rnd">
              <a:noFill/>
              <a:round/>
            </a:ln>
            <a:effectLst/>
          </c:spPr>
          <c:marker>
            <c:symbol val="diamond"/>
            <c:size val="5"/>
            <c:spPr>
              <a:solidFill>
                <a:schemeClr val="accent3"/>
              </a:solidFill>
              <a:ln w="9525">
                <a:solidFill>
                  <a:schemeClr val="accent3"/>
                </a:solidFill>
              </a:ln>
              <a:effectLst/>
            </c:spPr>
          </c:marker>
          <c:cat>
            <c:strRef>
              <c:f>'[1]Valuations by Sector'!$B$2:$B$13</c:f>
              <c:strCache>
                <c:ptCount val="12"/>
                <c:pt idx="0">
                  <c:v>Information Technology</c:v>
                </c:pt>
                <c:pt idx="1">
                  <c:v>Consumer Discretionary</c:v>
                </c:pt>
                <c:pt idx="2">
                  <c:v>S&amp;P 500</c:v>
                </c:pt>
                <c:pt idx="3">
                  <c:v>Consumer Staples</c:v>
                </c:pt>
                <c:pt idx="4">
                  <c:v>Industrials</c:v>
                </c:pt>
                <c:pt idx="5">
                  <c:v>Health Care</c:v>
                </c:pt>
                <c:pt idx="6">
                  <c:v>Communication Services</c:v>
                </c:pt>
                <c:pt idx="7">
                  <c:v>Materials</c:v>
                </c:pt>
                <c:pt idx="8">
                  <c:v>Real Estate</c:v>
                </c:pt>
                <c:pt idx="9">
                  <c:v>Utilities</c:v>
                </c:pt>
                <c:pt idx="10">
                  <c:v>Financials</c:v>
                </c:pt>
                <c:pt idx="11">
                  <c:v>Energy</c:v>
                </c:pt>
              </c:strCache>
            </c:strRef>
          </c:cat>
          <c:val>
            <c:numRef>
              <c:f>'[1]Valuations by Sector'!$H$2:$H$13</c:f>
              <c:numCache>
                <c:formatCode>General</c:formatCode>
                <c:ptCount val="12"/>
                <c:pt idx="0">
                  <c:v>18.62</c:v>
                </c:pt>
                <c:pt idx="1">
                  <c:v>25.4</c:v>
                </c:pt>
                <c:pt idx="2">
                  <c:v>17.78</c:v>
                </c:pt>
                <c:pt idx="3">
                  <c:v>19.309999999999999</c:v>
                </c:pt>
                <c:pt idx="4">
                  <c:v>18.170000000000002</c:v>
                </c:pt>
                <c:pt idx="5">
                  <c:v>16.34</c:v>
                </c:pt>
                <c:pt idx="6">
                  <c:v>19</c:v>
                </c:pt>
                <c:pt idx="7">
                  <c:v>16.43</c:v>
                </c:pt>
                <c:pt idx="8">
                  <c:v>18.88</c:v>
                </c:pt>
                <c:pt idx="9">
                  <c:v>17.399999999999999</c:v>
                </c:pt>
                <c:pt idx="10">
                  <c:v>14.09</c:v>
                </c:pt>
                <c:pt idx="11">
                  <c:v>18.87</c:v>
                </c:pt>
              </c:numCache>
            </c:numRef>
          </c:val>
          <c:smooth val="0"/>
          <c:extLst>
            <c:ext xmlns:c16="http://schemas.microsoft.com/office/drawing/2014/chart" uri="{C3380CC4-5D6E-409C-BE32-E72D297353CC}">
              <c16:uniqueId val="{00000001-1811-42F5-8133-0DE3BEAE045C}"/>
            </c:ext>
          </c:extLst>
        </c:ser>
        <c:dLbls>
          <c:showLegendKey val="0"/>
          <c:showVal val="0"/>
          <c:showCatName val="0"/>
          <c:showSerName val="0"/>
          <c:showPercent val="0"/>
          <c:showBubbleSize val="0"/>
        </c:dLbls>
        <c:marker val="1"/>
        <c:smooth val="0"/>
        <c:axId val="1148818800"/>
        <c:axId val="1148815440"/>
      </c:lineChart>
      <c:catAx>
        <c:axId val="1148818800"/>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00" b="0" i="0" u="none" strike="noStrike" kern="1200" baseline="0">
                <a:solidFill>
                  <a:sysClr val="windowText" lastClr="000000"/>
                </a:solidFill>
                <a:latin typeface="+mn-lt"/>
                <a:ea typeface="+mn-ea"/>
                <a:cs typeface="+mn-cs"/>
              </a:defRPr>
            </a:pPr>
            <a:endParaRPr lang="en-US"/>
          </a:p>
        </c:txPr>
        <c:crossAx val="1148815440"/>
        <c:crosses val="autoZero"/>
        <c:auto val="1"/>
        <c:lblAlgn val="ctr"/>
        <c:lblOffset val="100"/>
        <c:noMultiLvlLbl val="0"/>
      </c:catAx>
      <c:valAx>
        <c:axId val="1148815440"/>
        <c:scaling>
          <c:orientation val="minMax"/>
        </c:scaling>
        <c:delete val="0"/>
        <c:axPos val="l"/>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1100" b="0" i="0" u="none" strike="noStrike" kern="1200" baseline="0">
                <a:solidFill>
                  <a:sysClr val="windowText" lastClr="000000"/>
                </a:solidFill>
                <a:latin typeface="+mn-lt"/>
                <a:ea typeface="+mn-ea"/>
                <a:cs typeface="+mn-cs"/>
              </a:defRPr>
            </a:pPr>
            <a:endParaRPr lang="en-US"/>
          </a:p>
        </c:txPr>
        <c:crossAx val="1148818800"/>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1100" b="0" i="0" u="none" strike="noStrike" kern="1200" baseline="0">
              <a:solidFill>
                <a:sysClr val="windowText" lastClr="000000"/>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stacked"/>
        <c:varyColors val="0"/>
        <c:ser>
          <c:idx val="0"/>
          <c:order val="0"/>
          <c:tx>
            <c:strRef>
              <c:f>'[Q3.2023 Market Outlook.xlsx]Bankruptcy'!$O$1</c:f>
              <c:strCache>
                <c:ptCount val="1"/>
                <c:pt idx="0">
                  <c:v>Year-to-Date Through  August</c:v>
                </c:pt>
              </c:strCache>
            </c:strRef>
          </c:tx>
          <c:spPr>
            <a:solidFill>
              <a:schemeClr val="accent1"/>
            </a:solidFill>
            <a:ln>
              <a:noFill/>
            </a:ln>
            <a:effectLst/>
          </c:spPr>
          <c:invertIfNegative val="0"/>
          <c:dLbls>
            <c:delete val="1"/>
          </c:dLbls>
          <c:cat>
            <c:numRef>
              <c:f>'[Q3.2023 Market Outlook.xlsx]Bankruptcy'!$N$2:$N$15</c:f>
              <c:numCache>
                <c:formatCode>General</c:formatCode>
                <c:ptCount val="14"/>
                <c:pt idx="0">
                  <c:v>2010</c:v>
                </c:pt>
                <c:pt idx="1">
                  <c:v>2011</c:v>
                </c:pt>
                <c:pt idx="2">
                  <c:v>2012</c:v>
                </c:pt>
                <c:pt idx="3">
                  <c:v>2013</c:v>
                </c:pt>
                <c:pt idx="4">
                  <c:v>2014</c:v>
                </c:pt>
                <c:pt idx="5">
                  <c:v>2015</c:v>
                </c:pt>
                <c:pt idx="6">
                  <c:v>2016</c:v>
                </c:pt>
                <c:pt idx="7">
                  <c:v>2017</c:v>
                </c:pt>
                <c:pt idx="8">
                  <c:v>2018</c:v>
                </c:pt>
                <c:pt idx="9">
                  <c:v>2019</c:v>
                </c:pt>
                <c:pt idx="10">
                  <c:v>2020</c:v>
                </c:pt>
                <c:pt idx="11">
                  <c:v>2021</c:v>
                </c:pt>
                <c:pt idx="12">
                  <c:v>2022</c:v>
                </c:pt>
                <c:pt idx="13">
                  <c:v>2023</c:v>
                </c:pt>
              </c:numCache>
            </c:numRef>
          </c:cat>
          <c:val>
            <c:numRef>
              <c:f>'[Q3.2023 Market Outlook.xlsx]Bankruptcy'!$O$2:$O$15</c:f>
              <c:numCache>
                <c:formatCode>General</c:formatCode>
                <c:ptCount val="14"/>
                <c:pt idx="0">
                  <c:v>604</c:v>
                </c:pt>
                <c:pt idx="1">
                  <c:v>436</c:v>
                </c:pt>
                <c:pt idx="2">
                  <c:v>432</c:v>
                </c:pt>
                <c:pt idx="3">
                  <c:v>387</c:v>
                </c:pt>
                <c:pt idx="4">
                  <c:v>295</c:v>
                </c:pt>
                <c:pt idx="5">
                  <c:v>342</c:v>
                </c:pt>
                <c:pt idx="6">
                  <c:v>398</c:v>
                </c:pt>
                <c:pt idx="7">
                  <c:v>344</c:v>
                </c:pt>
                <c:pt idx="8">
                  <c:v>363</c:v>
                </c:pt>
                <c:pt idx="9">
                  <c:v>388</c:v>
                </c:pt>
                <c:pt idx="10">
                  <c:v>466</c:v>
                </c:pt>
                <c:pt idx="11">
                  <c:v>292</c:v>
                </c:pt>
                <c:pt idx="12">
                  <c:v>235</c:v>
                </c:pt>
                <c:pt idx="13">
                  <c:v>459</c:v>
                </c:pt>
              </c:numCache>
            </c:numRef>
          </c:val>
          <c:extLst>
            <c:ext xmlns:c16="http://schemas.microsoft.com/office/drawing/2014/chart" uri="{C3380CC4-5D6E-409C-BE32-E72D297353CC}">
              <c16:uniqueId val="{00000000-C213-4A70-9EDF-0CD1BCEADFF3}"/>
            </c:ext>
          </c:extLst>
        </c:ser>
        <c:ser>
          <c:idx val="1"/>
          <c:order val="1"/>
          <c:tx>
            <c:strRef>
              <c:f>'[Q3.2023 Market Outlook.xlsx]Bankruptcy'!$P$1</c:f>
              <c:strCache>
                <c:ptCount val="1"/>
                <c:pt idx="0">
                  <c:v>Rest of Year</c:v>
                </c:pt>
              </c:strCache>
            </c:strRef>
          </c:tx>
          <c:spPr>
            <a:solidFill>
              <a:schemeClr val="accent2"/>
            </a:solidFill>
            <a:ln>
              <a:noFill/>
            </a:ln>
            <a:effectLst/>
          </c:spPr>
          <c:invertIfNegative val="0"/>
          <c:dLbls>
            <c:delete val="1"/>
          </c:dLbls>
          <c:cat>
            <c:numRef>
              <c:f>'[Q3.2023 Market Outlook.xlsx]Bankruptcy'!$N$2:$N$15</c:f>
              <c:numCache>
                <c:formatCode>General</c:formatCode>
                <c:ptCount val="14"/>
                <c:pt idx="0">
                  <c:v>2010</c:v>
                </c:pt>
                <c:pt idx="1">
                  <c:v>2011</c:v>
                </c:pt>
                <c:pt idx="2">
                  <c:v>2012</c:v>
                </c:pt>
                <c:pt idx="3">
                  <c:v>2013</c:v>
                </c:pt>
                <c:pt idx="4">
                  <c:v>2014</c:v>
                </c:pt>
                <c:pt idx="5">
                  <c:v>2015</c:v>
                </c:pt>
                <c:pt idx="6">
                  <c:v>2016</c:v>
                </c:pt>
                <c:pt idx="7">
                  <c:v>2017</c:v>
                </c:pt>
                <c:pt idx="8">
                  <c:v>2018</c:v>
                </c:pt>
                <c:pt idx="9">
                  <c:v>2019</c:v>
                </c:pt>
                <c:pt idx="10">
                  <c:v>2020</c:v>
                </c:pt>
                <c:pt idx="11">
                  <c:v>2021</c:v>
                </c:pt>
                <c:pt idx="12">
                  <c:v>2022</c:v>
                </c:pt>
                <c:pt idx="13">
                  <c:v>2023</c:v>
                </c:pt>
              </c:numCache>
            </c:numRef>
          </c:cat>
          <c:val>
            <c:numRef>
              <c:f>'[Q3.2023 Market Outlook.xlsx]Bankruptcy'!$P$2:$P$15</c:f>
              <c:numCache>
                <c:formatCode>General</c:formatCode>
                <c:ptCount val="14"/>
                <c:pt idx="0">
                  <c:v>223</c:v>
                </c:pt>
                <c:pt idx="1">
                  <c:v>198</c:v>
                </c:pt>
                <c:pt idx="2">
                  <c:v>154</c:v>
                </c:pt>
                <c:pt idx="3">
                  <c:v>171</c:v>
                </c:pt>
                <c:pt idx="4">
                  <c:v>176</c:v>
                </c:pt>
                <c:pt idx="5">
                  <c:v>183</c:v>
                </c:pt>
                <c:pt idx="6">
                  <c:v>178</c:v>
                </c:pt>
                <c:pt idx="7">
                  <c:v>176</c:v>
                </c:pt>
                <c:pt idx="8">
                  <c:v>155</c:v>
                </c:pt>
                <c:pt idx="9">
                  <c:v>202</c:v>
                </c:pt>
                <c:pt idx="10">
                  <c:v>173</c:v>
                </c:pt>
                <c:pt idx="11">
                  <c:v>116</c:v>
                </c:pt>
                <c:pt idx="12">
                  <c:v>138</c:v>
                </c:pt>
              </c:numCache>
            </c:numRef>
          </c:val>
          <c:extLst>
            <c:ext xmlns:c16="http://schemas.microsoft.com/office/drawing/2014/chart" uri="{C3380CC4-5D6E-409C-BE32-E72D297353CC}">
              <c16:uniqueId val="{00000001-C213-4A70-9EDF-0CD1BCEADFF3}"/>
            </c:ext>
          </c:extLst>
        </c:ser>
        <c:dLbls>
          <c:dLblPos val="ctr"/>
          <c:showLegendKey val="0"/>
          <c:showVal val="1"/>
          <c:showCatName val="0"/>
          <c:showSerName val="0"/>
          <c:showPercent val="0"/>
          <c:showBubbleSize val="0"/>
        </c:dLbls>
        <c:gapWidth val="150"/>
        <c:overlap val="100"/>
        <c:axId val="1253370224"/>
        <c:axId val="571088287"/>
      </c:barChart>
      <c:catAx>
        <c:axId val="1253370224"/>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571088287"/>
        <c:crosses val="autoZero"/>
        <c:auto val="1"/>
        <c:lblAlgn val="ctr"/>
        <c:lblOffset val="100"/>
        <c:noMultiLvlLbl val="0"/>
      </c:catAx>
      <c:valAx>
        <c:axId val="571088287"/>
        <c:scaling>
          <c:orientation val="minMax"/>
          <c:min val="200"/>
        </c:scaling>
        <c:delete val="0"/>
        <c:axPos val="l"/>
        <c:numFmt formatCode="General" sourceLinked="1"/>
        <c:majorTickMark val="out"/>
        <c:minorTickMark val="none"/>
        <c:tickLblPos val="nextTo"/>
        <c:spPr>
          <a:noFill/>
          <a:ln>
            <a:noFill/>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1253370224"/>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1"/>
          <c:order val="1"/>
          <c:spPr>
            <a:solidFill>
              <a:schemeClr val="bg1">
                <a:lumMod val="75000"/>
              </a:schemeClr>
            </a:solidFill>
            <a:ln>
              <a:noFill/>
            </a:ln>
            <a:effectLst/>
          </c:spPr>
          <c:invertIfNegative val="0"/>
          <c:cat>
            <c:numRef>
              <c:f>'[Q3.2023 Market Outlook.xlsx]HY Spread'!$B$3440:$B$7070</c:f>
              <c:numCache>
                <c:formatCode>yyyy\-mm\-dd</c:formatCode>
                <c:ptCount val="3631"/>
                <c:pt idx="0">
                  <c:v>40182</c:v>
                </c:pt>
                <c:pt idx="1">
                  <c:v>40183</c:v>
                </c:pt>
                <c:pt idx="2">
                  <c:v>40184</c:v>
                </c:pt>
                <c:pt idx="3">
                  <c:v>40185</c:v>
                </c:pt>
                <c:pt idx="4">
                  <c:v>40186</c:v>
                </c:pt>
                <c:pt idx="5">
                  <c:v>40189</c:v>
                </c:pt>
                <c:pt idx="6">
                  <c:v>40190</c:v>
                </c:pt>
                <c:pt idx="7">
                  <c:v>40191</c:v>
                </c:pt>
                <c:pt idx="8">
                  <c:v>40192</c:v>
                </c:pt>
                <c:pt idx="9">
                  <c:v>40193</c:v>
                </c:pt>
                <c:pt idx="10">
                  <c:v>40196</c:v>
                </c:pt>
                <c:pt idx="11">
                  <c:v>40197</c:v>
                </c:pt>
                <c:pt idx="12">
                  <c:v>40198</c:v>
                </c:pt>
                <c:pt idx="13">
                  <c:v>40199</c:v>
                </c:pt>
                <c:pt idx="14">
                  <c:v>40200</c:v>
                </c:pt>
                <c:pt idx="15">
                  <c:v>40203</c:v>
                </c:pt>
                <c:pt idx="16">
                  <c:v>40204</c:v>
                </c:pt>
                <c:pt idx="17">
                  <c:v>40205</c:v>
                </c:pt>
                <c:pt idx="18">
                  <c:v>40206</c:v>
                </c:pt>
                <c:pt idx="19">
                  <c:v>40207</c:v>
                </c:pt>
                <c:pt idx="20">
                  <c:v>40209</c:v>
                </c:pt>
                <c:pt idx="21">
                  <c:v>40210</c:v>
                </c:pt>
                <c:pt idx="22">
                  <c:v>40211</c:v>
                </c:pt>
                <c:pt idx="23">
                  <c:v>40212</c:v>
                </c:pt>
                <c:pt idx="24">
                  <c:v>40213</c:v>
                </c:pt>
                <c:pt idx="25">
                  <c:v>40214</c:v>
                </c:pt>
                <c:pt idx="26">
                  <c:v>40217</c:v>
                </c:pt>
                <c:pt idx="27">
                  <c:v>40218</c:v>
                </c:pt>
                <c:pt idx="28">
                  <c:v>40219</c:v>
                </c:pt>
                <c:pt idx="29">
                  <c:v>40220</c:v>
                </c:pt>
                <c:pt idx="30">
                  <c:v>40221</c:v>
                </c:pt>
                <c:pt idx="31">
                  <c:v>40224</c:v>
                </c:pt>
                <c:pt idx="32">
                  <c:v>40225</c:v>
                </c:pt>
                <c:pt idx="33">
                  <c:v>40226</c:v>
                </c:pt>
                <c:pt idx="34">
                  <c:v>40227</c:v>
                </c:pt>
                <c:pt idx="35">
                  <c:v>40228</c:v>
                </c:pt>
                <c:pt idx="36">
                  <c:v>40231</c:v>
                </c:pt>
                <c:pt idx="37">
                  <c:v>40232</c:v>
                </c:pt>
                <c:pt idx="38">
                  <c:v>40233</c:v>
                </c:pt>
                <c:pt idx="39">
                  <c:v>40234</c:v>
                </c:pt>
                <c:pt idx="40">
                  <c:v>40235</c:v>
                </c:pt>
                <c:pt idx="41">
                  <c:v>40237</c:v>
                </c:pt>
                <c:pt idx="42">
                  <c:v>40238</c:v>
                </c:pt>
                <c:pt idx="43">
                  <c:v>40239</c:v>
                </c:pt>
                <c:pt idx="44">
                  <c:v>40240</c:v>
                </c:pt>
                <c:pt idx="45">
                  <c:v>40241</c:v>
                </c:pt>
                <c:pt idx="46">
                  <c:v>40242</c:v>
                </c:pt>
                <c:pt idx="47">
                  <c:v>40245</c:v>
                </c:pt>
                <c:pt idx="48">
                  <c:v>40246</c:v>
                </c:pt>
                <c:pt idx="49">
                  <c:v>40247</c:v>
                </c:pt>
                <c:pt idx="50">
                  <c:v>40248</c:v>
                </c:pt>
                <c:pt idx="51">
                  <c:v>40249</c:v>
                </c:pt>
                <c:pt idx="52">
                  <c:v>40252</c:v>
                </c:pt>
                <c:pt idx="53">
                  <c:v>40253</c:v>
                </c:pt>
                <c:pt idx="54">
                  <c:v>40254</c:v>
                </c:pt>
                <c:pt idx="55">
                  <c:v>40255</c:v>
                </c:pt>
                <c:pt idx="56">
                  <c:v>40256</c:v>
                </c:pt>
                <c:pt idx="57">
                  <c:v>40259</c:v>
                </c:pt>
                <c:pt idx="58">
                  <c:v>40260</c:v>
                </c:pt>
                <c:pt idx="59">
                  <c:v>40261</c:v>
                </c:pt>
                <c:pt idx="60">
                  <c:v>40262</c:v>
                </c:pt>
                <c:pt idx="61">
                  <c:v>40263</c:v>
                </c:pt>
                <c:pt idx="62">
                  <c:v>40266</c:v>
                </c:pt>
                <c:pt idx="63">
                  <c:v>40267</c:v>
                </c:pt>
                <c:pt idx="64">
                  <c:v>40268</c:v>
                </c:pt>
                <c:pt idx="65">
                  <c:v>40269</c:v>
                </c:pt>
                <c:pt idx="67">
                  <c:v>40273</c:v>
                </c:pt>
                <c:pt idx="68">
                  <c:v>40274</c:v>
                </c:pt>
                <c:pt idx="69">
                  <c:v>40275</c:v>
                </c:pt>
                <c:pt idx="70">
                  <c:v>40276</c:v>
                </c:pt>
                <c:pt idx="71">
                  <c:v>40277</c:v>
                </c:pt>
                <c:pt idx="72">
                  <c:v>40280</c:v>
                </c:pt>
                <c:pt idx="73">
                  <c:v>40281</c:v>
                </c:pt>
                <c:pt idx="74">
                  <c:v>40282</c:v>
                </c:pt>
                <c:pt idx="75">
                  <c:v>40283</c:v>
                </c:pt>
                <c:pt idx="76">
                  <c:v>40284</c:v>
                </c:pt>
                <c:pt idx="77">
                  <c:v>40287</c:v>
                </c:pt>
                <c:pt idx="78">
                  <c:v>40288</c:v>
                </c:pt>
                <c:pt idx="79">
                  <c:v>40289</c:v>
                </c:pt>
                <c:pt idx="80">
                  <c:v>40290</c:v>
                </c:pt>
                <c:pt idx="81">
                  <c:v>40291</c:v>
                </c:pt>
                <c:pt idx="82">
                  <c:v>40294</c:v>
                </c:pt>
                <c:pt idx="83">
                  <c:v>40295</c:v>
                </c:pt>
                <c:pt idx="84">
                  <c:v>40296</c:v>
                </c:pt>
                <c:pt idx="85">
                  <c:v>40297</c:v>
                </c:pt>
                <c:pt idx="86">
                  <c:v>40298</c:v>
                </c:pt>
                <c:pt idx="87">
                  <c:v>40301</c:v>
                </c:pt>
                <c:pt idx="88">
                  <c:v>40302</c:v>
                </c:pt>
                <c:pt idx="89">
                  <c:v>40303</c:v>
                </c:pt>
                <c:pt idx="90">
                  <c:v>40304</c:v>
                </c:pt>
                <c:pt idx="91">
                  <c:v>40305</c:v>
                </c:pt>
                <c:pt idx="92">
                  <c:v>40308</c:v>
                </c:pt>
                <c:pt idx="93">
                  <c:v>40309</c:v>
                </c:pt>
                <c:pt idx="94">
                  <c:v>40310</c:v>
                </c:pt>
                <c:pt idx="95">
                  <c:v>40311</c:v>
                </c:pt>
                <c:pt idx="96">
                  <c:v>40312</c:v>
                </c:pt>
                <c:pt idx="97">
                  <c:v>40315</c:v>
                </c:pt>
                <c:pt idx="98">
                  <c:v>40316</c:v>
                </c:pt>
                <c:pt idx="99">
                  <c:v>40317</c:v>
                </c:pt>
                <c:pt idx="100">
                  <c:v>40318</c:v>
                </c:pt>
                <c:pt idx="101">
                  <c:v>40319</c:v>
                </c:pt>
                <c:pt idx="102">
                  <c:v>40322</c:v>
                </c:pt>
                <c:pt idx="103">
                  <c:v>40323</c:v>
                </c:pt>
                <c:pt idx="104">
                  <c:v>40324</c:v>
                </c:pt>
                <c:pt idx="105">
                  <c:v>40325</c:v>
                </c:pt>
                <c:pt idx="106">
                  <c:v>40326</c:v>
                </c:pt>
                <c:pt idx="107">
                  <c:v>40329</c:v>
                </c:pt>
                <c:pt idx="108">
                  <c:v>40330</c:v>
                </c:pt>
                <c:pt idx="109">
                  <c:v>40331</c:v>
                </c:pt>
                <c:pt idx="110">
                  <c:v>40332</c:v>
                </c:pt>
                <c:pt idx="111">
                  <c:v>40333</c:v>
                </c:pt>
                <c:pt idx="112">
                  <c:v>40336</c:v>
                </c:pt>
                <c:pt idx="113">
                  <c:v>40337</c:v>
                </c:pt>
                <c:pt idx="114">
                  <c:v>40338</c:v>
                </c:pt>
                <c:pt idx="115">
                  <c:v>40339</c:v>
                </c:pt>
                <c:pt idx="116">
                  <c:v>40340</c:v>
                </c:pt>
                <c:pt idx="117">
                  <c:v>40343</c:v>
                </c:pt>
                <c:pt idx="118">
                  <c:v>40344</c:v>
                </c:pt>
                <c:pt idx="119">
                  <c:v>40345</c:v>
                </c:pt>
                <c:pt idx="120">
                  <c:v>40346</c:v>
                </c:pt>
                <c:pt idx="121">
                  <c:v>40347</c:v>
                </c:pt>
                <c:pt idx="122">
                  <c:v>40350</c:v>
                </c:pt>
                <c:pt idx="123">
                  <c:v>40351</c:v>
                </c:pt>
                <c:pt idx="124">
                  <c:v>40352</c:v>
                </c:pt>
                <c:pt idx="125">
                  <c:v>40353</c:v>
                </c:pt>
                <c:pt idx="126">
                  <c:v>40354</c:v>
                </c:pt>
                <c:pt idx="127">
                  <c:v>40357</c:v>
                </c:pt>
                <c:pt idx="128">
                  <c:v>40358</c:v>
                </c:pt>
                <c:pt idx="129">
                  <c:v>40359</c:v>
                </c:pt>
                <c:pt idx="130">
                  <c:v>40360</c:v>
                </c:pt>
                <c:pt idx="131">
                  <c:v>40361</c:v>
                </c:pt>
                <c:pt idx="132">
                  <c:v>40364</c:v>
                </c:pt>
                <c:pt idx="133">
                  <c:v>40365</c:v>
                </c:pt>
                <c:pt idx="134">
                  <c:v>40366</c:v>
                </c:pt>
                <c:pt idx="135">
                  <c:v>40367</c:v>
                </c:pt>
                <c:pt idx="136">
                  <c:v>40368</c:v>
                </c:pt>
                <c:pt idx="137">
                  <c:v>40371</c:v>
                </c:pt>
                <c:pt idx="138">
                  <c:v>40372</c:v>
                </c:pt>
                <c:pt idx="139">
                  <c:v>40373</c:v>
                </c:pt>
                <c:pt idx="140">
                  <c:v>40374</c:v>
                </c:pt>
                <c:pt idx="141">
                  <c:v>40375</c:v>
                </c:pt>
                <c:pt idx="142">
                  <c:v>40378</c:v>
                </c:pt>
                <c:pt idx="143">
                  <c:v>40379</c:v>
                </c:pt>
                <c:pt idx="144">
                  <c:v>40380</c:v>
                </c:pt>
                <c:pt idx="145">
                  <c:v>40381</c:v>
                </c:pt>
                <c:pt idx="146">
                  <c:v>40382</c:v>
                </c:pt>
                <c:pt idx="147">
                  <c:v>40385</c:v>
                </c:pt>
                <c:pt idx="148">
                  <c:v>40386</c:v>
                </c:pt>
                <c:pt idx="149">
                  <c:v>40387</c:v>
                </c:pt>
                <c:pt idx="150">
                  <c:v>40388</c:v>
                </c:pt>
                <c:pt idx="151">
                  <c:v>40389</c:v>
                </c:pt>
                <c:pt idx="152">
                  <c:v>40390</c:v>
                </c:pt>
                <c:pt idx="153">
                  <c:v>40392</c:v>
                </c:pt>
                <c:pt idx="154">
                  <c:v>40393</c:v>
                </c:pt>
                <c:pt idx="155">
                  <c:v>40394</c:v>
                </c:pt>
                <c:pt idx="156">
                  <c:v>40395</c:v>
                </c:pt>
                <c:pt idx="157">
                  <c:v>40396</c:v>
                </c:pt>
                <c:pt idx="158">
                  <c:v>40399</c:v>
                </c:pt>
                <c:pt idx="159">
                  <c:v>40400</c:v>
                </c:pt>
                <c:pt idx="160">
                  <c:v>40401</c:v>
                </c:pt>
                <c:pt idx="161">
                  <c:v>40402</c:v>
                </c:pt>
                <c:pt idx="162">
                  <c:v>40403</c:v>
                </c:pt>
                <c:pt idx="163">
                  <c:v>40406</c:v>
                </c:pt>
                <c:pt idx="164">
                  <c:v>40407</c:v>
                </c:pt>
                <c:pt idx="165">
                  <c:v>40408</c:v>
                </c:pt>
                <c:pt idx="166">
                  <c:v>40409</c:v>
                </c:pt>
                <c:pt idx="167">
                  <c:v>40410</c:v>
                </c:pt>
                <c:pt idx="168">
                  <c:v>40413</c:v>
                </c:pt>
                <c:pt idx="169">
                  <c:v>40414</c:v>
                </c:pt>
                <c:pt idx="170">
                  <c:v>40415</c:v>
                </c:pt>
                <c:pt idx="171">
                  <c:v>40416</c:v>
                </c:pt>
                <c:pt idx="172">
                  <c:v>40417</c:v>
                </c:pt>
                <c:pt idx="173">
                  <c:v>40420</c:v>
                </c:pt>
                <c:pt idx="174">
                  <c:v>40421</c:v>
                </c:pt>
                <c:pt idx="175">
                  <c:v>40422</c:v>
                </c:pt>
                <c:pt idx="176">
                  <c:v>40423</c:v>
                </c:pt>
                <c:pt idx="177">
                  <c:v>40424</c:v>
                </c:pt>
                <c:pt idx="178">
                  <c:v>40427</c:v>
                </c:pt>
                <c:pt idx="179">
                  <c:v>40428</c:v>
                </c:pt>
                <c:pt idx="180">
                  <c:v>40429</c:v>
                </c:pt>
                <c:pt idx="181">
                  <c:v>40430</c:v>
                </c:pt>
                <c:pt idx="182">
                  <c:v>40431</c:v>
                </c:pt>
                <c:pt idx="183">
                  <c:v>40434</c:v>
                </c:pt>
                <c:pt idx="184">
                  <c:v>40435</c:v>
                </c:pt>
                <c:pt idx="185">
                  <c:v>40436</c:v>
                </c:pt>
                <c:pt idx="186">
                  <c:v>40437</c:v>
                </c:pt>
                <c:pt idx="187">
                  <c:v>40438</c:v>
                </c:pt>
                <c:pt idx="188">
                  <c:v>40441</c:v>
                </c:pt>
                <c:pt idx="189">
                  <c:v>40442</c:v>
                </c:pt>
                <c:pt idx="190">
                  <c:v>40443</c:v>
                </c:pt>
                <c:pt idx="191">
                  <c:v>40444</c:v>
                </c:pt>
                <c:pt idx="192">
                  <c:v>40445</c:v>
                </c:pt>
                <c:pt idx="193">
                  <c:v>40448</c:v>
                </c:pt>
                <c:pt idx="194">
                  <c:v>40449</c:v>
                </c:pt>
                <c:pt idx="195">
                  <c:v>40450</c:v>
                </c:pt>
                <c:pt idx="196">
                  <c:v>40451</c:v>
                </c:pt>
                <c:pt idx="197">
                  <c:v>40452</c:v>
                </c:pt>
                <c:pt idx="198">
                  <c:v>40455</c:v>
                </c:pt>
                <c:pt idx="199">
                  <c:v>40456</c:v>
                </c:pt>
                <c:pt idx="200">
                  <c:v>40457</c:v>
                </c:pt>
                <c:pt idx="201">
                  <c:v>40458</c:v>
                </c:pt>
                <c:pt idx="202">
                  <c:v>40459</c:v>
                </c:pt>
                <c:pt idx="203">
                  <c:v>40462</c:v>
                </c:pt>
                <c:pt idx="204">
                  <c:v>40463</c:v>
                </c:pt>
                <c:pt idx="205">
                  <c:v>40464</c:v>
                </c:pt>
                <c:pt idx="206">
                  <c:v>40465</c:v>
                </c:pt>
                <c:pt idx="207">
                  <c:v>40466</c:v>
                </c:pt>
                <c:pt idx="208">
                  <c:v>40469</c:v>
                </c:pt>
                <c:pt idx="209">
                  <c:v>40470</c:v>
                </c:pt>
                <c:pt idx="210">
                  <c:v>40471</c:v>
                </c:pt>
                <c:pt idx="211">
                  <c:v>40472</c:v>
                </c:pt>
                <c:pt idx="212">
                  <c:v>40473</c:v>
                </c:pt>
                <c:pt idx="213">
                  <c:v>40476</c:v>
                </c:pt>
                <c:pt idx="214">
                  <c:v>40477</c:v>
                </c:pt>
                <c:pt idx="215">
                  <c:v>40478</c:v>
                </c:pt>
                <c:pt idx="216">
                  <c:v>40479</c:v>
                </c:pt>
                <c:pt idx="217">
                  <c:v>40480</c:v>
                </c:pt>
                <c:pt idx="218">
                  <c:v>40482</c:v>
                </c:pt>
                <c:pt idx="219">
                  <c:v>40483</c:v>
                </c:pt>
                <c:pt idx="220">
                  <c:v>40484</c:v>
                </c:pt>
                <c:pt idx="221">
                  <c:v>40485</c:v>
                </c:pt>
                <c:pt idx="222">
                  <c:v>40486</c:v>
                </c:pt>
                <c:pt idx="223">
                  <c:v>40487</c:v>
                </c:pt>
                <c:pt idx="224">
                  <c:v>40490</c:v>
                </c:pt>
                <c:pt idx="225">
                  <c:v>40491</c:v>
                </c:pt>
                <c:pt idx="226">
                  <c:v>40492</c:v>
                </c:pt>
                <c:pt idx="227">
                  <c:v>40493</c:v>
                </c:pt>
                <c:pt idx="228">
                  <c:v>40494</c:v>
                </c:pt>
                <c:pt idx="229">
                  <c:v>40497</c:v>
                </c:pt>
                <c:pt idx="230">
                  <c:v>40498</c:v>
                </c:pt>
                <c:pt idx="231">
                  <c:v>40499</c:v>
                </c:pt>
                <c:pt idx="232">
                  <c:v>40500</c:v>
                </c:pt>
                <c:pt idx="233">
                  <c:v>40501</c:v>
                </c:pt>
                <c:pt idx="234">
                  <c:v>40504</c:v>
                </c:pt>
                <c:pt idx="235">
                  <c:v>40505</c:v>
                </c:pt>
                <c:pt idx="236">
                  <c:v>40506</c:v>
                </c:pt>
                <c:pt idx="237">
                  <c:v>40507</c:v>
                </c:pt>
                <c:pt idx="238">
                  <c:v>40508</c:v>
                </c:pt>
                <c:pt idx="239">
                  <c:v>40511</c:v>
                </c:pt>
                <c:pt idx="240">
                  <c:v>40512</c:v>
                </c:pt>
                <c:pt idx="241">
                  <c:v>40513</c:v>
                </c:pt>
                <c:pt idx="242">
                  <c:v>40514</c:v>
                </c:pt>
                <c:pt idx="243">
                  <c:v>40515</c:v>
                </c:pt>
                <c:pt idx="244">
                  <c:v>40518</c:v>
                </c:pt>
                <c:pt idx="245">
                  <c:v>40519</c:v>
                </c:pt>
                <c:pt idx="246">
                  <c:v>40520</c:v>
                </c:pt>
                <c:pt idx="247">
                  <c:v>40521</c:v>
                </c:pt>
                <c:pt idx="248">
                  <c:v>40522</c:v>
                </c:pt>
                <c:pt idx="249">
                  <c:v>40525</c:v>
                </c:pt>
                <c:pt idx="250">
                  <c:v>40526</c:v>
                </c:pt>
                <c:pt idx="251">
                  <c:v>40527</c:v>
                </c:pt>
                <c:pt idx="252">
                  <c:v>40528</c:v>
                </c:pt>
                <c:pt idx="253">
                  <c:v>40529</c:v>
                </c:pt>
                <c:pt idx="254">
                  <c:v>40532</c:v>
                </c:pt>
                <c:pt idx="255">
                  <c:v>40533</c:v>
                </c:pt>
                <c:pt idx="256">
                  <c:v>40534</c:v>
                </c:pt>
                <c:pt idx="257">
                  <c:v>40535</c:v>
                </c:pt>
                <c:pt idx="258">
                  <c:v>40536</c:v>
                </c:pt>
                <c:pt idx="259">
                  <c:v>40539</c:v>
                </c:pt>
                <c:pt idx="260">
                  <c:v>40540</c:v>
                </c:pt>
                <c:pt idx="261">
                  <c:v>40541</c:v>
                </c:pt>
                <c:pt idx="262">
                  <c:v>40542</c:v>
                </c:pt>
                <c:pt idx="263">
                  <c:v>40543</c:v>
                </c:pt>
                <c:pt idx="264">
                  <c:v>40546</c:v>
                </c:pt>
                <c:pt idx="265">
                  <c:v>40547</c:v>
                </c:pt>
                <c:pt idx="266">
                  <c:v>40548</c:v>
                </c:pt>
                <c:pt idx="267">
                  <c:v>40549</c:v>
                </c:pt>
                <c:pt idx="268">
                  <c:v>40550</c:v>
                </c:pt>
                <c:pt idx="269">
                  <c:v>40553</c:v>
                </c:pt>
                <c:pt idx="270">
                  <c:v>40554</c:v>
                </c:pt>
                <c:pt idx="271">
                  <c:v>40555</c:v>
                </c:pt>
                <c:pt idx="272">
                  <c:v>40556</c:v>
                </c:pt>
                <c:pt idx="273">
                  <c:v>40557</c:v>
                </c:pt>
                <c:pt idx="274">
                  <c:v>40560</c:v>
                </c:pt>
                <c:pt idx="275">
                  <c:v>40561</c:v>
                </c:pt>
                <c:pt idx="276">
                  <c:v>40562</c:v>
                </c:pt>
                <c:pt idx="277">
                  <c:v>40563</c:v>
                </c:pt>
                <c:pt idx="278">
                  <c:v>40564</c:v>
                </c:pt>
                <c:pt idx="279">
                  <c:v>40567</c:v>
                </c:pt>
                <c:pt idx="280">
                  <c:v>40568</c:v>
                </c:pt>
                <c:pt idx="281">
                  <c:v>40569</c:v>
                </c:pt>
                <c:pt idx="282">
                  <c:v>40570</c:v>
                </c:pt>
                <c:pt idx="283">
                  <c:v>40571</c:v>
                </c:pt>
                <c:pt idx="284">
                  <c:v>40574</c:v>
                </c:pt>
                <c:pt idx="285">
                  <c:v>40575</c:v>
                </c:pt>
                <c:pt idx="286">
                  <c:v>40576</c:v>
                </c:pt>
                <c:pt idx="287">
                  <c:v>40577</c:v>
                </c:pt>
                <c:pt idx="288">
                  <c:v>40578</c:v>
                </c:pt>
                <c:pt idx="289">
                  <c:v>40581</c:v>
                </c:pt>
                <c:pt idx="290">
                  <c:v>40582</c:v>
                </c:pt>
                <c:pt idx="291">
                  <c:v>40583</c:v>
                </c:pt>
                <c:pt idx="292">
                  <c:v>40584</c:v>
                </c:pt>
                <c:pt idx="293">
                  <c:v>40585</c:v>
                </c:pt>
                <c:pt idx="294">
                  <c:v>40588</c:v>
                </c:pt>
                <c:pt idx="295">
                  <c:v>40589</c:v>
                </c:pt>
                <c:pt idx="296">
                  <c:v>40590</c:v>
                </c:pt>
                <c:pt idx="297">
                  <c:v>40591</c:v>
                </c:pt>
                <c:pt idx="298">
                  <c:v>40592</c:v>
                </c:pt>
                <c:pt idx="299">
                  <c:v>40595</c:v>
                </c:pt>
                <c:pt idx="300">
                  <c:v>40596</c:v>
                </c:pt>
                <c:pt idx="301">
                  <c:v>40597</c:v>
                </c:pt>
                <c:pt idx="302">
                  <c:v>40598</c:v>
                </c:pt>
                <c:pt idx="303">
                  <c:v>40599</c:v>
                </c:pt>
                <c:pt idx="304">
                  <c:v>40602</c:v>
                </c:pt>
                <c:pt idx="305">
                  <c:v>40603</c:v>
                </c:pt>
                <c:pt idx="306">
                  <c:v>40604</c:v>
                </c:pt>
                <c:pt idx="307">
                  <c:v>40605</c:v>
                </c:pt>
                <c:pt idx="308">
                  <c:v>40606</c:v>
                </c:pt>
                <c:pt idx="309">
                  <c:v>40609</c:v>
                </c:pt>
                <c:pt idx="310">
                  <c:v>40610</c:v>
                </c:pt>
                <c:pt idx="311">
                  <c:v>40611</c:v>
                </c:pt>
                <c:pt idx="312">
                  <c:v>40612</c:v>
                </c:pt>
                <c:pt idx="313">
                  <c:v>40613</c:v>
                </c:pt>
                <c:pt idx="314">
                  <c:v>40616</c:v>
                </c:pt>
                <c:pt idx="315">
                  <c:v>40617</c:v>
                </c:pt>
                <c:pt idx="316">
                  <c:v>40618</c:v>
                </c:pt>
                <c:pt idx="317">
                  <c:v>40619</c:v>
                </c:pt>
                <c:pt idx="318">
                  <c:v>40620</c:v>
                </c:pt>
                <c:pt idx="319">
                  <c:v>40623</c:v>
                </c:pt>
                <c:pt idx="320">
                  <c:v>40624</c:v>
                </c:pt>
                <c:pt idx="321">
                  <c:v>40625</c:v>
                </c:pt>
                <c:pt idx="322">
                  <c:v>40626</c:v>
                </c:pt>
                <c:pt idx="323">
                  <c:v>40627</c:v>
                </c:pt>
                <c:pt idx="324">
                  <c:v>40630</c:v>
                </c:pt>
                <c:pt idx="325">
                  <c:v>40631</c:v>
                </c:pt>
                <c:pt idx="326">
                  <c:v>40632</c:v>
                </c:pt>
                <c:pt idx="327">
                  <c:v>40633</c:v>
                </c:pt>
                <c:pt idx="328">
                  <c:v>40634</c:v>
                </c:pt>
                <c:pt idx="329">
                  <c:v>40637</c:v>
                </c:pt>
                <c:pt idx="330">
                  <c:v>40638</c:v>
                </c:pt>
                <c:pt idx="331">
                  <c:v>40639</c:v>
                </c:pt>
                <c:pt idx="332">
                  <c:v>40640</c:v>
                </c:pt>
                <c:pt idx="333">
                  <c:v>40641</c:v>
                </c:pt>
                <c:pt idx="334">
                  <c:v>40644</c:v>
                </c:pt>
                <c:pt idx="335">
                  <c:v>40645</c:v>
                </c:pt>
                <c:pt idx="336">
                  <c:v>40646</c:v>
                </c:pt>
                <c:pt idx="337">
                  <c:v>40647</c:v>
                </c:pt>
                <c:pt idx="338">
                  <c:v>40648</c:v>
                </c:pt>
                <c:pt idx="339">
                  <c:v>40651</c:v>
                </c:pt>
                <c:pt idx="340">
                  <c:v>40652</c:v>
                </c:pt>
                <c:pt idx="341">
                  <c:v>40653</c:v>
                </c:pt>
                <c:pt idx="342">
                  <c:v>40654</c:v>
                </c:pt>
                <c:pt idx="344">
                  <c:v>40658</c:v>
                </c:pt>
                <c:pt idx="345">
                  <c:v>40659</c:v>
                </c:pt>
                <c:pt idx="346">
                  <c:v>40660</c:v>
                </c:pt>
                <c:pt idx="347">
                  <c:v>40661</c:v>
                </c:pt>
                <c:pt idx="348">
                  <c:v>40662</c:v>
                </c:pt>
                <c:pt idx="349">
                  <c:v>40663</c:v>
                </c:pt>
                <c:pt idx="350">
                  <c:v>40665</c:v>
                </c:pt>
                <c:pt idx="351">
                  <c:v>40666</c:v>
                </c:pt>
                <c:pt idx="352">
                  <c:v>40667</c:v>
                </c:pt>
                <c:pt idx="353">
                  <c:v>40668</c:v>
                </c:pt>
                <c:pt idx="354">
                  <c:v>40669</c:v>
                </c:pt>
                <c:pt idx="355">
                  <c:v>40672</c:v>
                </c:pt>
                <c:pt idx="356">
                  <c:v>40673</c:v>
                </c:pt>
                <c:pt idx="357">
                  <c:v>40674</c:v>
                </c:pt>
                <c:pt idx="358">
                  <c:v>40675</c:v>
                </c:pt>
                <c:pt idx="359">
                  <c:v>40676</c:v>
                </c:pt>
                <c:pt idx="360">
                  <c:v>40679</c:v>
                </c:pt>
                <c:pt idx="361">
                  <c:v>40680</c:v>
                </c:pt>
                <c:pt idx="362">
                  <c:v>40681</c:v>
                </c:pt>
                <c:pt idx="363">
                  <c:v>40682</c:v>
                </c:pt>
                <c:pt idx="364">
                  <c:v>40683</c:v>
                </c:pt>
                <c:pt idx="365">
                  <c:v>40686</c:v>
                </c:pt>
                <c:pt idx="366">
                  <c:v>40687</c:v>
                </c:pt>
                <c:pt idx="367">
                  <c:v>40688</c:v>
                </c:pt>
                <c:pt idx="368">
                  <c:v>40689</c:v>
                </c:pt>
                <c:pt idx="369">
                  <c:v>40690</c:v>
                </c:pt>
                <c:pt idx="370">
                  <c:v>40693</c:v>
                </c:pt>
                <c:pt idx="371">
                  <c:v>40694</c:v>
                </c:pt>
                <c:pt idx="372">
                  <c:v>40695</c:v>
                </c:pt>
                <c:pt idx="373">
                  <c:v>40696</c:v>
                </c:pt>
                <c:pt idx="374">
                  <c:v>40697</c:v>
                </c:pt>
                <c:pt idx="375">
                  <c:v>40700</c:v>
                </c:pt>
                <c:pt idx="376">
                  <c:v>40701</c:v>
                </c:pt>
                <c:pt idx="377">
                  <c:v>40702</c:v>
                </c:pt>
                <c:pt idx="378">
                  <c:v>40703</c:v>
                </c:pt>
                <c:pt idx="379">
                  <c:v>40704</c:v>
                </c:pt>
                <c:pt idx="380">
                  <c:v>40707</c:v>
                </c:pt>
                <c:pt idx="381">
                  <c:v>40708</c:v>
                </c:pt>
                <c:pt idx="382">
                  <c:v>40709</c:v>
                </c:pt>
                <c:pt idx="383">
                  <c:v>40710</c:v>
                </c:pt>
                <c:pt idx="384">
                  <c:v>40711</c:v>
                </c:pt>
                <c:pt idx="385">
                  <c:v>40714</c:v>
                </c:pt>
                <c:pt idx="386">
                  <c:v>40715</c:v>
                </c:pt>
                <c:pt idx="387">
                  <c:v>40716</c:v>
                </c:pt>
                <c:pt idx="388">
                  <c:v>40717</c:v>
                </c:pt>
                <c:pt idx="389">
                  <c:v>40718</c:v>
                </c:pt>
                <c:pt idx="390">
                  <c:v>40721</c:v>
                </c:pt>
                <c:pt idx="391">
                  <c:v>40722</c:v>
                </c:pt>
                <c:pt idx="392">
                  <c:v>40723</c:v>
                </c:pt>
                <c:pt idx="393">
                  <c:v>40724</c:v>
                </c:pt>
                <c:pt idx="394">
                  <c:v>40725</c:v>
                </c:pt>
                <c:pt idx="395">
                  <c:v>40728</c:v>
                </c:pt>
                <c:pt idx="396">
                  <c:v>40729</c:v>
                </c:pt>
                <c:pt idx="397">
                  <c:v>40730</c:v>
                </c:pt>
                <c:pt idx="398">
                  <c:v>40731</c:v>
                </c:pt>
                <c:pt idx="399">
                  <c:v>40732</c:v>
                </c:pt>
                <c:pt idx="400">
                  <c:v>40735</c:v>
                </c:pt>
                <c:pt idx="401">
                  <c:v>40736</c:v>
                </c:pt>
                <c:pt idx="402">
                  <c:v>40737</c:v>
                </c:pt>
                <c:pt idx="403">
                  <c:v>40738</c:v>
                </c:pt>
                <c:pt idx="404">
                  <c:v>40739</c:v>
                </c:pt>
                <c:pt idx="405">
                  <c:v>40742</c:v>
                </c:pt>
                <c:pt idx="406">
                  <c:v>40743</c:v>
                </c:pt>
                <c:pt idx="407">
                  <c:v>40744</c:v>
                </c:pt>
                <c:pt idx="408">
                  <c:v>40745</c:v>
                </c:pt>
                <c:pt idx="409">
                  <c:v>40746</c:v>
                </c:pt>
                <c:pt idx="410">
                  <c:v>40749</c:v>
                </c:pt>
                <c:pt idx="411">
                  <c:v>40750</c:v>
                </c:pt>
                <c:pt idx="412">
                  <c:v>40751</c:v>
                </c:pt>
                <c:pt idx="413">
                  <c:v>40752</c:v>
                </c:pt>
                <c:pt idx="414">
                  <c:v>40753</c:v>
                </c:pt>
                <c:pt idx="415">
                  <c:v>40755</c:v>
                </c:pt>
                <c:pt idx="416">
                  <c:v>40756</c:v>
                </c:pt>
                <c:pt idx="417">
                  <c:v>40757</c:v>
                </c:pt>
                <c:pt idx="418">
                  <c:v>40758</c:v>
                </c:pt>
                <c:pt idx="419">
                  <c:v>40759</c:v>
                </c:pt>
                <c:pt idx="420">
                  <c:v>40760</c:v>
                </c:pt>
                <c:pt idx="421">
                  <c:v>40763</c:v>
                </c:pt>
                <c:pt idx="422">
                  <c:v>40764</c:v>
                </c:pt>
                <c:pt idx="423">
                  <c:v>40765</c:v>
                </c:pt>
                <c:pt idx="424">
                  <c:v>40766</c:v>
                </c:pt>
                <c:pt idx="425">
                  <c:v>40767</c:v>
                </c:pt>
                <c:pt idx="426">
                  <c:v>40770</c:v>
                </c:pt>
                <c:pt idx="427">
                  <c:v>40771</c:v>
                </c:pt>
                <c:pt idx="428">
                  <c:v>40772</c:v>
                </c:pt>
                <c:pt idx="429">
                  <c:v>40773</c:v>
                </c:pt>
                <c:pt idx="430">
                  <c:v>40774</c:v>
                </c:pt>
                <c:pt idx="431">
                  <c:v>40777</c:v>
                </c:pt>
                <c:pt idx="432">
                  <c:v>40778</c:v>
                </c:pt>
                <c:pt idx="433">
                  <c:v>40779</c:v>
                </c:pt>
                <c:pt idx="434">
                  <c:v>40780</c:v>
                </c:pt>
                <c:pt idx="435">
                  <c:v>40781</c:v>
                </c:pt>
                <c:pt idx="436">
                  <c:v>40784</c:v>
                </c:pt>
                <c:pt idx="437">
                  <c:v>40785</c:v>
                </c:pt>
                <c:pt idx="438">
                  <c:v>40786</c:v>
                </c:pt>
                <c:pt idx="439">
                  <c:v>40787</c:v>
                </c:pt>
                <c:pt idx="440">
                  <c:v>40788</c:v>
                </c:pt>
                <c:pt idx="441">
                  <c:v>40791</c:v>
                </c:pt>
                <c:pt idx="442">
                  <c:v>40792</c:v>
                </c:pt>
                <c:pt idx="443">
                  <c:v>40793</c:v>
                </c:pt>
                <c:pt idx="444">
                  <c:v>40794</c:v>
                </c:pt>
                <c:pt idx="445">
                  <c:v>40795</c:v>
                </c:pt>
                <c:pt idx="446">
                  <c:v>40798</c:v>
                </c:pt>
                <c:pt idx="447">
                  <c:v>40799</c:v>
                </c:pt>
                <c:pt idx="448">
                  <c:v>40800</c:v>
                </c:pt>
                <c:pt idx="449">
                  <c:v>40801</c:v>
                </c:pt>
                <c:pt idx="450">
                  <c:v>40802</c:v>
                </c:pt>
                <c:pt idx="451">
                  <c:v>40805</c:v>
                </c:pt>
                <c:pt idx="452">
                  <c:v>40806</c:v>
                </c:pt>
                <c:pt idx="453">
                  <c:v>40807</c:v>
                </c:pt>
                <c:pt idx="454">
                  <c:v>40808</c:v>
                </c:pt>
                <c:pt idx="455">
                  <c:v>40809</c:v>
                </c:pt>
                <c:pt idx="456">
                  <c:v>40812</c:v>
                </c:pt>
                <c:pt idx="457">
                  <c:v>40813</c:v>
                </c:pt>
                <c:pt idx="458">
                  <c:v>40814</c:v>
                </c:pt>
                <c:pt idx="459">
                  <c:v>40815</c:v>
                </c:pt>
                <c:pt idx="460">
                  <c:v>40816</c:v>
                </c:pt>
                <c:pt idx="461">
                  <c:v>40819</c:v>
                </c:pt>
                <c:pt idx="462">
                  <c:v>40820</c:v>
                </c:pt>
                <c:pt idx="463">
                  <c:v>40821</c:v>
                </c:pt>
                <c:pt idx="464">
                  <c:v>40822</c:v>
                </c:pt>
                <c:pt idx="465">
                  <c:v>40823</c:v>
                </c:pt>
                <c:pt idx="466">
                  <c:v>40826</c:v>
                </c:pt>
                <c:pt idx="467">
                  <c:v>40827</c:v>
                </c:pt>
                <c:pt idx="468">
                  <c:v>40828</c:v>
                </c:pt>
                <c:pt idx="469">
                  <c:v>40829</c:v>
                </c:pt>
                <c:pt idx="470">
                  <c:v>40830</c:v>
                </c:pt>
                <c:pt idx="471">
                  <c:v>40833</c:v>
                </c:pt>
                <c:pt idx="472">
                  <c:v>40834</c:v>
                </c:pt>
                <c:pt idx="473">
                  <c:v>40835</c:v>
                </c:pt>
                <c:pt idx="474">
                  <c:v>40836</c:v>
                </c:pt>
                <c:pt idx="475">
                  <c:v>40837</c:v>
                </c:pt>
                <c:pt idx="476">
                  <c:v>40840</c:v>
                </c:pt>
                <c:pt idx="477">
                  <c:v>40841</c:v>
                </c:pt>
                <c:pt idx="478">
                  <c:v>40842</c:v>
                </c:pt>
                <c:pt idx="479">
                  <c:v>40843</c:v>
                </c:pt>
                <c:pt idx="480">
                  <c:v>40844</c:v>
                </c:pt>
                <c:pt idx="481">
                  <c:v>40847</c:v>
                </c:pt>
                <c:pt idx="482">
                  <c:v>40848</c:v>
                </c:pt>
                <c:pt idx="483">
                  <c:v>40849</c:v>
                </c:pt>
                <c:pt idx="484">
                  <c:v>40850</c:v>
                </c:pt>
                <c:pt idx="485">
                  <c:v>40851</c:v>
                </c:pt>
                <c:pt idx="486">
                  <c:v>40854</c:v>
                </c:pt>
                <c:pt idx="487">
                  <c:v>40855</c:v>
                </c:pt>
                <c:pt idx="488">
                  <c:v>40856</c:v>
                </c:pt>
                <c:pt idx="489">
                  <c:v>40857</c:v>
                </c:pt>
                <c:pt idx="490">
                  <c:v>40858</c:v>
                </c:pt>
                <c:pt idx="491">
                  <c:v>40861</c:v>
                </c:pt>
                <c:pt idx="492">
                  <c:v>40862</c:v>
                </c:pt>
                <c:pt idx="493">
                  <c:v>40863</c:v>
                </c:pt>
                <c:pt idx="494">
                  <c:v>40864</c:v>
                </c:pt>
                <c:pt idx="495">
                  <c:v>40865</c:v>
                </c:pt>
                <c:pt idx="496">
                  <c:v>40868</c:v>
                </c:pt>
                <c:pt idx="497">
                  <c:v>40869</c:v>
                </c:pt>
                <c:pt idx="498">
                  <c:v>40870</c:v>
                </c:pt>
                <c:pt idx="499">
                  <c:v>40871</c:v>
                </c:pt>
                <c:pt idx="500">
                  <c:v>40872</c:v>
                </c:pt>
                <c:pt idx="501">
                  <c:v>40875</c:v>
                </c:pt>
                <c:pt idx="502">
                  <c:v>40876</c:v>
                </c:pt>
                <c:pt idx="503">
                  <c:v>40877</c:v>
                </c:pt>
                <c:pt idx="504">
                  <c:v>40878</c:v>
                </c:pt>
                <c:pt idx="505">
                  <c:v>40879</c:v>
                </c:pt>
                <c:pt idx="506">
                  <c:v>40882</c:v>
                </c:pt>
                <c:pt idx="507">
                  <c:v>40883</c:v>
                </c:pt>
                <c:pt idx="508">
                  <c:v>40884</c:v>
                </c:pt>
                <c:pt idx="509">
                  <c:v>40885</c:v>
                </c:pt>
                <c:pt idx="510">
                  <c:v>40886</c:v>
                </c:pt>
                <c:pt idx="511">
                  <c:v>40889</c:v>
                </c:pt>
                <c:pt idx="512">
                  <c:v>40890</c:v>
                </c:pt>
                <c:pt idx="513">
                  <c:v>40891</c:v>
                </c:pt>
                <c:pt idx="514">
                  <c:v>40892</c:v>
                </c:pt>
                <c:pt idx="515">
                  <c:v>40893</c:v>
                </c:pt>
                <c:pt idx="516">
                  <c:v>40896</c:v>
                </c:pt>
                <c:pt idx="517">
                  <c:v>40897</c:v>
                </c:pt>
                <c:pt idx="518">
                  <c:v>40898</c:v>
                </c:pt>
                <c:pt idx="519">
                  <c:v>40899</c:v>
                </c:pt>
                <c:pt idx="520">
                  <c:v>40900</c:v>
                </c:pt>
                <c:pt idx="522">
                  <c:v>40904</c:v>
                </c:pt>
                <c:pt idx="523">
                  <c:v>40905</c:v>
                </c:pt>
                <c:pt idx="524">
                  <c:v>40906</c:v>
                </c:pt>
                <c:pt idx="525">
                  <c:v>40907</c:v>
                </c:pt>
                <c:pt idx="526">
                  <c:v>40908</c:v>
                </c:pt>
                <c:pt idx="528">
                  <c:v>40911</c:v>
                </c:pt>
                <c:pt idx="529">
                  <c:v>40912</c:v>
                </c:pt>
                <c:pt idx="530">
                  <c:v>40913</c:v>
                </c:pt>
                <c:pt idx="531">
                  <c:v>40914</c:v>
                </c:pt>
                <c:pt idx="532">
                  <c:v>40917</c:v>
                </c:pt>
                <c:pt idx="533">
                  <c:v>40918</c:v>
                </c:pt>
                <c:pt idx="534">
                  <c:v>40919</c:v>
                </c:pt>
                <c:pt idx="535">
                  <c:v>40920</c:v>
                </c:pt>
                <c:pt idx="536">
                  <c:v>40921</c:v>
                </c:pt>
                <c:pt idx="537">
                  <c:v>40924</c:v>
                </c:pt>
                <c:pt idx="538">
                  <c:v>40925</c:v>
                </c:pt>
                <c:pt idx="539">
                  <c:v>40926</c:v>
                </c:pt>
                <c:pt idx="540">
                  <c:v>40927</c:v>
                </c:pt>
                <c:pt idx="541">
                  <c:v>40928</c:v>
                </c:pt>
                <c:pt idx="542">
                  <c:v>40931</c:v>
                </c:pt>
                <c:pt idx="543">
                  <c:v>40932</c:v>
                </c:pt>
                <c:pt idx="544">
                  <c:v>40933</c:v>
                </c:pt>
                <c:pt idx="545">
                  <c:v>40934</c:v>
                </c:pt>
                <c:pt idx="546">
                  <c:v>40935</c:v>
                </c:pt>
                <c:pt idx="547">
                  <c:v>40938</c:v>
                </c:pt>
                <c:pt idx="548">
                  <c:v>40939</c:v>
                </c:pt>
                <c:pt idx="549">
                  <c:v>40940</c:v>
                </c:pt>
                <c:pt idx="550">
                  <c:v>40941</c:v>
                </c:pt>
                <c:pt idx="551">
                  <c:v>40942</c:v>
                </c:pt>
                <c:pt idx="552">
                  <c:v>40945</c:v>
                </c:pt>
                <c:pt idx="553">
                  <c:v>40946</c:v>
                </c:pt>
                <c:pt idx="554">
                  <c:v>40947</c:v>
                </c:pt>
                <c:pt idx="555">
                  <c:v>40948</c:v>
                </c:pt>
                <c:pt idx="556">
                  <c:v>40949</c:v>
                </c:pt>
                <c:pt idx="557">
                  <c:v>40952</c:v>
                </c:pt>
                <c:pt idx="558">
                  <c:v>40953</c:v>
                </c:pt>
                <c:pt idx="559">
                  <c:v>40954</c:v>
                </c:pt>
                <c:pt idx="560">
                  <c:v>40955</c:v>
                </c:pt>
                <c:pt idx="561">
                  <c:v>40956</c:v>
                </c:pt>
                <c:pt idx="562">
                  <c:v>40959</c:v>
                </c:pt>
                <c:pt idx="563">
                  <c:v>40960</c:v>
                </c:pt>
                <c:pt idx="564">
                  <c:v>40961</c:v>
                </c:pt>
                <c:pt idx="565">
                  <c:v>40962</c:v>
                </c:pt>
                <c:pt idx="566">
                  <c:v>40963</c:v>
                </c:pt>
                <c:pt idx="567">
                  <c:v>40966</c:v>
                </c:pt>
                <c:pt idx="568">
                  <c:v>40967</c:v>
                </c:pt>
                <c:pt idx="569">
                  <c:v>40968</c:v>
                </c:pt>
                <c:pt idx="570">
                  <c:v>40969</c:v>
                </c:pt>
                <c:pt idx="571">
                  <c:v>40970</c:v>
                </c:pt>
                <c:pt idx="572">
                  <c:v>40973</c:v>
                </c:pt>
                <c:pt idx="573">
                  <c:v>40974</c:v>
                </c:pt>
                <c:pt idx="574">
                  <c:v>40975</c:v>
                </c:pt>
                <c:pt idx="575">
                  <c:v>40976</c:v>
                </c:pt>
                <c:pt idx="576">
                  <c:v>40977</c:v>
                </c:pt>
                <c:pt idx="577">
                  <c:v>40980</c:v>
                </c:pt>
                <c:pt idx="578">
                  <c:v>40981</c:v>
                </c:pt>
                <c:pt idx="579">
                  <c:v>40982</c:v>
                </c:pt>
                <c:pt idx="580">
                  <c:v>40983</c:v>
                </c:pt>
                <c:pt idx="581">
                  <c:v>40984</c:v>
                </c:pt>
                <c:pt idx="582">
                  <c:v>40987</c:v>
                </c:pt>
                <c:pt idx="583">
                  <c:v>40988</c:v>
                </c:pt>
                <c:pt idx="584">
                  <c:v>40989</c:v>
                </c:pt>
                <c:pt idx="585">
                  <c:v>40990</c:v>
                </c:pt>
                <c:pt idx="586">
                  <c:v>40991</c:v>
                </c:pt>
                <c:pt idx="587">
                  <c:v>40994</c:v>
                </c:pt>
                <c:pt idx="588">
                  <c:v>40995</c:v>
                </c:pt>
                <c:pt idx="589">
                  <c:v>40996</c:v>
                </c:pt>
                <c:pt idx="590">
                  <c:v>40997</c:v>
                </c:pt>
                <c:pt idx="591">
                  <c:v>40998</c:v>
                </c:pt>
                <c:pt idx="592">
                  <c:v>40999</c:v>
                </c:pt>
                <c:pt idx="593">
                  <c:v>41001</c:v>
                </c:pt>
                <c:pt idx="594">
                  <c:v>41002</c:v>
                </c:pt>
                <c:pt idx="595">
                  <c:v>41003</c:v>
                </c:pt>
                <c:pt idx="596">
                  <c:v>41004</c:v>
                </c:pt>
                <c:pt idx="598">
                  <c:v>41008</c:v>
                </c:pt>
                <c:pt idx="599">
                  <c:v>41009</c:v>
                </c:pt>
                <c:pt idx="600">
                  <c:v>41010</c:v>
                </c:pt>
                <c:pt idx="601">
                  <c:v>41011</c:v>
                </c:pt>
                <c:pt idx="602">
                  <c:v>41012</c:v>
                </c:pt>
                <c:pt idx="603">
                  <c:v>41015</c:v>
                </c:pt>
                <c:pt idx="604">
                  <c:v>41016</c:v>
                </c:pt>
                <c:pt idx="605">
                  <c:v>41017</c:v>
                </c:pt>
                <c:pt idx="606">
                  <c:v>41018</c:v>
                </c:pt>
                <c:pt idx="607">
                  <c:v>41019</c:v>
                </c:pt>
                <c:pt idx="608">
                  <c:v>41022</c:v>
                </c:pt>
                <c:pt idx="609">
                  <c:v>41023</c:v>
                </c:pt>
                <c:pt idx="610">
                  <c:v>41024</c:v>
                </c:pt>
                <c:pt idx="611">
                  <c:v>41025</c:v>
                </c:pt>
                <c:pt idx="612">
                  <c:v>41026</c:v>
                </c:pt>
                <c:pt idx="613">
                  <c:v>41029</c:v>
                </c:pt>
                <c:pt idx="614">
                  <c:v>41030</c:v>
                </c:pt>
                <c:pt idx="615">
                  <c:v>41031</c:v>
                </c:pt>
                <c:pt idx="616">
                  <c:v>41032</c:v>
                </c:pt>
                <c:pt idx="617">
                  <c:v>41033</c:v>
                </c:pt>
                <c:pt idx="618">
                  <c:v>41036</c:v>
                </c:pt>
                <c:pt idx="619">
                  <c:v>41037</c:v>
                </c:pt>
                <c:pt idx="620">
                  <c:v>41038</c:v>
                </c:pt>
                <c:pt idx="621">
                  <c:v>41039</c:v>
                </c:pt>
                <c:pt idx="622">
                  <c:v>41040</c:v>
                </c:pt>
                <c:pt idx="623">
                  <c:v>41043</c:v>
                </c:pt>
                <c:pt idx="624">
                  <c:v>41044</c:v>
                </c:pt>
                <c:pt idx="625">
                  <c:v>41045</c:v>
                </c:pt>
                <c:pt idx="626">
                  <c:v>41046</c:v>
                </c:pt>
                <c:pt idx="627">
                  <c:v>41047</c:v>
                </c:pt>
                <c:pt idx="628">
                  <c:v>41050</c:v>
                </c:pt>
                <c:pt idx="629">
                  <c:v>41051</c:v>
                </c:pt>
                <c:pt idx="630">
                  <c:v>41052</c:v>
                </c:pt>
                <c:pt idx="631">
                  <c:v>41053</c:v>
                </c:pt>
                <c:pt idx="632">
                  <c:v>41054</c:v>
                </c:pt>
                <c:pt idx="633">
                  <c:v>41057</c:v>
                </c:pt>
                <c:pt idx="634">
                  <c:v>41058</c:v>
                </c:pt>
                <c:pt idx="635">
                  <c:v>41059</c:v>
                </c:pt>
                <c:pt idx="636">
                  <c:v>41060</c:v>
                </c:pt>
                <c:pt idx="637">
                  <c:v>41061</c:v>
                </c:pt>
                <c:pt idx="638">
                  <c:v>41064</c:v>
                </c:pt>
                <c:pt idx="639">
                  <c:v>41065</c:v>
                </c:pt>
                <c:pt idx="640">
                  <c:v>41066</c:v>
                </c:pt>
                <c:pt idx="641">
                  <c:v>41067</c:v>
                </c:pt>
                <c:pt idx="642">
                  <c:v>41068</c:v>
                </c:pt>
                <c:pt idx="643">
                  <c:v>41071</c:v>
                </c:pt>
                <c:pt idx="644">
                  <c:v>41072</c:v>
                </c:pt>
                <c:pt idx="645">
                  <c:v>41073</c:v>
                </c:pt>
                <c:pt idx="646">
                  <c:v>41074</c:v>
                </c:pt>
                <c:pt idx="647">
                  <c:v>41075</c:v>
                </c:pt>
                <c:pt idx="648">
                  <c:v>41078</c:v>
                </c:pt>
                <c:pt idx="649">
                  <c:v>41079</c:v>
                </c:pt>
                <c:pt idx="650">
                  <c:v>41080</c:v>
                </c:pt>
                <c:pt idx="651">
                  <c:v>41081</c:v>
                </c:pt>
                <c:pt idx="652">
                  <c:v>41082</c:v>
                </c:pt>
                <c:pt idx="653">
                  <c:v>41085</c:v>
                </c:pt>
                <c:pt idx="654">
                  <c:v>41086</c:v>
                </c:pt>
                <c:pt idx="655">
                  <c:v>41087</c:v>
                </c:pt>
                <c:pt idx="656">
                  <c:v>41088</c:v>
                </c:pt>
                <c:pt idx="657">
                  <c:v>41089</c:v>
                </c:pt>
                <c:pt idx="658">
                  <c:v>41090</c:v>
                </c:pt>
                <c:pt idx="659">
                  <c:v>41092</c:v>
                </c:pt>
                <c:pt idx="660">
                  <c:v>41093</c:v>
                </c:pt>
                <c:pt idx="661">
                  <c:v>41094</c:v>
                </c:pt>
                <c:pt idx="662">
                  <c:v>41095</c:v>
                </c:pt>
                <c:pt idx="663">
                  <c:v>41096</c:v>
                </c:pt>
                <c:pt idx="664">
                  <c:v>41099</c:v>
                </c:pt>
                <c:pt idx="665">
                  <c:v>41100</c:v>
                </c:pt>
                <c:pt idx="666">
                  <c:v>41101</c:v>
                </c:pt>
                <c:pt idx="667">
                  <c:v>41102</c:v>
                </c:pt>
                <c:pt idx="668">
                  <c:v>41103</c:v>
                </c:pt>
                <c:pt idx="669">
                  <c:v>41106</c:v>
                </c:pt>
                <c:pt idx="670">
                  <c:v>41107</c:v>
                </c:pt>
                <c:pt idx="671">
                  <c:v>41108</c:v>
                </c:pt>
                <c:pt idx="672">
                  <c:v>41109</c:v>
                </c:pt>
                <c:pt idx="673">
                  <c:v>41110</c:v>
                </c:pt>
                <c:pt idx="674">
                  <c:v>41113</c:v>
                </c:pt>
                <c:pt idx="675">
                  <c:v>41114</c:v>
                </c:pt>
                <c:pt idx="676">
                  <c:v>41115</c:v>
                </c:pt>
                <c:pt idx="677">
                  <c:v>41116</c:v>
                </c:pt>
                <c:pt idx="678">
                  <c:v>41117</c:v>
                </c:pt>
                <c:pt idx="679">
                  <c:v>41120</c:v>
                </c:pt>
                <c:pt idx="680">
                  <c:v>41121</c:v>
                </c:pt>
                <c:pt idx="681">
                  <c:v>41122</c:v>
                </c:pt>
                <c:pt idx="682">
                  <c:v>41123</c:v>
                </c:pt>
                <c:pt idx="683">
                  <c:v>41124</c:v>
                </c:pt>
                <c:pt idx="684">
                  <c:v>41127</c:v>
                </c:pt>
                <c:pt idx="685">
                  <c:v>41128</c:v>
                </c:pt>
                <c:pt idx="686">
                  <c:v>41129</c:v>
                </c:pt>
                <c:pt idx="687">
                  <c:v>41130</c:v>
                </c:pt>
                <c:pt idx="688">
                  <c:v>41131</c:v>
                </c:pt>
                <c:pt idx="689">
                  <c:v>41134</c:v>
                </c:pt>
                <c:pt idx="690">
                  <c:v>41135</c:v>
                </c:pt>
                <c:pt idx="691">
                  <c:v>41136</c:v>
                </c:pt>
                <c:pt idx="692">
                  <c:v>41137</c:v>
                </c:pt>
                <c:pt idx="693">
                  <c:v>41138</c:v>
                </c:pt>
                <c:pt idx="694">
                  <c:v>41141</c:v>
                </c:pt>
                <c:pt idx="695">
                  <c:v>41142</c:v>
                </c:pt>
                <c:pt idx="696">
                  <c:v>41143</c:v>
                </c:pt>
                <c:pt idx="697">
                  <c:v>41144</c:v>
                </c:pt>
                <c:pt idx="698">
                  <c:v>41145</c:v>
                </c:pt>
                <c:pt idx="699">
                  <c:v>41148</c:v>
                </c:pt>
                <c:pt idx="700">
                  <c:v>41149</c:v>
                </c:pt>
                <c:pt idx="701">
                  <c:v>41150</c:v>
                </c:pt>
                <c:pt idx="702">
                  <c:v>41151</c:v>
                </c:pt>
                <c:pt idx="703">
                  <c:v>41152</c:v>
                </c:pt>
                <c:pt idx="704">
                  <c:v>41155</c:v>
                </c:pt>
                <c:pt idx="705">
                  <c:v>41156</c:v>
                </c:pt>
                <c:pt idx="706">
                  <c:v>41157</c:v>
                </c:pt>
                <c:pt idx="707">
                  <c:v>41158</c:v>
                </c:pt>
                <c:pt idx="708">
                  <c:v>41159</c:v>
                </c:pt>
                <c:pt idx="709">
                  <c:v>41162</c:v>
                </c:pt>
                <c:pt idx="710">
                  <c:v>41163</c:v>
                </c:pt>
                <c:pt idx="711">
                  <c:v>41164</c:v>
                </c:pt>
                <c:pt idx="712">
                  <c:v>41165</c:v>
                </c:pt>
                <c:pt idx="713">
                  <c:v>41166</c:v>
                </c:pt>
                <c:pt idx="714">
                  <c:v>41169</c:v>
                </c:pt>
                <c:pt idx="715">
                  <c:v>41170</c:v>
                </c:pt>
                <c:pt idx="716">
                  <c:v>41171</c:v>
                </c:pt>
                <c:pt idx="717">
                  <c:v>41172</c:v>
                </c:pt>
                <c:pt idx="718">
                  <c:v>41173</c:v>
                </c:pt>
                <c:pt idx="719">
                  <c:v>41176</c:v>
                </c:pt>
                <c:pt idx="720">
                  <c:v>41177</c:v>
                </c:pt>
                <c:pt idx="721">
                  <c:v>41178</c:v>
                </c:pt>
                <c:pt idx="722">
                  <c:v>41179</c:v>
                </c:pt>
                <c:pt idx="723">
                  <c:v>41180</c:v>
                </c:pt>
                <c:pt idx="724">
                  <c:v>41182</c:v>
                </c:pt>
                <c:pt idx="725">
                  <c:v>41183</c:v>
                </c:pt>
                <c:pt idx="726">
                  <c:v>41184</c:v>
                </c:pt>
                <c:pt idx="727">
                  <c:v>41185</c:v>
                </c:pt>
                <c:pt idx="728">
                  <c:v>41186</c:v>
                </c:pt>
                <c:pt idx="729">
                  <c:v>41187</c:v>
                </c:pt>
                <c:pt idx="730">
                  <c:v>41190</c:v>
                </c:pt>
                <c:pt idx="731">
                  <c:v>41191</c:v>
                </c:pt>
                <c:pt idx="732">
                  <c:v>41192</c:v>
                </c:pt>
                <c:pt idx="733">
                  <c:v>41193</c:v>
                </c:pt>
                <c:pt idx="734">
                  <c:v>41194</c:v>
                </c:pt>
                <c:pt idx="735">
                  <c:v>41197</c:v>
                </c:pt>
                <c:pt idx="736">
                  <c:v>41198</c:v>
                </c:pt>
                <c:pt idx="737">
                  <c:v>41199</c:v>
                </c:pt>
                <c:pt idx="738">
                  <c:v>41200</c:v>
                </c:pt>
                <c:pt idx="739">
                  <c:v>41201</c:v>
                </c:pt>
                <c:pt idx="740">
                  <c:v>41204</c:v>
                </c:pt>
                <c:pt idx="741">
                  <c:v>41205</c:v>
                </c:pt>
                <c:pt idx="742">
                  <c:v>41206</c:v>
                </c:pt>
                <c:pt idx="743">
                  <c:v>41207</c:v>
                </c:pt>
                <c:pt idx="744">
                  <c:v>41208</c:v>
                </c:pt>
                <c:pt idx="745">
                  <c:v>41211</c:v>
                </c:pt>
                <c:pt idx="747">
                  <c:v>41213</c:v>
                </c:pt>
                <c:pt idx="748">
                  <c:v>41214</c:v>
                </c:pt>
                <c:pt idx="749">
                  <c:v>41215</c:v>
                </c:pt>
                <c:pt idx="750">
                  <c:v>41218</c:v>
                </c:pt>
                <c:pt idx="751">
                  <c:v>41219</c:v>
                </c:pt>
                <c:pt idx="752">
                  <c:v>41220</c:v>
                </c:pt>
                <c:pt idx="753">
                  <c:v>41221</c:v>
                </c:pt>
                <c:pt idx="754">
                  <c:v>41222</c:v>
                </c:pt>
                <c:pt idx="755">
                  <c:v>41225</c:v>
                </c:pt>
                <c:pt idx="756">
                  <c:v>41226</c:v>
                </c:pt>
                <c:pt idx="757">
                  <c:v>41227</c:v>
                </c:pt>
                <c:pt idx="758">
                  <c:v>41228</c:v>
                </c:pt>
                <c:pt idx="759">
                  <c:v>41229</c:v>
                </c:pt>
                <c:pt idx="760">
                  <c:v>41232</c:v>
                </c:pt>
                <c:pt idx="761">
                  <c:v>41233</c:v>
                </c:pt>
                <c:pt idx="762">
                  <c:v>41234</c:v>
                </c:pt>
                <c:pt idx="763">
                  <c:v>41235</c:v>
                </c:pt>
                <c:pt idx="764">
                  <c:v>41236</c:v>
                </c:pt>
                <c:pt idx="765">
                  <c:v>41239</c:v>
                </c:pt>
                <c:pt idx="766">
                  <c:v>41240</c:v>
                </c:pt>
                <c:pt idx="767">
                  <c:v>41241</c:v>
                </c:pt>
                <c:pt idx="768">
                  <c:v>41242</c:v>
                </c:pt>
                <c:pt idx="769">
                  <c:v>41243</c:v>
                </c:pt>
                <c:pt idx="770">
                  <c:v>41246</c:v>
                </c:pt>
                <c:pt idx="771">
                  <c:v>41247</c:v>
                </c:pt>
                <c:pt idx="772">
                  <c:v>41248</c:v>
                </c:pt>
                <c:pt idx="773">
                  <c:v>41249</c:v>
                </c:pt>
                <c:pt idx="774">
                  <c:v>41250</c:v>
                </c:pt>
                <c:pt idx="775">
                  <c:v>41253</c:v>
                </c:pt>
                <c:pt idx="776">
                  <c:v>41254</c:v>
                </c:pt>
                <c:pt idx="777">
                  <c:v>41255</c:v>
                </c:pt>
                <c:pt idx="778">
                  <c:v>41256</c:v>
                </c:pt>
                <c:pt idx="779">
                  <c:v>41257</c:v>
                </c:pt>
                <c:pt idx="780">
                  <c:v>41260</c:v>
                </c:pt>
                <c:pt idx="781">
                  <c:v>41261</c:v>
                </c:pt>
                <c:pt idx="782">
                  <c:v>41262</c:v>
                </c:pt>
                <c:pt idx="783">
                  <c:v>41263</c:v>
                </c:pt>
                <c:pt idx="784">
                  <c:v>41264</c:v>
                </c:pt>
                <c:pt idx="785">
                  <c:v>41267</c:v>
                </c:pt>
                <c:pt idx="787">
                  <c:v>41269</c:v>
                </c:pt>
                <c:pt idx="788">
                  <c:v>41270</c:v>
                </c:pt>
                <c:pt idx="789">
                  <c:v>41271</c:v>
                </c:pt>
                <c:pt idx="790">
                  <c:v>41274</c:v>
                </c:pt>
                <c:pt idx="792">
                  <c:v>41276</c:v>
                </c:pt>
                <c:pt idx="793">
                  <c:v>41277</c:v>
                </c:pt>
                <c:pt idx="794">
                  <c:v>41278</c:v>
                </c:pt>
                <c:pt idx="795">
                  <c:v>41281</c:v>
                </c:pt>
                <c:pt idx="796">
                  <c:v>41282</c:v>
                </c:pt>
                <c:pt idx="797">
                  <c:v>41283</c:v>
                </c:pt>
                <c:pt idx="798">
                  <c:v>41284</c:v>
                </c:pt>
                <c:pt idx="799">
                  <c:v>41285</c:v>
                </c:pt>
                <c:pt idx="800">
                  <c:v>41288</c:v>
                </c:pt>
                <c:pt idx="801">
                  <c:v>41289</c:v>
                </c:pt>
                <c:pt idx="802">
                  <c:v>41290</c:v>
                </c:pt>
                <c:pt idx="803">
                  <c:v>41291</c:v>
                </c:pt>
                <c:pt idx="804">
                  <c:v>41292</c:v>
                </c:pt>
                <c:pt idx="805">
                  <c:v>41295</c:v>
                </c:pt>
                <c:pt idx="806">
                  <c:v>41296</c:v>
                </c:pt>
                <c:pt idx="807">
                  <c:v>41297</c:v>
                </c:pt>
                <c:pt idx="808">
                  <c:v>41298</c:v>
                </c:pt>
                <c:pt idx="809">
                  <c:v>41299</c:v>
                </c:pt>
                <c:pt idx="810">
                  <c:v>41302</c:v>
                </c:pt>
                <c:pt idx="811">
                  <c:v>41303</c:v>
                </c:pt>
                <c:pt idx="812">
                  <c:v>41304</c:v>
                </c:pt>
                <c:pt idx="813">
                  <c:v>41305</c:v>
                </c:pt>
                <c:pt idx="814">
                  <c:v>41306</c:v>
                </c:pt>
                <c:pt idx="815">
                  <c:v>41309</c:v>
                </c:pt>
                <c:pt idx="816">
                  <c:v>41310</c:v>
                </c:pt>
                <c:pt idx="817">
                  <c:v>41311</c:v>
                </c:pt>
                <c:pt idx="818">
                  <c:v>41312</c:v>
                </c:pt>
                <c:pt idx="819">
                  <c:v>41313</c:v>
                </c:pt>
                <c:pt idx="820">
                  <c:v>41316</c:v>
                </c:pt>
                <c:pt idx="821">
                  <c:v>41317</c:v>
                </c:pt>
                <c:pt idx="822">
                  <c:v>41318</c:v>
                </c:pt>
                <c:pt idx="823">
                  <c:v>41319</c:v>
                </c:pt>
                <c:pt idx="824">
                  <c:v>41320</c:v>
                </c:pt>
                <c:pt idx="825">
                  <c:v>41323</c:v>
                </c:pt>
                <c:pt idx="826">
                  <c:v>41324</c:v>
                </c:pt>
                <c:pt idx="827">
                  <c:v>41325</c:v>
                </c:pt>
                <c:pt idx="828">
                  <c:v>41326</c:v>
                </c:pt>
                <c:pt idx="829">
                  <c:v>41327</c:v>
                </c:pt>
                <c:pt idx="830">
                  <c:v>41330</c:v>
                </c:pt>
                <c:pt idx="831">
                  <c:v>41331</c:v>
                </c:pt>
                <c:pt idx="832">
                  <c:v>41332</c:v>
                </c:pt>
                <c:pt idx="833">
                  <c:v>41333</c:v>
                </c:pt>
                <c:pt idx="834">
                  <c:v>41334</c:v>
                </c:pt>
                <c:pt idx="835">
                  <c:v>41337</c:v>
                </c:pt>
                <c:pt idx="836">
                  <c:v>41338</c:v>
                </c:pt>
                <c:pt idx="837">
                  <c:v>41339</c:v>
                </c:pt>
                <c:pt idx="838">
                  <c:v>41340</c:v>
                </c:pt>
                <c:pt idx="839">
                  <c:v>41341</c:v>
                </c:pt>
                <c:pt idx="840">
                  <c:v>41344</c:v>
                </c:pt>
                <c:pt idx="841">
                  <c:v>41345</c:v>
                </c:pt>
                <c:pt idx="842">
                  <c:v>41346</c:v>
                </c:pt>
                <c:pt idx="843">
                  <c:v>41347</c:v>
                </c:pt>
                <c:pt idx="844">
                  <c:v>41348</c:v>
                </c:pt>
                <c:pt idx="845">
                  <c:v>41351</c:v>
                </c:pt>
                <c:pt idx="846">
                  <c:v>41352</c:v>
                </c:pt>
                <c:pt idx="847">
                  <c:v>41353</c:v>
                </c:pt>
                <c:pt idx="848">
                  <c:v>41354</c:v>
                </c:pt>
                <c:pt idx="849">
                  <c:v>41355</c:v>
                </c:pt>
                <c:pt idx="850">
                  <c:v>41358</c:v>
                </c:pt>
                <c:pt idx="851">
                  <c:v>41359</c:v>
                </c:pt>
                <c:pt idx="852">
                  <c:v>41360</c:v>
                </c:pt>
                <c:pt idx="853">
                  <c:v>41361</c:v>
                </c:pt>
                <c:pt idx="855">
                  <c:v>41364</c:v>
                </c:pt>
                <c:pt idx="856">
                  <c:v>41365</c:v>
                </c:pt>
                <c:pt idx="857">
                  <c:v>41366</c:v>
                </c:pt>
                <c:pt idx="858">
                  <c:v>41367</c:v>
                </c:pt>
                <c:pt idx="859">
                  <c:v>41368</c:v>
                </c:pt>
                <c:pt idx="860">
                  <c:v>41369</c:v>
                </c:pt>
                <c:pt idx="861">
                  <c:v>41372</c:v>
                </c:pt>
                <c:pt idx="862">
                  <c:v>41373</c:v>
                </c:pt>
                <c:pt idx="863">
                  <c:v>41374</c:v>
                </c:pt>
                <c:pt idx="864">
                  <c:v>41375</c:v>
                </c:pt>
                <c:pt idx="865">
                  <c:v>41376</c:v>
                </c:pt>
                <c:pt idx="866">
                  <c:v>41379</c:v>
                </c:pt>
                <c:pt idx="867">
                  <c:v>41380</c:v>
                </c:pt>
                <c:pt idx="868">
                  <c:v>41381</c:v>
                </c:pt>
                <c:pt idx="869">
                  <c:v>41382</c:v>
                </c:pt>
                <c:pt idx="870">
                  <c:v>41383</c:v>
                </c:pt>
                <c:pt idx="871">
                  <c:v>41386</c:v>
                </c:pt>
                <c:pt idx="872">
                  <c:v>41387</c:v>
                </c:pt>
                <c:pt idx="873">
                  <c:v>41388</c:v>
                </c:pt>
                <c:pt idx="874">
                  <c:v>41389</c:v>
                </c:pt>
                <c:pt idx="875">
                  <c:v>41390</c:v>
                </c:pt>
                <c:pt idx="876">
                  <c:v>41393</c:v>
                </c:pt>
                <c:pt idx="877">
                  <c:v>41394</c:v>
                </c:pt>
                <c:pt idx="878">
                  <c:v>41395</c:v>
                </c:pt>
                <c:pt idx="879">
                  <c:v>41396</c:v>
                </c:pt>
                <c:pt idx="880">
                  <c:v>41397</c:v>
                </c:pt>
                <c:pt idx="881">
                  <c:v>41400</c:v>
                </c:pt>
                <c:pt idx="882">
                  <c:v>41401</c:v>
                </c:pt>
                <c:pt idx="883">
                  <c:v>41402</c:v>
                </c:pt>
                <c:pt idx="884">
                  <c:v>41403</c:v>
                </c:pt>
                <c:pt idx="885">
                  <c:v>41404</c:v>
                </c:pt>
                <c:pt idx="886">
                  <c:v>41407</c:v>
                </c:pt>
                <c:pt idx="887">
                  <c:v>41408</c:v>
                </c:pt>
                <c:pt idx="888">
                  <c:v>41409</c:v>
                </c:pt>
                <c:pt idx="889">
                  <c:v>41410</c:v>
                </c:pt>
                <c:pt idx="890">
                  <c:v>41411</c:v>
                </c:pt>
                <c:pt idx="891">
                  <c:v>41414</c:v>
                </c:pt>
                <c:pt idx="892">
                  <c:v>41415</c:v>
                </c:pt>
                <c:pt idx="893">
                  <c:v>41416</c:v>
                </c:pt>
                <c:pt idx="894">
                  <c:v>41417</c:v>
                </c:pt>
                <c:pt idx="895">
                  <c:v>41418</c:v>
                </c:pt>
                <c:pt idx="896">
                  <c:v>41421</c:v>
                </c:pt>
                <c:pt idx="897">
                  <c:v>41422</c:v>
                </c:pt>
                <c:pt idx="898">
                  <c:v>41423</c:v>
                </c:pt>
                <c:pt idx="899">
                  <c:v>41424</c:v>
                </c:pt>
                <c:pt idx="900">
                  <c:v>41425</c:v>
                </c:pt>
                <c:pt idx="901">
                  <c:v>41428</c:v>
                </c:pt>
                <c:pt idx="902">
                  <c:v>41429</c:v>
                </c:pt>
                <c:pt idx="903">
                  <c:v>41430</c:v>
                </c:pt>
                <c:pt idx="904">
                  <c:v>41431</c:v>
                </c:pt>
                <c:pt idx="905">
                  <c:v>41432</c:v>
                </c:pt>
                <c:pt idx="906">
                  <c:v>41435</c:v>
                </c:pt>
                <c:pt idx="907">
                  <c:v>41436</c:v>
                </c:pt>
                <c:pt idx="908">
                  <c:v>41437</c:v>
                </c:pt>
                <c:pt idx="909">
                  <c:v>41438</c:v>
                </c:pt>
                <c:pt idx="910">
                  <c:v>41439</c:v>
                </c:pt>
                <c:pt idx="911">
                  <c:v>41442</c:v>
                </c:pt>
                <c:pt idx="912">
                  <c:v>41443</c:v>
                </c:pt>
                <c:pt idx="913">
                  <c:v>41444</c:v>
                </c:pt>
                <c:pt idx="914">
                  <c:v>41445</c:v>
                </c:pt>
                <c:pt idx="915">
                  <c:v>41446</c:v>
                </c:pt>
                <c:pt idx="916">
                  <c:v>41449</c:v>
                </c:pt>
                <c:pt idx="917">
                  <c:v>41450</c:v>
                </c:pt>
                <c:pt idx="918">
                  <c:v>41451</c:v>
                </c:pt>
                <c:pt idx="919">
                  <c:v>41452</c:v>
                </c:pt>
                <c:pt idx="920">
                  <c:v>41453</c:v>
                </c:pt>
                <c:pt idx="921">
                  <c:v>41455</c:v>
                </c:pt>
                <c:pt idx="922">
                  <c:v>41456</c:v>
                </c:pt>
                <c:pt idx="923">
                  <c:v>41457</c:v>
                </c:pt>
                <c:pt idx="924">
                  <c:v>41458</c:v>
                </c:pt>
                <c:pt idx="925">
                  <c:v>41459</c:v>
                </c:pt>
                <c:pt idx="926">
                  <c:v>41460</c:v>
                </c:pt>
                <c:pt idx="927">
                  <c:v>41463</c:v>
                </c:pt>
                <c:pt idx="928">
                  <c:v>41464</c:v>
                </c:pt>
                <c:pt idx="929">
                  <c:v>41465</c:v>
                </c:pt>
                <c:pt idx="930">
                  <c:v>41466</c:v>
                </c:pt>
                <c:pt idx="931">
                  <c:v>41467</c:v>
                </c:pt>
                <c:pt idx="932">
                  <c:v>41470</c:v>
                </c:pt>
                <c:pt idx="933">
                  <c:v>41471</c:v>
                </c:pt>
                <c:pt idx="934">
                  <c:v>41472</c:v>
                </c:pt>
                <c:pt idx="935">
                  <c:v>41473</c:v>
                </c:pt>
                <c:pt idx="936">
                  <c:v>41474</c:v>
                </c:pt>
                <c:pt idx="937">
                  <c:v>41477</c:v>
                </c:pt>
                <c:pt idx="938">
                  <c:v>41478</c:v>
                </c:pt>
                <c:pt idx="939">
                  <c:v>41479</c:v>
                </c:pt>
                <c:pt idx="940">
                  <c:v>41480</c:v>
                </c:pt>
                <c:pt idx="941">
                  <c:v>41481</c:v>
                </c:pt>
                <c:pt idx="942">
                  <c:v>41484</c:v>
                </c:pt>
                <c:pt idx="943">
                  <c:v>41485</c:v>
                </c:pt>
                <c:pt idx="944">
                  <c:v>41486</c:v>
                </c:pt>
                <c:pt idx="945">
                  <c:v>41487</c:v>
                </c:pt>
                <c:pt idx="946">
                  <c:v>41488</c:v>
                </c:pt>
                <c:pt idx="947">
                  <c:v>41491</c:v>
                </c:pt>
                <c:pt idx="948">
                  <c:v>41492</c:v>
                </c:pt>
                <c:pt idx="949">
                  <c:v>41493</c:v>
                </c:pt>
                <c:pt idx="950">
                  <c:v>41494</c:v>
                </c:pt>
                <c:pt idx="951">
                  <c:v>41495</c:v>
                </c:pt>
                <c:pt idx="952">
                  <c:v>41498</c:v>
                </c:pt>
                <c:pt idx="953">
                  <c:v>41499</c:v>
                </c:pt>
                <c:pt idx="954">
                  <c:v>41500</c:v>
                </c:pt>
                <c:pt idx="955">
                  <c:v>41501</c:v>
                </c:pt>
                <c:pt idx="956">
                  <c:v>41502</c:v>
                </c:pt>
                <c:pt idx="957">
                  <c:v>41505</c:v>
                </c:pt>
                <c:pt idx="958">
                  <c:v>41506</c:v>
                </c:pt>
                <c:pt idx="959">
                  <c:v>41507</c:v>
                </c:pt>
                <c:pt idx="960">
                  <c:v>41508</c:v>
                </c:pt>
                <c:pt idx="961">
                  <c:v>41509</c:v>
                </c:pt>
                <c:pt idx="962">
                  <c:v>41512</c:v>
                </c:pt>
                <c:pt idx="963">
                  <c:v>41513</c:v>
                </c:pt>
                <c:pt idx="964">
                  <c:v>41514</c:v>
                </c:pt>
                <c:pt idx="965">
                  <c:v>41515</c:v>
                </c:pt>
                <c:pt idx="967">
                  <c:v>41519</c:v>
                </c:pt>
                <c:pt idx="968">
                  <c:v>41520</c:v>
                </c:pt>
                <c:pt idx="969">
                  <c:v>41521</c:v>
                </c:pt>
                <c:pt idx="970">
                  <c:v>41522</c:v>
                </c:pt>
                <c:pt idx="971">
                  <c:v>41523</c:v>
                </c:pt>
                <c:pt idx="972">
                  <c:v>41526</c:v>
                </c:pt>
                <c:pt idx="973">
                  <c:v>41527</c:v>
                </c:pt>
                <c:pt idx="974">
                  <c:v>41528</c:v>
                </c:pt>
                <c:pt idx="975">
                  <c:v>41529</c:v>
                </c:pt>
                <c:pt idx="976">
                  <c:v>41530</c:v>
                </c:pt>
                <c:pt idx="977">
                  <c:v>41533</c:v>
                </c:pt>
                <c:pt idx="978">
                  <c:v>41534</c:v>
                </c:pt>
                <c:pt idx="979">
                  <c:v>41535</c:v>
                </c:pt>
                <c:pt idx="980">
                  <c:v>41536</c:v>
                </c:pt>
                <c:pt idx="981">
                  <c:v>41537</c:v>
                </c:pt>
                <c:pt idx="982">
                  <c:v>41540</c:v>
                </c:pt>
                <c:pt idx="983">
                  <c:v>41541</c:v>
                </c:pt>
                <c:pt idx="984">
                  <c:v>41542</c:v>
                </c:pt>
                <c:pt idx="985">
                  <c:v>41543</c:v>
                </c:pt>
                <c:pt idx="986">
                  <c:v>41544</c:v>
                </c:pt>
                <c:pt idx="987">
                  <c:v>41547</c:v>
                </c:pt>
                <c:pt idx="988">
                  <c:v>41548</c:v>
                </c:pt>
                <c:pt idx="989">
                  <c:v>41549</c:v>
                </c:pt>
                <c:pt idx="990">
                  <c:v>41550</c:v>
                </c:pt>
                <c:pt idx="991">
                  <c:v>41551</c:v>
                </c:pt>
                <c:pt idx="992">
                  <c:v>41554</c:v>
                </c:pt>
                <c:pt idx="993">
                  <c:v>41555</c:v>
                </c:pt>
                <c:pt idx="994">
                  <c:v>41556</c:v>
                </c:pt>
                <c:pt idx="995">
                  <c:v>41557</c:v>
                </c:pt>
                <c:pt idx="996">
                  <c:v>41558</c:v>
                </c:pt>
                <c:pt idx="997">
                  <c:v>41561</c:v>
                </c:pt>
                <c:pt idx="998">
                  <c:v>41562</c:v>
                </c:pt>
                <c:pt idx="999">
                  <c:v>41563</c:v>
                </c:pt>
                <c:pt idx="1000">
                  <c:v>41564</c:v>
                </c:pt>
                <c:pt idx="1001">
                  <c:v>41565</c:v>
                </c:pt>
                <c:pt idx="1002">
                  <c:v>41568</c:v>
                </c:pt>
                <c:pt idx="1003">
                  <c:v>41569</c:v>
                </c:pt>
                <c:pt idx="1004">
                  <c:v>41570</c:v>
                </c:pt>
                <c:pt idx="1005">
                  <c:v>41571</c:v>
                </c:pt>
                <c:pt idx="1006">
                  <c:v>41572</c:v>
                </c:pt>
                <c:pt idx="1007">
                  <c:v>41575</c:v>
                </c:pt>
                <c:pt idx="1008">
                  <c:v>41576</c:v>
                </c:pt>
                <c:pt idx="1009">
                  <c:v>41577</c:v>
                </c:pt>
                <c:pt idx="1010">
                  <c:v>41578</c:v>
                </c:pt>
                <c:pt idx="1011">
                  <c:v>41579</c:v>
                </c:pt>
                <c:pt idx="1012">
                  <c:v>41582</c:v>
                </c:pt>
                <c:pt idx="1013">
                  <c:v>41583</c:v>
                </c:pt>
                <c:pt idx="1014">
                  <c:v>41584</c:v>
                </c:pt>
                <c:pt idx="1015">
                  <c:v>41585</c:v>
                </c:pt>
                <c:pt idx="1016">
                  <c:v>41586</c:v>
                </c:pt>
                <c:pt idx="1017">
                  <c:v>41589</c:v>
                </c:pt>
                <c:pt idx="1018">
                  <c:v>41590</c:v>
                </c:pt>
                <c:pt idx="1019">
                  <c:v>41591</c:v>
                </c:pt>
                <c:pt idx="1020">
                  <c:v>41592</c:v>
                </c:pt>
                <c:pt idx="1021">
                  <c:v>41593</c:v>
                </c:pt>
                <c:pt idx="1022">
                  <c:v>41596</c:v>
                </c:pt>
                <c:pt idx="1023">
                  <c:v>41597</c:v>
                </c:pt>
                <c:pt idx="1024">
                  <c:v>41598</c:v>
                </c:pt>
                <c:pt idx="1025">
                  <c:v>41599</c:v>
                </c:pt>
                <c:pt idx="1026">
                  <c:v>41600</c:v>
                </c:pt>
                <c:pt idx="1027">
                  <c:v>41603</c:v>
                </c:pt>
                <c:pt idx="1028">
                  <c:v>41604</c:v>
                </c:pt>
                <c:pt idx="1029">
                  <c:v>41605</c:v>
                </c:pt>
                <c:pt idx="1030">
                  <c:v>41606</c:v>
                </c:pt>
                <c:pt idx="1031">
                  <c:v>41607</c:v>
                </c:pt>
                <c:pt idx="1032">
                  <c:v>41608</c:v>
                </c:pt>
                <c:pt idx="1033">
                  <c:v>41610</c:v>
                </c:pt>
                <c:pt idx="1034">
                  <c:v>41611</c:v>
                </c:pt>
                <c:pt idx="1035">
                  <c:v>41612</c:v>
                </c:pt>
                <c:pt idx="1036">
                  <c:v>41613</c:v>
                </c:pt>
                <c:pt idx="1037">
                  <c:v>41614</c:v>
                </c:pt>
                <c:pt idx="1038">
                  <c:v>41617</c:v>
                </c:pt>
                <c:pt idx="1039">
                  <c:v>41618</c:v>
                </c:pt>
                <c:pt idx="1040">
                  <c:v>41619</c:v>
                </c:pt>
                <c:pt idx="1041">
                  <c:v>41620</c:v>
                </c:pt>
                <c:pt idx="1042">
                  <c:v>41621</c:v>
                </c:pt>
                <c:pt idx="1043">
                  <c:v>41624</c:v>
                </c:pt>
                <c:pt idx="1044">
                  <c:v>41625</c:v>
                </c:pt>
                <c:pt idx="1045">
                  <c:v>41626</c:v>
                </c:pt>
                <c:pt idx="1046">
                  <c:v>41627</c:v>
                </c:pt>
                <c:pt idx="1047">
                  <c:v>41628</c:v>
                </c:pt>
                <c:pt idx="1048">
                  <c:v>41631</c:v>
                </c:pt>
                <c:pt idx="1049">
                  <c:v>41632</c:v>
                </c:pt>
                <c:pt idx="1051">
                  <c:v>41634</c:v>
                </c:pt>
                <c:pt idx="1052">
                  <c:v>41635</c:v>
                </c:pt>
                <c:pt idx="1053">
                  <c:v>41638</c:v>
                </c:pt>
                <c:pt idx="1054">
                  <c:v>41639</c:v>
                </c:pt>
                <c:pt idx="1056">
                  <c:v>41641</c:v>
                </c:pt>
                <c:pt idx="1057">
                  <c:v>41642</c:v>
                </c:pt>
                <c:pt idx="1058">
                  <c:v>41645</c:v>
                </c:pt>
                <c:pt idx="1059">
                  <c:v>41646</c:v>
                </c:pt>
                <c:pt idx="1060">
                  <c:v>41647</c:v>
                </c:pt>
                <c:pt idx="1061">
                  <c:v>41648</c:v>
                </c:pt>
                <c:pt idx="1062">
                  <c:v>41649</c:v>
                </c:pt>
                <c:pt idx="1063">
                  <c:v>41652</c:v>
                </c:pt>
                <c:pt idx="1064">
                  <c:v>41653</c:v>
                </c:pt>
                <c:pt idx="1065">
                  <c:v>41654</c:v>
                </c:pt>
                <c:pt idx="1066">
                  <c:v>41655</c:v>
                </c:pt>
                <c:pt idx="1067">
                  <c:v>41656</c:v>
                </c:pt>
                <c:pt idx="1068">
                  <c:v>41659</c:v>
                </c:pt>
                <c:pt idx="1069">
                  <c:v>41660</c:v>
                </c:pt>
                <c:pt idx="1070">
                  <c:v>41661</c:v>
                </c:pt>
                <c:pt idx="1071">
                  <c:v>41662</c:v>
                </c:pt>
                <c:pt idx="1072">
                  <c:v>41663</c:v>
                </c:pt>
                <c:pt idx="1073">
                  <c:v>41666</c:v>
                </c:pt>
                <c:pt idx="1074">
                  <c:v>41667</c:v>
                </c:pt>
                <c:pt idx="1075">
                  <c:v>41668</c:v>
                </c:pt>
                <c:pt idx="1076">
                  <c:v>41669</c:v>
                </c:pt>
                <c:pt idx="1077">
                  <c:v>41670</c:v>
                </c:pt>
                <c:pt idx="1078">
                  <c:v>41673</c:v>
                </c:pt>
                <c:pt idx="1079">
                  <c:v>41674</c:v>
                </c:pt>
                <c:pt idx="1080">
                  <c:v>41675</c:v>
                </c:pt>
                <c:pt idx="1081">
                  <c:v>41676</c:v>
                </c:pt>
                <c:pt idx="1082">
                  <c:v>41677</c:v>
                </c:pt>
                <c:pt idx="1083">
                  <c:v>41680</c:v>
                </c:pt>
                <c:pt idx="1084">
                  <c:v>41681</c:v>
                </c:pt>
                <c:pt idx="1085">
                  <c:v>41682</c:v>
                </c:pt>
                <c:pt idx="1086">
                  <c:v>41683</c:v>
                </c:pt>
                <c:pt idx="1087">
                  <c:v>41684</c:v>
                </c:pt>
                <c:pt idx="1088">
                  <c:v>41687</c:v>
                </c:pt>
                <c:pt idx="1089">
                  <c:v>41688</c:v>
                </c:pt>
                <c:pt idx="1090">
                  <c:v>41689</c:v>
                </c:pt>
                <c:pt idx="1091">
                  <c:v>41690</c:v>
                </c:pt>
                <c:pt idx="1092">
                  <c:v>41691</c:v>
                </c:pt>
                <c:pt idx="1093">
                  <c:v>41694</c:v>
                </c:pt>
                <c:pt idx="1094">
                  <c:v>41695</c:v>
                </c:pt>
                <c:pt idx="1095">
                  <c:v>41696</c:v>
                </c:pt>
                <c:pt idx="1096">
                  <c:v>41697</c:v>
                </c:pt>
                <c:pt idx="1097">
                  <c:v>41698</c:v>
                </c:pt>
                <c:pt idx="1098">
                  <c:v>41701</c:v>
                </c:pt>
                <c:pt idx="1099">
                  <c:v>41702</c:v>
                </c:pt>
                <c:pt idx="1100">
                  <c:v>41703</c:v>
                </c:pt>
                <c:pt idx="1101">
                  <c:v>41704</c:v>
                </c:pt>
                <c:pt idx="1102">
                  <c:v>41705</c:v>
                </c:pt>
                <c:pt idx="1103">
                  <c:v>41708</c:v>
                </c:pt>
                <c:pt idx="1104">
                  <c:v>41709</c:v>
                </c:pt>
                <c:pt idx="1105">
                  <c:v>41710</c:v>
                </c:pt>
                <c:pt idx="1106">
                  <c:v>41711</c:v>
                </c:pt>
                <c:pt idx="1107">
                  <c:v>41712</c:v>
                </c:pt>
                <c:pt idx="1108">
                  <c:v>41715</c:v>
                </c:pt>
                <c:pt idx="1109">
                  <c:v>41716</c:v>
                </c:pt>
                <c:pt idx="1110">
                  <c:v>41717</c:v>
                </c:pt>
                <c:pt idx="1111">
                  <c:v>41718</c:v>
                </c:pt>
                <c:pt idx="1112">
                  <c:v>41719</c:v>
                </c:pt>
                <c:pt idx="1113">
                  <c:v>41722</c:v>
                </c:pt>
                <c:pt idx="1114">
                  <c:v>41723</c:v>
                </c:pt>
                <c:pt idx="1115">
                  <c:v>41724</c:v>
                </c:pt>
                <c:pt idx="1116">
                  <c:v>41725</c:v>
                </c:pt>
                <c:pt idx="1117">
                  <c:v>41726</c:v>
                </c:pt>
                <c:pt idx="1118">
                  <c:v>41729</c:v>
                </c:pt>
                <c:pt idx="1119">
                  <c:v>41730</c:v>
                </c:pt>
                <c:pt idx="1120">
                  <c:v>41731</c:v>
                </c:pt>
                <c:pt idx="1121">
                  <c:v>41732</c:v>
                </c:pt>
                <c:pt idx="1122">
                  <c:v>41733</c:v>
                </c:pt>
                <c:pt idx="1123">
                  <c:v>41736</c:v>
                </c:pt>
                <c:pt idx="1124">
                  <c:v>41737</c:v>
                </c:pt>
                <c:pt idx="1125">
                  <c:v>41738</c:v>
                </c:pt>
                <c:pt idx="1126">
                  <c:v>41739</c:v>
                </c:pt>
                <c:pt idx="1127">
                  <c:v>41740</c:v>
                </c:pt>
                <c:pt idx="1128">
                  <c:v>41743</c:v>
                </c:pt>
                <c:pt idx="1129">
                  <c:v>41744</c:v>
                </c:pt>
                <c:pt idx="1130">
                  <c:v>41745</c:v>
                </c:pt>
                <c:pt idx="1131">
                  <c:v>41746</c:v>
                </c:pt>
                <c:pt idx="1133">
                  <c:v>41750</c:v>
                </c:pt>
                <c:pt idx="1134">
                  <c:v>41751</c:v>
                </c:pt>
                <c:pt idx="1135">
                  <c:v>41752</c:v>
                </c:pt>
                <c:pt idx="1136">
                  <c:v>41753</c:v>
                </c:pt>
                <c:pt idx="1137">
                  <c:v>41754</c:v>
                </c:pt>
                <c:pt idx="1138">
                  <c:v>41757</c:v>
                </c:pt>
                <c:pt idx="1139">
                  <c:v>41758</c:v>
                </c:pt>
                <c:pt idx="1140">
                  <c:v>41759</c:v>
                </c:pt>
                <c:pt idx="1141">
                  <c:v>41760</c:v>
                </c:pt>
                <c:pt idx="1142">
                  <c:v>41761</c:v>
                </c:pt>
                <c:pt idx="1143">
                  <c:v>41764</c:v>
                </c:pt>
                <c:pt idx="1144">
                  <c:v>41765</c:v>
                </c:pt>
                <c:pt idx="1145">
                  <c:v>41766</c:v>
                </c:pt>
                <c:pt idx="1146">
                  <c:v>41767</c:v>
                </c:pt>
                <c:pt idx="1147">
                  <c:v>41768</c:v>
                </c:pt>
                <c:pt idx="1148">
                  <c:v>41771</c:v>
                </c:pt>
                <c:pt idx="1149">
                  <c:v>41772</c:v>
                </c:pt>
                <c:pt idx="1150">
                  <c:v>41773</c:v>
                </c:pt>
                <c:pt idx="1151">
                  <c:v>41774</c:v>
                </c:pt>
                <c:pt idx="1152">
                  <c:v>41775</c:v>
                </c:pt>
                <c:pt idx="1153">
                  <c:v>41778</c:v>
                </c:pt>
                <c:pt idx="1154">
                  <c:v>41779</c:v>
                </c:pt>
                <c:pt idx="1155">
                  <c:v>41780</c:v>
                </c:pt>
                <c:pt idx="1156">
                  <c:v>41781</c:v>
                </c:pt>
                <c:pt idx="1157">
                  <c:v>41782</c:v>
                </c:pt>
                <c:pt idx="1158">
                  <c:v>41785</c:v>
                </c:pt>
                <c:pt idx="1159">
                  <c:v>41786</c:v>
                </c:pt>
                <c:pt idx="1160">
                  <c:v>41787</c:v>
                </c:pt>
                <c:pt idx="1161">
                  <c:v>41788</c:v>
                </c:pt>
                <c:pt idx="1162">
                  <c:v>41789</c:v>
                </c:pt>
                <c:pt idx="1163">
                  <c:v>41790</c:v>
                </c:pt>
                <c:pt idx="1164">
                  <c:v>41792</c:v>
                </c:pt>
                <c:pt idx="1165">
                  <c:v>41793</c:v>
                </c:pt>
                <c:pt idx="1166">
                  <c:v>41794</c:v>
                </c:pt>
                <c:pt idx="1167">
                  <c:v>41795</c:v>
                </c:pt>
                <c:pt idx="1168">
                  <c:v>41796</c:v>
                </c:pt>
                <c:pt idx="1169">
                  <c:v>41799</c:v>
                </c:pt>
                <c:pt idx="1170">
                  <c:v>41800</c:v>
                </c:pt>
                <c:pt idx="1171">
                  <c:v>41801</c:v>
                </c:pt>
                <c:pt idx="1172">
                  <c:v>41802</c:v>
                </c:pt>
                <c:pt idx="1173">
                  <c:v>41803</c:v>
                </c:pt>
                <c:pt idx="1174">
                  <c:v>41806</c:v>
                </c:pt>
                <c:pt idx="1175">
                  <c:v>41807</c:v>
                </c:pt>
                <c:pt idx="1176">
                  <c:v>41808</c:v>
                </c:pt>
                <c:pt idx="1177">
                  <c:v>41809</c:v>
                </c:pt>
                <c:pt idx="1178">
                  <c:v>41810</c:v>
                </c:pt>
                <c:pt idx="1179">
                  <c:v>41813</c:v>
                </c:pt>
                <c:pt idx="1180">
                  <c:v>41814</c:v>
                </c:pt>
                <c:pt idx="1181">
                  <c:v>41815</c:v>
                </c:pt>
                <c:pt idx="1182">
                  <c:v>41816</c:v>
                </c:pt>
                <c:pt idx="1183">
                  <c:v>41817</c:v>
                </c:pt>
                <c:pt idx="1184">
                  <c:v>41820</c:v>
                </c:pt>
                <c:pt idx="1185">
                  <c:v>41821</c:v>
                </c:pt>
                <c:pt idx="1186">
                  <c:v>41822</c:v>
                </c:pt>
                <c:pt idx="1187">
                  <c:v>41823</c:v>
                </c:pt>
                <c:pt idx="1188">
                  <c:v>41824</c:v>
                </c:pt>
                <c:pt idx="1189">
                  <c:v>41827</c:v>
                </c:pt>
                <c:pt idx="1190">
                  <c:v>41828</c:v>
                </c:pt>
                <c:pt idx="1191">
                  <c:v>41829</c:v>
                </c:pt>
                <c:pt idx="1192">
                  <c:v>41830</c:v>
                </c:pt>
                <c:pt idx="1193">
                  <c:v>41831</c:v>
                </c:pt>
                <c:pt idx="1194">
                  <c:v>41834</c:v>
                </c:pt>
                <c:pt idx="1195">
                  <c:v>41835</c:v>
                </c:pt>
                <c:pt idx="1196">
                  <c:v>41836</c:v>
                </c:pt>
                <c:pt idx="1197">
                  <c:v>41837</c:v>
                </c:pt>
                <c:pt idx="1198">
                  <c:v>41838</c:v>
                </c:pt>
                <c:pt idx="1199">
                  <c:v>41841</c:v>
                </c:pt>
                <c:pt idx="1200">
                  <c:v>41842</c:v>
                </c:pt>
                <c:pt idx="1201">
                  <c:v>41843</c:v>
                </c:pt>
                <c:pt idx="1202">
                  <c:v>41844</c:v>
                </c:pt>
                <c:pt idx="1203">
                  <c:v>41845</c:v>
                </c:pt>
                <c:pt idx="1204">
                  <c:v>41848</c:v>
                </c:pt>
                <c:pt idx="1205">
                  <c:v>41849</c:v>
                </c:pt>
                <c:pt idx="1206">
                  <c:v>41850</c:v>
                </c:pt>
                <c:pt idx="1207">
                  <c:v>41851</c:v>
                </c:pt>
                <c:pt idx="1208">
                  <c:v>41852</c:v>
                </c:pt>
                <c:pt idx="1209">
                  <c:v>41855</c:v>
                </c:pt>
                <c:pt idx="1210">
                  <c:v>41856</c:v>
                </c:pt>
                <c:pt idx="1211">
                  <c:v>41857</c:v>
                </c:pt>
                <c:pt idx="1212">
                  <c:v>41858</c:v>
                </c:pt>
                <c:pt idx="1213">
                  <c:v>41859</c:v>
                </c:pt>
                <c:pt idx="1214">
                  <c:v>41862</c:v>
                </c:pt>
                <c:pt idx="1215">
                  <c:v>41863</c:v>
                </c:pt>
                <c:pt idx="1216">
                  <c:v>41864</c:v>
                </c:pt>
                <c:pt idx="1217">
                  <c:v>41865</c:v>
                </c:pt>
                <c:pt idx="1218">
                  <c:v>41866</c:v>
                </c:pt>
                <c:pt idx="1219">
                  <c:v>41869</c:v>
                </c:pt>
                <c:pt idx="1220">
                  <c:v>41870</c:v>
                </c:pt>
                <c:pt idx="1221">
                  <c:v>41871</c:v>
                </c:pt>
                <c:pt idx="1222">
                  <c:v>41872</c:v>
                </c:pt>
                <c:pt idx="1223">
                  <c:v>41873</c:v>
                </c:pt>
                <c:pt idx="1224">
                  <c:v>41876</c:v>
                </c:pt>
                <c:pt idx="1225">
                  <c:v>41877</c:v>
                </c:pt>
                <c:pt idx="1226">
                  <c:v>41878</c:v>
                </c:pt>
                <c:pt idx="1227">
                  <c:v>41879</c:v>
                </c:pt>
                <c:pt idx="1228">
                  <c:v>41880</c:v>
                </c:pt>
                <c:pt idx="1229">
                  <c:v>41882</c:v>
                </c:pt>
                <c:pt idx="1230">
                  <c:v>41883</c:v>
                </c:pt>
                <c:pt idx="1231">
                  <c:v>41884</c:v>
                </c:pt>
                <c:pt idx="1232">
                  <c:v>41885</c:v>
                </c:pt>
                <c:pt idx="1233">
                  <c:v>41886</c:v>
                </c:pt>
                <c:pt idx="1234">
                  <c:v>41887</c:v>
                </c:pt>
                <c:pt idx="1235">
                  <c:v>41890</c:v>
                </c:pt>
                <c:pt idx="1236">
                  <c:v>41891</c:v>
                </c:pt>
                <c:pt idx="1237">
                  <c:v>41892</c:v>
                </c:pt>
                <c:pt idx="1238">
                  <c:v>41893</c:v>
                </c:pt>
                <c:pt idx="1239">
                  <c:v>41894</c:v>
                </c:pt>
                <c:pt idx="1240">
                  <c:v>41897</c:v>
                </c:pt>
                <c:pt idx="1241">
                  <c:v>41898</c:v>
                </c:pt>
                <c:pt idx="1242">
                  <c:v>41899</c:v>
                </c:pt>
                <c:pt idx="1243">
                  <c:v>41900</c:v>
                </c:pt>
                <c:pt idx="1244">
                  <c:v>41901</c:v>
                </c:pt>
                <c:pt idx="1245">
                  <c:v>41904</c:v>
                </c:pt>
                <c:pt idx="1246">
                  <c:v>41905</c:v>
                </c:pt>
                <c:pt idx="1247">
                  <c:v>41906</c:v>
                </c:pt>
                <c:pt idx="1248">
                  <c:v>41907</c:v>
                </c:pt>
                <c:pt idx="1249">
                  <c:v>41908</c:v>
                </c:pt>
                <c:pt idx="1250">
                  <c:v>41911</c:v>
                </c:pt>
                <c:pt idx="1251">
                  <c:v>41912</c:v>
                </c:pt>
                <c:pt idx="1252">
                  <c:v>41913</c:v>
                </c:pt>
                <c:pt idx="1253">
                  <c:v>41914</c:v>
                </c:pt>
                <c:pt idx="1254">
                  <c:v>41915</c:v>
                </c:pt>
                <c:pt idx="1255">
                  <c:v>41918</c:v>
                </c:pt>
                <c:pt idx="1256">
                  <c:v>41919</c:v>
                </c:pt>
                <c:pt idx="1257">
                  <c:v>41920</c:v>
                </c:pt>
                <c:pt idx="1258">
                  <c:v>41921</c:v>
                </c:pt>
                <c:pt idx="1259">
                  <c:v>41922</c:v>
                </c:pt>
                <c:pt idx="1260">
                  <c:v>41925</c:v>
                </c:pt>
                <c:pt idx="1261">
                  <c:v>41926</c:v>
                </c:pt>
                <c:pt idx="1262">
                  <c:v>41927</c:v>
                </c:pt>
                <c:pt idx="1263">
                  <c:v>41928</c:v>
                </c:pt>
                <c:pt idx="1264">
                  <c:v>41929</c:v>
                </c:pt>
                <c:pt idx="1265">
                  <c:v>41932</c:v>
                </c:pt>
                <c:pt idx="1266">
                  <c:v>41933</c:v>
                </c:pt>
                <c:pt idx="1267">
                  <c:v>41934</c:v>
                </c:pt>
                <c:pt idx="1268">
                  <c:v>41935</c:v>
                </c:pt>
                <c:pt idx="1269">
                  <c:v>41936</c:v>
                </c:pt>
                <c:pt idx="1270">
                  <c:v>41939</c:v>
                </c:pt>
                <c:pt idx="1271">
                  <c:v>41940</c:v>
                </c:pt>
                <c:pt idx="1272">
                  <c:v>41941</c:v>
                </c:pt>
                <c:pt idx="1273">
                  <c:v>41942</c:v>
                </c:pt>
                <c:pt idx="1274">
                  <c:v>41943</c:v>
                </c:pt>
                <c:pt idx="1275">
                  <c:v>41946</c:v>
                </c:pt>
                <c:pt idx="1276">
                  <c:v>41947</c:v>
                </c:pt>
                <c:pt idx="1277">
                  <c:v>41948</c:v>
                </c:pt>
                <c:pt idx="1278">
                  <c:v>41949</c:v>
                </c:pt>
                <c:pt idx="1279">
                  <c:v>41950</c:v>
                </c:pt>
                <c:pt idx="1280">
                  <c:v>41953</c:v>
                </c:pt>
                <c:pt idx="1281">
                  <c:v>41954</c:v>
                </c:pt>
                <c:pt idx="1282">
                  <c:v>41955</c:v>
                </c:pt>
                <c:pt idx="1283">
                  <c:v>41956</c:v>
                </c:pt>
                <c:pt idx="1284">
                  <c:v>41957</c:v>
                </c:pt>
                <c:pt idx="1285">
                  <c:v>41960</c:v>
                </c:pt>
                <c:pt idx="1286">
                  <c:v>41961</c:v>
                </c:pt>
                <c:pt idx="1287">
                  <c:v>41962</c:v>
                </c:pt>
                <c:pt idx="1288">
                  <c:v>41963</c:v>
                </c:pt>
                <c:pt idx="1289">
                  <c:v>41964</c:v>
                </c:pt>
                <c:pt idx="1290">
                  <c:v>41967</c:v>
                </c:pt>
                <c:pt idx="1291">
                  <c:v>41968</c:v>
                </c:pt>
                <c:pt idx="1292">
                  <c:v>41969</c:v>
                </c:pt>
                <c:pt idx="1293">
                  <c:v>41970</c:v>
                </c:pt>
                <c:pt idx="1294">
                  <c:v>41971</c:v>
                </c:pt>
                <c:pt idx="1295">
                  <c:v>41973</c:v>
                </c:pt>
                <c:pt idx="1296">
                  <c:v>41974</c:v>
                </c:pt>
                <c:pt idx="1297">
                  <c:v>41975</c:v>
                </c:pt>
                <c:pt idx="1298">
                  <c:v>41976</c:v>
                </c:pt>
                <c:pt idx="1299">
                  <c:v>41977</c:v>
                </c:pt>
                <c:pt idx="1300">
                  <c:v>41978</c:v>
                </c:pt>
                <c:pt idx="1301">
                  <c:v>41981</c:v>
                </c:pt>
                <c:pt idx="1302">
                  <c:v>41982</c:v>
                </c:pt>
                <c:pt idx="1303">
                  <c:v>41983</c:v>
                </c:pt>
                <c:pt idx="1304">
                  <c:v>41984</c:v>
                </c:pt>
                <c:pt idx="1305">
                  <c:v>41985</c:v>
                </c:pt>
                <c:pt idx="1306">
                  <c:v>41988</c:v>
                </c:pt>
                <c:pt idx="1307">
                  <c:v>41989</c:v>
                </c:pt>
                <c:pt idx="1308">
                  <c:v>41990</c:v>
                </c:pt>
                <c:pt idx="1309">
                  <c:v>41991</c:v>
                </c:pt>
                <c:pt idx="1310">
                  <c:v>41992</c:v>
                </c:pt>
                <c:pt idx="1311">
                  <c:v>41995</c:v>
                </c:pt>
                <c:pt idx="1312">
                  <c:v>41996</c:v>
                </c:pt>
                <c:pt idx="1313">
                  <c:v>41997</c:v>
                </c:pt>
                <c:pt idx="1315">
                  <c:v>41999</c:v>
                </c:pt>
                <c:pt idx="1316">
                  <c:v>42002</c:v>
                </c:pt>
                <c:pt idx="1317">
                  <c:v>42003</c:v>
                </c:pt>
                <c:pt idx="1318">
                  <c:v>42004</c:v>
                </c:pt>
                <c:pt idx="1320">
                  <c:v>42006</c:v>
                </c:pt>
                <c:pt idx="1321">
                  <c:v>42009</c:v>
                </c:pt>
                <c:pt idx="1322">
                  <c:v>42010</c:v>
                </c:pt>
                <c:pt idx="1323">
                  <c:v>42011</c:v>
                </c:pt>
                <c:pt idx="1324">
                  <c:v>42012</c:v>
                </c:pt>
                <c:pt idx="1325">
                  <c:v>42013</c:v>
                </c:pt>
                <c:pt idx="1326">
                  <c:v>42016</c:v>
                </c:pt>
                <c:pt idx="1327">
                  <c:v>42017</c:v>
                </c:pt>
                <c:pt idx="1328">
                  <c:v>42018</c:v>
                </c:pt>
                <c:pt idx="1329">
                  <c:v>42019</c:v>
                </c:pt>
                <c:pt idx="1331">
                  <c:v>42023</c:v>
                </c:pt>
                <c:pt idx="1332">
                  <c:v>42024</c:v>
                </c:pt>
                <c:pt idx="1333">
                  <c:v>42025</c:v>
                </c:pt>
                <c:pt idx="1334">
                  <c:v>42026</c:v>
                </c:pt>
                <c:pt idx="1335">
                  <c:v>42027</c:v>
                </c:pt>
                <c:pt idx="1336">
                  <c:v>42030</c:v>
                </c:pt>
                <c:pt idx="1337">
                  <c:v>42031</c:v>
                </c:pt>
                <c:pt idx="1338">
                  <c:v>42032</c:v>
                </c:pt>
                <c:pt idx="1339">
                  <c:v>42033</c:v>
                </c:pt>
                <c:pt idx="1340">
                  <c:v>42034</c:v>
                </c:pt>
                <c:pt idx="1341">
                  <c:v>42035</c:v>
                </c:pt>
                <c:pt idx="1342">
                  <c:v>42037</c:v>
                </c:pt>
                <c:pt idx="1343">
                  <c:v>42038</c:v>
                </c:pt>
                <c:pt idx="1344">
                  <c:v>42039</c:v>
                </c:pt>
                <c:pt idx="1345">
                  <c:v>42040</c:v>
                </c:pt>
                <c:pt idx="1346">
                  <c:v>42041</c:v>
                </c:pt>
                <c:pt idx="1347">
                  <c:v>42044</c:v>
                </c:pt>
                <c:pt idx="1348">
                  <c:v>42045</c:v>
                </c:pt>
                <c:pt idx="1349">
                  <c:v>42046</c:v>
                </c:pt>
                <c:pt idx="1350">
                  <c:v>42047</c:v>
                </c:pt>
                <c:pt idx="1351">
                  <c:v>42048</c:v>
                </c:pt>
                <c:pt idx="1352">
                  <c:v>42051</c:v>
                </c:pt>
                <c:pt idx="1353">
                  <c:v>42052</c:v>
                </c:pt>
                <c:pt idx="1354">
                  <c:v>42053</c:v>
                </c:pt>
                <c:pt idx="1355">
                  <c:v>42054</c:v>
                </c:pt>
                <c:pt idx="1356">
                  <c:v>42055</c:v>
                </c:pt>
                <c:pt idx="1357">
                  <c:v>42058</c:v>
                </c:pt>
                <c:pt idx="1358">
                  <c:v>42059</c:v>
                </c:pt>
                <c:pt idx="1359">
                  <c:v>42060</c:v>
                </c:pt>
                <c:pt idx="1360">
                  <c:v>42061</c:v>
                </c:pt>
                <c:pt idx="1361">
                  <c:v>42062</c:v>
                </c:pt>
                <c:pt idx="1362">
                  <c:v>42063</c:v>
                </c:pt>
                <c:pt idx="1363">
                  <c:v>42065</c:v>
                </c:pt>
                <c:pt idx="1364">
                  <c:v>42066</c:v>
                </c:pt>
                <c:pt idx="1365">
                  <c:v>42067</c:v>
                </c:pt>
                <c:pt idx="1366">
                  <c:v>42068</c:v>
                </c:pt>
                <c:pt idx="1367">
                  <c:v>42069</c:v>
                </c:pt>
                <c:pt idx="1368">
                  <c:v>42072</c:v>
                </c:pt>
                <c:pt idx="1369">
                  <c:v>42073</c:v>
                </c:pt>
                <c:pt idx="1370">
                  <c:v>42074</c:v>
                </c:pt>
                <c:pt idx="1371">
                  <c:v>42075</c:v>
                </c:pt>
                <c:pt idx="1372">
                  <c:v>42076</c:v>
                </c:pt>
                <c:pt idx="1373">
                  <c:v>42079</c:v>
                </c:pt>
                <c:pt idx="1374">
                  <c:v>42080</c:v>
                </c:pt>
                <c:pt idx="1375">
                  <c:v>42081</c:v>
                </c:pt>
                <c:pt idx="1376">
                  <c:v>42082</c:v>
                </c:pt>
                <c:pt idx="1377">
                  <c:v>42083</c:v>
                </c:pt>
                <c:pt idx="1378">
                  <c:v>42086</c:v>
                </c:pt>
                <c:pt idx="1379">
                  <c:v>42087</c:v>
                </c:pt>
                <c:pt idx="1380">
                  <c:v>42088</c:v>
                </c:pt>
                <c:pt idx="1381">
                  <c:v>42089</c:v>
                </c:pt>
                <c:pt idx="1382">
                  <c:v>42090</c:v>
                </c:pt>
                <c:pt idx="1383">
                  <c:v>42093</c:v>
                </c:pt>
                <c:pt idx="1384">
                  <c:v>42094</c:v>
                </c:pt>
                <c:pt idx="1385">
                  <c:v>42095</c:v>
                </c:pt>
                <c:pt idx="1386">
                  <c:v>42096</c:v>
                </c:pt>
                <c:pt idx="1388">
                  <c:v>42100</c:v>
                </c:pt>
                <c:pt idx="1389">
                  <c:v>42101</c:v>
                </c:pt>
                <c:pt idx="1390">
                  <c:v>42102</c:v>
                </c:pt>
                <c:pt idx="1391">
                  <c:v>42103</c:v>
                </c:pt>
                <c:pt idx="1392">
                  <c:v>42104</c:v>
                </c:pt>
                <c:pt idx="1393">
                  <c:v>42107</c:v>
                </c:pt>
                <c:pt idx="1394">
                  <c:v>42108</c:v>
                </c:pt>
                <c:pt idx="1395">
                  <c:v>42109</c:v>
                </c:pt>
                <c:pt idx="1396">
                  <c:v>42110</c:v>
                </c:pt>
                <c:pt idx="1397">
                  <c:v>42111</c:v>
                </c:pt>
                <c:pt idx="1398">
                  <c:v>42114</c:v>
                </c:pt>
                <c:pt idx="1399">
                  <c:v>42115</c:v>
                </c:pt>
                <c:pt idx="1400">
                  <c:v>42116</c:v>
                </c:pt>
                <c:pt idx="1401">
                  <c:v>42117</c:v>
                </c:pt>
                <c:pt idx="1402">
                  <c:v>42118</c:v>
                </c:pt>
                <c:pt idx="1403">
                  <c:v>42121</c:v>
                </c:pt>
                <c:pt idx="1404">
                  <c:v>42122</c:v>
                </c:pt>
                <c:pt idx="1405">
                  <c:v>42123</c:v>
                </c:pt>
                <c:pt idx="1406">
                  <c:v>42124</c:v>
                </c:pt>
                <c:pt idx="1407">
                  <c:v>42125</c:v>
                </c:pt>
                <c:pt idx="1408">
                  <c:v>42128</c:v>
                </c:pt>
                <c:pt idx="1409">
                  <c:v>42129</c:v>
                </c:pt>
                <c:pt idx="1410">
                  <c:v>42130</c:v>
                </c:pt>
                <c:pt idx="1411">
                  <c:v>42131</c:v>
                </c:pt>
                <c:pt idx="1412">
                  <c:v>42132</c:v>
                </c:pt>
                <c:pt idx="1413">
                  <c:v>42135</c:v>
                </c:pt>
                <c:pt idx="1414">
                  <c:v>42136</c:v>
                </c:pt>
                <c:pt idx="1415">
                  <c:v>42137</c:v>
                </c:pt>
                <c:pt idx="1416">
                  <c:v>42138</c:v>
                </c:pt>
                <c:pt idx="1417">
                  <c:v>42139</c:v>
                </c:pt>
                <c:pt idx="1418">
                  <c:v>42142</c:v>
                </c:pt>
                <c:pt idx="1419">
                  <c:v>42143</c:v>
                </c:pt>
                <c:pt idx="1420">
                  <c:v>42144</c:v>
                </c:pt>
                <c:pt idx="1421">
                  <c:v>42145</c:v>
                </c:pt>
                <c:pt idx="1422">
                  <c:v>42146</c:v>
                </c:pt>
                <c:pt idx="1424">
                  <c:v>42150</c:v>
                </c:pt>
                <c:pt idx="1425">
                  <c:v>42151</c:v>
                </c:pt>
                <c:pt idx="1426">
                  <c:v>42152</c:v>
                </c:pt>
                <c:pt idx="1427">
                  <c:v>42153</c:v>
                </c:pt>
                <c:pt idx="1428">
                  <c:v>42155</c:v>
                </c:pt>
                <c:pt idx="1429">
                  <c:v>42156</c:v>
                </c:pt>
                <c:pt idx="1430">
                  <c:v>42157</c:v>
                </c:pt>
                <c:pt idx="1431">
                  <c:v>42158</c:v>
                </c:pt>
                <c:pt idx="1432">
                  <c:v>42159</c:v>
                </c:pt>
                <c:pt idx="1433">
                  <c:v>42160</c:v>
                </c:pt>
                <c:pt idx="1434">
                  <c:v>42163</c:v>
                </c:pt>
                <c:pt idx="1435">
                  <c:v>42164</c:v>
                </c:pt>
                <c:pt idx="1436">
                  <c:v>42165</c:v>
                </c:pt>
                <c:pt idx="1437">
                  <c:v>42166</c:v>
                </c:pt>
                <c:pt idx="1438">
                  <c:v>42167</c:v>
                </c:pt>
                <c:pt idx="1439">
                  <c:v>42170</c:v>
                </c:pt>
                <c:pt idx="1440">
                  <c:v>42171</c:v>
                </c:pt>
                <c:pt idx="1441">
                  <c:v>42172</c:v>
                </c:pt>
                <c:pt idx="1442">
                  <c:v>42173</c:v>
                </c:pt>
                <c:pt idx="1443">
                  <c:v>42174</c:v>
                </c:pt>
                <c:pt idx="1444">
                  <c:v>42177</c:v>
                </c:pt>
                <c:pt idx="1445">
                  <c:v>42178</c:v>
                </c:pt>
                <c:pt idx="1446">
                  <c:v>42179</c:v>
                </c:pt>
                <c:pt idx="1447">
                  <c:v>42180</c:v>
                </c:pt>
                <c:pt idx="1448">
                  <c:v>42181</c:v>
                </c:pt>
                <c:pt idx="1449">
                  <c:v>42184</c:v>
                </c:pt>
                <c:pt idx="1450">
                  <c:v>42185</c:v>
                </c:pt>
                <c:pt idx="1451">
                  <c:v>42186</c:v>
                </c:pt>
                <c:pt idx="1452">
                  <c:v>42187</c:v>
                </c:pt>
                <c:pt idx="1453">
                  <c:v>42188</c:v>
                </c:pt>
                <c:pt idx="1454">
                  <c:v>42191</c:v>
                </c:pt>
                <c:pt idx="1455">
                  <c:v>42192</c:v>
                </c:pt>
                <c:pt idx="1456">
                  <c:v>42193</c:v>
                </c:pt>
                <c:pt idx="1457">
                  <c:v>42194</c:v>
                </c:pt>
                <c:pt idx="1458">
                  <c:v>42195</c:v>
                </c:pt>
                <c:pt idx="1459">
                  <c:v>42198</c:v>
                </c:pt>
                <c:pt idx="1460">
                  <c:v>42199</c:v>
                </c:pt>
                <c:pt idx="1461">
                  <c:v>42200</c:v>
                </c:pt>
                <c:pt idx="1462">
                  <c:v>42201</c:v>
                </c:pt>
                <c:pt idx="1463">
                  <c:v>42202</c:v>
                </c:pt>
                <c:pt idx="1464">
                  <c:v>42205</c:v>
                </c:pt>
                <c:pt idx="1465">
                  <c:v>42206</c:v>
                </c:pt>
                <c:pt idx="1466">
                  <c:v>42207</c:v>
                </c:pt>
                <c:pt idx="1467">
                  <c:v>42208</c:v>
                </c:pt>
                <c:pt idx="1468">
                  <c:v>42209</c:v>
                </c:pt>
                <c:pt idx="1469">
                  <c:v>42212</c:v>
                </c:pt>
                <c:pt idx="1470">
                  <c:v>42213</c:v>
                </c:pt>
                <c:pt idx="1471">
                  <c:v>42214</c:v>
                </c:pt>
                <c:pt idx="1472">
                  <c:v>42215</c:v>
                </c:pt>
                <c:pt idx="1473">
                  <c:v>42216</c:v>
                </c:pt>
                <c:pt idx="1474">
                  <c:v>42219</c:v>
                </c:pt>
                <c:pt idx="1475">
                  <c:v>42220</c:v>
                </c:pt>
                <c:pt idx="1476">
                  <c:v>42221</c:v>
                </c:pt>
                <c:pt idx="1477">
                  <c:v>42222</c:v>
                </c:pt>
                <c:pt idx="1478">
                  <c:v>42223</c:v>
                </c:pt>
                <c:pt idx="1479">
                  <c:v>42226</c:v>
                </c:pt>
                <c:pt idx="1480">
                  <c:v>42227</c:v>
                </c:pt>
                <c:pt idx="1481">
                  <c:v>42228</c:v>
                </c:pt>
                <c:pt idx="1482">
                  <c:v>42229</c:v>
                </c:pt>
                <c:pt idx="1483">
                  <c:v>42230</c:v>
                </c:pt>
                <c:pt idx="1484">
                  <c:v>42233</c:v>
                </c:pt>
                <c:pt idx="1485">
                  <c:v>42234</c:v>
                </c:pt>
                <c:pt idx="1486">
                  <c:v>42235</c:v>
                </c:pt>
                <c:pt idx="1487">
                  <c:v>42236</c:v>
                </c:pt>
                <c:pt idx="1488">
                  <c:v>42237</c:v>
                </c:pt>
                <c:pt idx="1489">
                  <c:v>42240</c:v>
                </c:pt>
                <c:pt idx="1490">
                  <c:v>42241</c:v>
                </c:pt>
                <c:pt idx="1491">
                  <c:v>42242</c:v>
                </c:pt>
                <c:pt idx="1492">
                  <c:v>42243</c:v>
                </c:pt>
                <c:pt idx="1493">
                  <c:v>42244</c:v>
                </c:pt>
                <c:pt idx="1494">
                  <c:v>42247</c:v>
                </c:pt>
                <c:pt idx="1495">
                  <c:v>42248</c:v>
                </c:pt>
                <c:pt idx="1496">
                  <c:v>42249</c:v>
                </c:pt>
                <c:pt idx="1497">
                  <c:v>42250</c:v>
                </c:pt>
                <c:pt idx="1498">
                  <c:v>42251</c:v>
                </c:pt>
                <c:pt idx="1499">
                  <c:v>42254</c:v>
                </c:pt>
                <c:pt idx="1500">
                  <c:v>42255</c:v>
                </c:pt>
                <c:pt idx="1501">
                  <c:v>42256</c:v>
                </c:pt>
                <c:pt idx="1502">
                  <c:v>42257</c:v>
                </c:pt>
                <c:pt idx="1503">
                  <c:v>42258</c:v>
                </c:pt>
                <c:pt idx="1504">
                  <c:v>42261</c:v>
                </c:pt>
                <c:pt idx="1505">
                  <c:v>42262</c:v>
                </c:pt>
                <c:pt idx="1506">
                  <c:v>42263</c:v>
                </c:pt>
                <c:pt idx="1507">
                  <c:v>42264</c:v>
                </c:pt>
                <c:pt idx="1508">
                  <c:v>42265</c:v>
                </c:pt>
                <c:pt idx="1509">
                  <c:v>42268</c:v>
                </c:pt>
                <c:pt idx="1510">
                  <c:v>42269</c:v>
                </c:pt>
                <c:pt idx="1511">
                  <c:v>42270</c:v>
                </c:pt>
                <c:pt idx="1512">
                  <c:v>42271</c:v>
                </c:pt>
                <c:pt idx="1513">
                  <c:v>42272</c:v>
                </c:pt>
                <c:pt idx="1514">
                  <c:v>42275</c:v>
                </c:pt>
                <c:pt idx="1515">
                  <c:v>42276</c:v>
                </c:pt>
                <c:pt idx="1516">
                  <c:v>42277</c:v>
                </c:pt>
                <c:pt idx="1517">
                  <c:v>42278</c:v>
                </c:pt>
                <c:pt idx="1518">
                  <c:v>42279</c:v>
                </c:pt>
                <c:pt idx="1519">
                  <c:v>42282</c:v>
                </c:pt>
                <c:pt idx="1520">
                  <c:v>42283</c:v>
                </c:pt>
                <c:pt idx="1521">
                  <c:v>42284</c:v>
                </c:pt>
                <c:pt idx="1522">
                  <c:v>42285</c:v>
                </c:pt>
                <c:pt idx="1523">
                  <c:v>42286</c:v>
                </c:pt>
                <c:pt idx="1524">
                  <c:v>42289</c:v>
                </c:pt>
                <c:pt idx="1525">
                  <c:v>42290</c:v>
                </c:pt>
                <c:pt idx="1526">
                  <c:v>42291</c:v>
                </c:pt>
                <c:pt idx="1527">
                  <c:v>42292</c:v>
                </c:pt>
                <c:pt idx="1528">
                  <c:v>42293</c:v>
                </c:pt>
                <c:pt idx="1529">
                  <c:v>42296</c:v>
                </c:pt>
                <c:pt idx="1530">
                  <c:v>42297</c:v>
                </c:pt>
                <c:pt idx="1531">
                  <c:v>42298</c:v>
                </c:pt>
                <c:pt idx="1532">
                  <c:v>42299</c:v>
                </c:pt>
                <c:pt idx="1533">
                  <c:v>42300</c:v>
                </c:pt>
                <c:pt idx="1534">
                  <c:v>42303</c:v>
                </c:pt>
                <c:pt idx="1535">
                  <c:v>42304</c:v>
                </c:pt>
                <c:pt idx="1536">
                  <c:v>42305</c:v>
                </c:pt>
                <c:pt idx="1537">
                  <c:v>42306</c:v>
                </c:pt>
                <c:pt idx="1538">
                  <c:v>42307</c:v>
                </c:pt>
                <c:pt idx="1539">
                  <c:v>42308</c:v>
                </c:pt>
                <c:pt idx="1540">
                  <c:v>42310</c:v>
                </c:pt>
                <c:pt idx="1541">
                  <c:v>42311</c:v>
                </c:pt>
                <c:pt idx="1542">
                  <c:v>42312</c:v>
                </c:pt>
                <c:pt idx="1543">
                  <c:v>42313</c:v>
                </c:pt>
                <c:pt idx="1544">
                  <c:v>42314</c:v>
                </c:pt>
                <c:pt idx="1545">
                  <c:v>42317</c:v>
                </c:pt>
                <c:pt idx="1546">
                  <c:v>42318</c:v>
                </c:pt>
                <c:pt idx="1547">
                  <c:v>42319</c:v>
                </c:pt>
                <c:pt idx="1548">
                  <c:v>42320</c:v>
                </c:pt>
                <c:pt idx="1549">
                  <c:v>42321</c:v>
                </c:pt>
                <c:pt idx="1550">
                  <c:v>42324</c:v>
                </c:pt>
                <c:pt idx="1551">
                  <c:v>42325</c:v>
                </c:pt>
                <c:pt idx="1552">
                  <c:v>42326</c:v>
                </c:pt>
                <c:pt idx="1553">
                  <c:v>42327</c:v>
                </c:pt>
                <c:pt idx="1554">
                  <c:v>42328</c:v>
                </c:pt>
                <c:pt idx="1555">
                  <c:v>42331</c:v>
                </c:pt>
                <c:pt idx="1556">
                  <c:v>42332</c:v>
                </c:pt>
                <c:pt idx="1557">
                  <c:v>42333</c:v>
                </c:pt>
                <c:pt idx="1558">
                  <c:v>42334</c:v>
                </c:pt>
                <c:pt idx="1559">
                  <c:v>42335</c:v>
                </c:pt>
                <c:pt idx="1560">
                  <c:v>42338</c:v>
                </c:pt>
                <c:pt idx="1561">
                  <c:v>42339</c:v>
                </c:pt>
                <c:pt idx="1562">
                  <c:v>42340</c:v>
                </c:pt>
                <c:pt idx="1563">
                  <c:v>42341</c:v>
                </c:pt>
                <c:pt idx="1564">
                  <c:v>42342</c:v>
                </c:pt>
                <c:pt idx="1565">
                  <c:v>42345</c:v>
                </c:pt>
                <c:pt idx="1566">
                  <c:v>42346</c:v>
                </c:pt>
                <c:pt idx="1567">
                  <c:v>42347</c:v>
                </c:pt>
                <c:pt idx="1568">
                  <c:v>42348</c:v>
                </c:pt>
                <c:pt idx="1569">
                  <c:v>42349</c:v>
                </c:pt>
                <c:pt idx="1570">
                  <c:v>42352</c:v>
                </c:pt>
                <c:pt idx="1571">
                  <c:v>42353</c:v>
                </c:pt>
                <c:pt idx="1572">
                  <c:v>42354</c:v>
                </c:pt>
                <c:pt idx="1573">
                  <c:v>42355</c:v>
                </c:pt>
                <c:pt idx="1574">
                  <c:v>42356</c:v>
                </c:pt>
                <c:pt idx="1575">
                  <c:v>42359</c:v>
                </c:pt>
                <c:pt idx="1576">
                  <c:v>42360</c:v>
                </c:pt>
                <c:pt idx="1577">
                  <c:v>42361</c:v>
                </c:pt>
                <c:pt idx="1578">
                  <c:v>42362</c:v>
                </c:pt>
                <c:pt idx="1580">
                  <c:v>42366</c:v>
                </c:pt>
                <c:pt idx="1581">
                  <c:v>42367</c:v>
                </c:pt>
                <c:pt idx="1582">
                  <c:v>42368</c:v>
                </c:pt>
                <c:pt idx="1583">
                  <c:v>42369</c:v>
                </c:pt>
                <c:pt idx="1585">
                  <c:v>42373</c:v>
                </c:pt>
                <c:pt idx="1586">
                  <c:v>42374</c:v>
                </c:pt>
                <c:pt idx="1587">
                  <c:v>42375</c:v>
                </c:pt>
                <c:pt idx="1588">
                  <c:v>42376</c:v>
                </c:pt>
                <c:pt idx="1589">
                  <c:v>42377</c:v>
                </c:pt>
                <c:pt idx="1590">
                  <c:v>42380</c:v>
                </c:pt>
                <c:pt idx="1591">
                  <c:v>42381</c:v>
                </c:pt>
                <c:pt idx="1592">
                  <c:v>42382</c:v>
                </c:pt>
                <c:pt idx="1593">
                  <c:v>42383</c:v>
                </c:pt>
                <c:pt idx="1594">
                  <c:v>42384</c:v>
                </c:pt>
                <c:pt idx="1595">
                  <c:v>42387</c:v>
                </c:pt>
                <c:pt idx="1596">
                  <c:v>42388</c:v>
                </c:pt>
                <c:pt idx="1597">
                  <c:v>42389</c:v>
                </c:pt>
                <c:pt idx="1598">
                  <c:v>42390</c:v>
                </c:pt>
                <c:pt idx="1599">
                  <c:v>42391</c:v>
                </c:pt>
                <c:pt idx="1600">
                  <c:v>42394</c:v>
                </c:pt>
                <c:pt idx="1601">
                  <c:v>42395</c:v>
                </c:pt>
                <c:pt idx="1602">
                  <c:v>42396</c:v>
                </c:pt>
                <c:pt idx="1603">
                  <c:v>42397</c:v>
                </c:pt>
                <c:pt idx="1604">
                  <c:v>42398</c:v>
                </c:pt>
                <c:pt idx="1605">
                  <c:v>42400</c:v>
                </c:pt>
                <c:pt idx="1606">
                  <c:v>42401</c:v>
                </c:pt>
                <c:pt idx="1607">
                  <c:v>42402</c:v>
                </c:pt>
                <c:pt idx="1608">
                  <c:v>42403</c:v>
                </c:pt>
                <c:pt idx="1609">
                  <c:v>42404</c:v>
                </c:pt>
                <c:pt idx="1610">
                  <c:v>42405</c:v>
                </c:pt>
                <c:pt idx="1611">
                  <c:v>42408</c:v>
                </c:pt>
                <c:pt idx="1612">
                  <c:v>42409</c:v>
                </c:pt>
                <c:pt idx="1613">
                  <c:v>42410</c:v>
                </c:pt>
                <c:pt idx="1614">
                  <c:v>42411</c:v>
                </c:pt>
                <c:pt idx="1615">
                  <c:v>42412</c:v>
                </c:pt>
                <c:pt idx="1616">
                  <c:v>42415</c:v>
                </c:pt>
                <c:pt idx="1617">
                  <c:v>42416</c:v>
                </c:pt>
                <c:pt idx="1618">
                  <c:v>42417</c:v>
                </c:pt>
                <c:pt idx="1619">
                  <c:v>42418</c:v>
                </c:pt>
                <c:pt idx="1620">
                  <c:v>42419</c:v>
                </c:pt>
                <c:pt idx="1621">
                  <c:v>42422</c:v>
                </c:pt>
                <c:pt idx="1622">
                  <c:v>42423</c:v>
                </c:pt>
                <c:pt idx="1623">
                  <c:v>42424</c:v>
                </c:pt>
                <c:pt idx="1624">
                  <c:v>42425</c:v>
                </c:pt>
                <c:pt idx="1625">
                  <c:v>42426</c:v>
                </c:pt>
                <c:pt idx="1626">
                  <c:v>42429</c:v>
                </c:pt>
                <c:pt idx="1627">
                  <c:v>42430</c:v>
                </c:pt>
                <c:pt idx="1628">
                  <c:v>42431</c:v>
                </c:pt>
                <c:pt idx="1629">
                  <c:v>42432</c:v>
                </c:pt>
                <c:pt idx="1630">
                  <c:v>42433</c:v>
                </c:pt>
                <c:pt idx="1631">
                  <c:v>42436</c:v>
                </c:pt>
                <c:pt idx="1632">
                  <c:v>42437</c:v>
                </c:pt>
                <c:pt idx="1633">
                  <c:v>42438</c:v>
                </c:pt>
                <c:pt idx="1634">
                  <c:v>42439</c:v>
                </c:pt>
                <c:pt idx="1635">
                  <c:v>42440</c:v>
                </c:pt>
                <c:pt idx="1636">
                  <c:v>42443</c:v>
                </c:pt>
                <c:pt idx="1637">
                  <c:v>42444</c:v>
                </c:pt>
                <c:pt idx="1638">
                  <c:v>42445</c:v>
                </c:pt>
                <c:pt idx="1639">
                  <c:v>42446</c:v>
                </c:pt>
                <c:pt idx="1640">
                  <c:v>42447</c:v>
                </c:pt>
                <c:pt idx="1641">
                  <c:v>42450</c:v>
                </c:pt>
                <c:pt idx="1642">
                  <c:v>42451</c:v>
                </c:pt>
                <c:pt idx="1643">
                  <c:v>42452</c:v>
                </c:pt>
                <c:pt idx="1644">
                  <c:v>42453</c:v>
                </c:pt>
                <c:pt idx="1646">
                  <c:v>42457</c:v>
                </c:pt>
                <c:pt idx="1647">
                  <c:v>42458</c:v>
                </c:pt>
                <c:pt idx="1648">
                  <c:v>42459</c:v>
                </c:pt>
                <c:pt idx="1649">
                  <c:v>42460</c:v>
                </c:pt>
                <c:pt idx="1650">
                  <c:v>42461</c:v>
                </c:pt>
                <c:pt idx="1651">
                  <c:v>42464</c:v>
                </c:pt>
                <c:pt idx="1652">
                  <c:v>42465</c:v>
                </c:pt>
                <c:pt idx="1653">
                  <c:v>42466</c:v>
                </c:pt>
                <c:pt idx="1654">
                  <c:v>42467</c:v>
                </c:pt>
                <c:pt idx="1655">
                  <c:v>42468</c:v>
                </c:pt>
                <c:pt idx="1656">
                  <c:v>42471</c:v>
                </c:pt>
                <c:pt idx="1657">
                  <c:v>42472</c:v>
                </c:pt>
                <c:pt idx="1658">
                  <c:v>42473</c:v>
                </c:pt>
                <c:pt idx="1659">
                  <c:v>42474</c:v>
                </c:pt>
                <c:pt idx="1660">
                  <c:v>42475</c:v>
                </c:pt>
                <c:pt idx="1661">
                  <c:v>42478</c:v>
                </c:pt>
                <c:pt idx="1662">
                  <c:v>42479</c:v>
                </c:pt>
                <c:pt idx="1663">
                  <c:v>42480</c:v>
                </c:pt>
                <c:pt idx="1664">
                  <c:v>42481</c:v>
                </c:pt>
                <c:pt idx="1665">
                  <c:v>42482</c:v>
                </c:pt>
                <c:pt idx="1666">
                  <c:v>42485</c:v>
                </c:pt>
                <c:pt idx="1667">
                  <c:v>42486</c:v>
                </c:pt>
                <c:pt idx="1668">
                  <c:v>42487</c:v>
                </c:pt>
                <c:pt idx="1669">
                  <c:v>42488</c:v>
                </c:pt>
                <c:pt idx="1670">
                  <c:v>42489</c:v>
                </c:pt>
                <c:pt idx="1671">
                  <c:v>42490</c:v>
                </c:pt>
                <c:pt idx="1672">
                  <c:v>42492</c:v>
                </c:pt>
                <c:pt idx="1673">
                  <c:v>42493</c:v>
                </c:pt>
                <c:pt idx="1674">
                  <c:v>42494</c:v>
                </c:pt>
                <c:pt idx="1675">
                  <c:v>42495</c:v>
                </c:pt>
                <c:pt idx="1676">
                  <c:v>42496</c:v>
                </c:pt>
                <c:pt idx="1677">
                  <c:v>42499</c:v>
                </c:pt>
                <c:pt idx="1678">
                  <c:v>42500</c:v>
                </c:pt>
                <c:pt idx="1679">
                  <c:v>42501</c:v>
                </c:pt>
                <c:pt idx="1680">
                  <c:v>42502</c:v>
                </c:pt>
                <c:pt idx="1681">
                  <c:v>42503</c:v>
                </c:pt>
                <c:pt idx="1682">
                  <c:v>42506</c:v>
                </c:pt>
                <c:pt idx="1683">
                  <c:v>42507</c:v>
                </c:pt>
                <c:pt idx="1684">
                  <c:v>42508</c:v>
                </c:pt>
                <c:pt idx="1685">
                  <c:v>42509</c:v>
                </c:pt>
                <c:pt idx="1686">
                  <c:v>42510</c:v>
                </c:pt>
                <c:pt idx="1687">
                  <c:v>42513</c:v>
                </c:pt>
                <c:pt idx="1688">
                  <c:v>42514</c:v>
                </c:pt>
                <c:pt idx="1689">
                  <c:v>42515</c:v>
                </c:pt>
                <c:pt idx="1690">
                  <c:v>42516</c:v>
                </c:pt>
                <c:pt idx="1691">
                  <c:v>42517</c:v>
                </c:pt>
                <c:pt idx="1692">
                  <c:v>42520</c:v>
                </c:pt>
                <c:pt idx="1693">
                  <c:v>42521</c:v>
                </c:pt>
                <c:pt idx="1694">
                  <c:v>42522</c:v>
                </c:pt>
                <c:pt idx="1695">
                  <c:v>42523</c:v>
                </c:pt>
                <c:pt idx="1696">
                  <c:v>42524</c:v>
                </c:pt>
                <c:pt idx="1697">
                  <c:v>42527</c:v>
                </c:pt>
                <c:pt idx="1698">
                  <c:v>42528</c:v>
                </c:pt>
                <c:pt idx="1699">
                  <c:v>42529</c:v>
                </c:pt>
                <c:pt idx="1700">
                  <c:v>42530</c:v>
                </c:pt>
                <c:pt idx="1701">
                  <c:v>42531</c:v>
                </c:pt>
                <c:pt idx="1702">
                  <c:v>42534</c:v>
                </c:pt>
                <c:pt idx="1703">
                  <c:v>42535</c:v>
                </c:pt>
                <c:pt idx="1704">
                  <c:v>42536</c:v>
                </c:pt>
                <c:pt idx="1705">
                  <c:v>42537</c:v>
                </c:pt>
                <c:pt idx="1706">
                  <c:v>42538</c:v>
                </c:pt>
                <c:pt idx="1707">
                  <c:v>42541</c:v>
                </c:pt>
                <c:pt idx="1708">
                  <c:v>42542</c:v>
                </c:pt>
                <c:pt idx="1709">
                  <c:v>42543</c:v>
                </c:pt>
                <c:pt idx="1710">
                  <c:v>42544</c:v>
                </c:pt>
                <c:pt idx="1711">
                  <c:v>42545</c:v>
                </c:pt>
                <c:pt idx="1712">
                  <c:v>42548</c:v>
                </c:pt>
                <c:pt idx="1713">
                  <c:v>42549</c:v>
                </c:pt>
                <c:pt idx="1714">
                  <c:v>42550</c:v>
                </c:pt>
                <c:pt idx="1715">
                  <c:v>42551</c:v>
                </c:pt>
                <c:pt idx="1716">
                  <c:v>42552</c:v>
                </c:pt>
                <c:pt idx="1717">
                  <c:v>42555</c:v>
                </c:pt>
                <c:pt idx="1718">
                  <c:v>42556</c:v>
                </c:pt>
                <c:pt idx="1719">
                  <c:v>42557</c:v>
                </c:pt>
                <c:pt idx="1720">
                  <c:v>42558</c:v>
                </c:pt>
                <c:pt idx="1721">
                  <c:v>42559</c:v>
                </c:pt>
                <c:pt idx="1722">
                  <c:v>42562</c:v>
                </c:pt>
                <c:pt idx="1723">
                  <c:v>42563</c:v>
                </c:pt>
                <c:pt idx="1724">
                  <c:v>42564</c:v>
                </c:pt>
                <c:pt idx="1725">
                  <c:v>42565</c:v>
                </c:pt>
                <c:pt idx="1726">
                  <c:v>42566</c:v>
                </c:pt>
                <c:pt idx="1727">
                  <c:v>42569</c:v>
                </c:pt>
                <c:pt idx="1728">
                  <c:v>42570</c:v>
                </c:pt>
                <c:pt idx="1729">
                  <c:v>42571</c:v>
                </c:pt>
                <c:pt idx="1730">
                  <c:v>42572</c:v>
                </c:pt>
                <c:pt idx="1731">
                  <c:v>42573</c:v>
                </c:pt>
                <c:pt idx="1732">
                  <c:v>42576</c:v>
                </c:pt>
                <c:pt idx="1733">
                  <c:v>42577</c:v>
                </c:pt>
                <c:pt idx="1734">
                  <c:v>42578</c:v>
                </c:pt>
                <c:pt idx="1735">
                  <c:v>42579</c:v>
                </c:pt>
                <c:pt idx="1736">
                  <c:v>42580</c:v>
                </c:pt>
                <c:pt idx="1737">
                  <c:v>42582</c:v>
                </c:pt>
                <c:pt idx="1738">
                  <c:v>42583</c:v>
                </c:pt>
                <c:pt idx="1739">
                  <c:v>42584</c:v>
                </c:pt>
                <c:pt idx="1740">
                  <c:v>42585</c:v>
                </c:pt>
                <c:pt idx="1741">
                  <c:v>42586</c:v>
                </c:pt>
                <c:pt idx="1742">
                  <c:v>42587</c:v>
                </c:pt>
                <c:pt idx="1743">
                  <c:v>42590</c:v>
                </c:pt>
                <c:pt idx="1744">
                  <c:v>42591</c:v>
                </c:pt>
                <c:pt idx="1745">
                  <c:v>42592</c:v>
                </c:pt>
                <c:pt idx="1746">
                  <c:v>42593</c:v>
                </c:pt>
                <c:pt idx="1747">
                  <c:v>42594</c:v>
                </c:pt>
                <c:pt idx="1748">
                  <c:v>42597</c:v>
                </c:pt>
                <c:pt idx="1749">
                  <c:v>42598</c:v>
                </c:pt>
                <c:pt idx="1750">
                  <c:v>42599</c:v>
                </c:pt>
                <c:pt idx="1751">
                  <c:v>42600</c:v>
                </c:pt>
                <c:pt idx="1752">
                  <c:v>42601</c:v>
                </c:pt>
                <c:pt idx="1753">
                  <c:v>42604</c:v>
                </c:pt>
                <c:pt idx="1754">
                  <c:v>42605</c:v>
                </c:pt>
                <c:pt idx="1755">
                  <c:v>42606</c:v>
                </c:pt>
                <c:pt idx="1756">
                  <c:v>42607</c:v>
                </c:pt>
                <c:pt idx="1757">
                  <c:v>42608</c:v>
                </c:pt>
                <c:pt idx="1758">
                  <c:v>42611</c:v>
                </c:pt>
                <c:pt idx="1759">
                  <c:v>42612</c:v>
                </c:pt>
                <c:pt idx="1760">
                  <c:v>42613</c:v>
                </c:pt>
                <c:pt idx="1761">
                  <c:v>42614</c:v>
                </c:pt>
                <c:pt idx="1762">
                  <c:v>42615</c:v>
                </c:pt>
                <c:pt idx="1763">
                  <c:v>42618</c:v>
                </c:pt>
                <c:pt idx="1764">
                  <c:v>42619</c:v>
                </c:pt>
                <c:pt idx="1765">
                  <c:v>42620</c:v>
                </c:pt>
                <c:pt idx="1766">
                  <c:v>42621</c:v>
                </c:pt>
                <c:pt idx="1767">
                  <c:v>42622</c:v>
                </c:pt>
                <c:pt idx="1768">
                  <c:v>42625</c:v>
                </c:pt>
                <c:pt idx="1769">
                  <c:v>42626</c:v>
                </c:pt>
                <c:pt idx="1770">
                  <c:v>42627</c:v>
                </c:pt>
                <c:pt idx="1771">
                  <c:v>42628</c:v>
                </c:pt>
                <c:pt idx="1772">
                  <c:v>42629</c:v>
                </c:pt>
                <c:pt idx="1773">
                  <c:v>42632</c:v>
                </c:pt>
                <c:pt idx="1774">
                  <c:v>42633</c:v>
                </c:pt>
                <c:pt idx="1775">
                  <c:v>42634</c:v>
                </c:pt>
                <c:pt idx="1776">
                  <c:v>42635</c:v>
                </c:pt>
                <c:pt idx="1777">
                  <c:v>42636</c:v>
                </c:pt>
                <c:pt idx="1778">
                  <c:v>42639</c:v>
                </c:pt>
                <c:pt idx="1779">
                  <c:v>42640</c:v>
                </c:pt>
                <c:pt idx="1780">
                  <c:v>42641</c:v>
                </c:pt>
                <c:pt idx="1781">
                  <c:v>42642</c:v>
                </c:pt>
                <c:pt idx="1782">
                  <c:v>42643</c:v>
                </c:pt>
                <c:pt idx="1783">
                  <c:v>42646</c:v>
                </c:pt>
                <c:pt idx="1784">
                  <c:v>42647</c:v>
                </c:pt>
                <c:pt idx="1785">
                  <c:v>42648</c:v>
                </c:pt>
                <c:pt idx="1786">
                  <c:v>42649</c:v>
                </c:pt>
                <c:pt idx="1787">
                  <c:v>42650</c:v>
                </c:pt>
                <c:pt idx="1788">
                  <c:v>42653</c:v>
                </c:pt>
                <c:pt idx="1789">
                  <c:v>42654</c:v>
                </c:pt>
                <c:pt idx="1790">
                  <c:v>42655</c:v>
                </c:pt>
                <c:pt idx="1791">
                  <c:v>42656</c:v>
                </c:pt>
                <c:pt idx="1792">
                  <c:v>42657</c:v>
                </c:pt>
                <c:pt idx="1793">
                  <c:v>42660</c:v>
                </c:pt>
                <c:pt idx="1794">
                  <c:v>42661</c:v>
                </c:pt>
                <c:pt idx="1795">
                  <c:v>42662</c:v>
                </c:pt>
                <c:pt idx="1796">
                  <c:v>42663</c:v>
                </c:pt>
                <c:pt idx="1797">
                  <c:v>42664</c:v>
                </c:pt>
                <c:pt idx="1798">
                  <c:v>42667</c:v>
                </c:pt>
                <c:pt idx="1799">
                  <c:v>42668</c:v>
                </c:pt>
                <c:pt idx="1800">
                  <c:v>42669</c:v>
                </c:pt>
                <c:pt idx="1801">
                  <c:v>42670</c:v>
                </c:pt>
                <c:pt idx="1802">
                  <c:v>42671</c:v>
                </c:pt>
                <c:pt idx="1803">
                  <c:v>42674</c:v>
                </c:pt>
                <c:pt idx="1804">
                  <c:v>42675</c:v>
                </c:pt>
                <c:pt idx="1805">
                  <c:v>42676</c:v>
                </c:pt>
                <c:pt idx="1806">
                  <c:v>42677</c:v>
                </c:pt>
                <c:pt idx="1807">
                  <c:v>42678</c:v>
                </c:pt>
                <c:pt idx="1808">
                  <c:v>42681</c:v>
                </c:pt>
                <c:pt idx="1809">
                  <c:v>42682</c:v>
                </c:pt>
                <c:pt idx="1810">
                  <c:v>42683</c:v>
                </c:pt>
                <c:pt idx="1811">
                  <c:v>42684</c:v>
                </c:pt>
                <c:pt idx="1812">
                  <c:v>42685</c:v>
                </c:pt>
                <c:pt idx="1813">
                  <c:v>42688</c:v>
                </c:pt>
                <c:pt idx="1814">
                  <c:v>42689</c:v>
                </c:pt>
                <c:pt idx="1815">
                  <c:v>42690</c:v>
                </c:pt>
                <c:pt idx="1816">
                  <c:v>42691</c:v>
                </c:pt>
                <c:pt idx="1817">
                  <c:v>42692</c:v>
                </c:pt>
                <c:pt idx="1818">
                  <c:v>42695</c:v>
                </c:pt>
                <c:pt idx="1819">
                  <c:v>42696</c:v>
                </c:pt>
                <c:pt idx="1820">
                  <c:v>42697</c:v>
                </c:pt>
                <c:pt idx="1821">
                  <c:v>42698</c:v>
                </c:pt>
                <c:pt idx="1822">
                  <c:v>42699</c:v>
                </c:pt>
                <c:pt idx="1823">
                  <c:v>42702</c:v>
                </c:pt>
                <c:pt idx="1824">
                  <c:v>42703</c:v>
                </c:pt>
                <c:pt idx="1825">
                  <c:v>42704</c:v>
                </c:pt>
                <c:pt idx="1826">
                  <c:v>42705</c:v>
                </c:pt>
                <c:pt idx="1827">
                  <c:v>42706</c:v>
                </c:pt>
                <c:pt idx="1828">
                  <c:v>42709</c:v>
                </c:pt>
                <c:pt idx="1829">
                  <c:v>42710</c:v>
                </c:pt>
                <c:pt idx="1830">
                  <c:v>42711</c:v>
                </c:pt>
                <c:pt idx="1831">
                  <c:v>42712</c:v>
                </c:pt>
                <c:pt idx="1832">
                  <c:v>42713</c:v>
                </c:pt>
                <c:pt idx="1833">
                  <c:v>42716</c:v>
                </c:pt>
                <c:pt idx="1834">
                  <c:v>42717</c:v>
                </c:pt>
                <c:pt idx="1835">
                  <c:v>42718</c:v>
                </c:pt>
                <c:pt idx="1836">
                  <c:v>42719</c:v>
                </c:pt>
                <c:pt idx="1837">
                  <c:v>42720</c:v>
                </c:pt>
                <c:pt idx="1838">
                  <c:v>42723</c:v>
                </c:pt>
                <c:pt idx="1839">
                  <c:v>42724</c:v>
                </c:pt>
                <c:pt idx="1840">
                  <c:v>42725</c:v>
                </c:pt>
                <c:pt idx="1841">
                  <c:v>42726</c:v>
                </c:pt>
                <c:pt idx="1842">
                  <c:v>42727</c:v>
                </c:pt>
                <c:pt idx="1844">
                  <c:v>42731</c:v>
                </c:pt>
                <c:pt idx="1845">
                  <c:v>42732</c:v>
                </c:pt>
                <c:pt idx="1846">
                  <c:v>42733</c:v>
                </c:pt>
                <c:pt idx="1847">
                  <c:v>42734</c:v>
                </c:pt>
                <c:pt idx="1848">
                  <c:v>42735</c:v>
                </c:pt>
                <c:pt idx="1850">
                  <c:v>42738</c:v>
                </c:pt>
                <c:pt idx="1851">
                  <c:v>42739</c:v>
                </c:pt>
                <c:pt idx="1852">
                  <c:v>42740</c:v>
                </c:pt>
                <c:pt idx="1853">
                  <c:v>42741</c:v>
                </c:pt>
                <c:pt idx="1854">
                  <c:v>42744</c:v>
                </c:pt>
                <c:pt idx="1855">
                  <c:v>42745</c:v>
                </c:pt>
                <c:pt idx="1856">
                  <c:v>42746</c:v>
                </c:pt>
                <c:pt idx="1857">
                  <c:v>42747</c:v>
                </c:pt>
                <c:pt idx="1858">
                  <c:v>42748</c:v>
                </c:pt>
                <c:pt idx="1859">
                  <c:v>42751</c:v>
                </c:pt>
                <c:pt idx="1860">
                  <c:v>42752</c:v>
                </c:pt>
                <c:pt idx="1861">
                  <c:v>42753</c:v>
                </c:pt>
                <c:pt idx="1862">
                  <c:v>42754</c:v>
                </c:pt>
                <c:pt idx="1863">
                  <c:v>42755</c:v>
                </c:pt>
                <c:pt idx="1864">
                  <c:v>42758</c:v>
                </c:pt>
                <c:pt idx="1865">
                  <c:v>42759</c:v>
                </c:pt>
                <c:pt idx="1866">
                  <c:v>42760</c:v>
                </c:pt>
                <c:pt idx="1867">
                  <c:v>42761</c:v>
                </c:pt>
                <c:pt idx="1868">
                  <c:v>42762</c:v>
                </c:pt>
                <c:pt idx="1869">
                  <c:v>42765</c:v>
                </c:pt>
                <c:pt idx="1870">
                  <c:v>42766</c:v>
                </c:pt>
                <c:pt idx="1871">
                  <c:v>42767</c:v>
                </c:pt>
                <c:pt idx="1872">
                  <c:v>42768</c:v>
                </c:pt>
                <c:pt idx="1873">
                  <c:v>42769</c:v>
                </c:pt>
                <c:pt idx="1874">
                  <c:v>42772</c:v>
                </c:pt>
                <c:pt idx="1875">
                  <c:v>42773</c:v>
                </c:pt>
                <c:pt idx="1876">
                  <c:v>42774</c:v>
                </c:pt>
                <c:pt idx="1877">
                  <c:v>42775</c:v>
                </c:pt>
                <c:pt idx="1878">
                  <c:v>42776</c:v>
                </c:pt>
                <c:pt idx="1879">
                  <c:v>42779</c:v>
                </c:pt>
                <c:pt idx="1880">
                  <c:v>42780</c:v>
                </c:pt>
                <c:pt idx="1881">
                  <c:v>42781</c:v>
                </c:pt>
                <c:pt idx="1882">
                  <c:v>42782</c:v>
                </c:pt>
                <c:pt idx="1883">
                  <c:v>42783</c:v>
                </c:pt>
                <c:pt idx="1884">
                  <c:v>42786</c:v>
                </c:pt>
                <c:pt idx="1885">
                  <c:v>42787</c:v>
                </c:pt>
                <c:pt idx="1886">
                  <c:v>42788</c:v>
                </c:pt>
                <c:pt idx="1887">
                  <c:v>42789</c:v>
                </c:pt>
                <c:pt idx="1888">
                  <c:v>42790</c:v>
                </c:pt>
                <c:pt idx="1889">
                  <c:v>42793</c:v>
                </c:pt>
                <c:pt idx="1890">
                  <c:v>42794</c:v>
                </c:pt>
                <c:pt idx="1891">
                  <c:v>42795</c:v>
                </c:pt>
                <c:pt idx="1892">
                  <c:v>42796</c:v>
                </c:pt>
                <c:pt idx="1893">
                  <c:v>42797</c:v>
                </c:pt>
                <c:pt idx="1894">
                  <c:v>42800</c:v>
                </c:pt>
                <c:pt idx="1895">
                  <c:v>42801</c:v>
                </c:pt>
                <c:pt idx="1896">
                  <c:v>42802</c:v>
                </c:pt>
                <c:pt idx="1897">
                  <c:v>42803</c:v>
                </c:pt>
                <c:pt idx="1898">
                  <c:v>42804</c:v>
                </c:pt>
                <c:pt idx="1899">
                  <c:v>42807</c:v>
                </c:pt>
                <c:pt idx="1900">
                  <c:v>42808</c:v>
                </c:pt>
                <c:pt idx="1901">
                  <c:v>42809</c:v>
                </c:pt>
                <c:pt idx="1902">
                  <c:v>42810</c:v>
                </c:pt>
                <c:pt idx="1903">
                  <c:v>42811</c:v>
                </c:pt>
                <c:pt idx="1904">
                  <c:v>42814</c:v>
                </c:pt>
                <c:pt idx="1905">
                  <c:v>42815</c:v>
                </c:pt>
                <c:pt idx="1906">
                  <c:v>42816</c:v>
                </c:pt>
                <c:pt idx="1907">
                  <c:v>42817</c:v>
                </c:pt>
                <c:pt idx="1908">
                  <c:v>42818</c:v>
                </c:pt>
                <c:pt idx="1909">
                  <c:v>42821</c:v>
                </c:pt>
                <c:pt idx="1910">
                  <c:v>42822</c:v>
                </c:pt>
                <c:pt idx="1911">
                  <c:v>42823</c:v>
                </c:pt>
                <c:pt idx="1912">
                  <c:v>42824</c:v>
                </c:pt>
                <c:pt idx="1913">
                  <c:v>42825</c:v>
                </c:pt>
                <c:pt idx="1914">
                  <c:v>42828</c:v>
                </c:pt>
                <c:pt idx="1915">
                  <c:v>42829</c:v>
                </c:pt>
                <c:pt idx="1916">
                  <c:v>42830</c:v>
                </c:pt>
                <c:pt idx="1917">
                  <c:v>42831</c:v>
                </c:pt>
                <c:pt idx="1918">
                  <c:v>42832</c:v>
                </c:pt>
                <c:pt idx="1919">
                  <c:v>42835</c:v>
                </c:pt>
                <c:pt idx="1920">
                  <c:v>42836</c:v>
                </c:pt>
                <c:pt idx="1921">
                  <c:v>42837</c:v>
                </c:pt>
                <c:pt idx="1922">
                  <c:v>42838</c:v>
                </c:pt>
                <c:pt idx="1924">
                  <c:v>42842</c:v>
                </c:pt>
                <c:pt idx="1925">
                  <c:v>42843</c:v>
                </c:pt>
                <c:pt idx="1926">
                  <c:v>42844</c:v>
                </c:pt>
                <c:pt idx="1927">
                  <c:v>42845</c:v>
                </c:pt>
                <c:pt idx="1928">
                  <c:v>42846</c:v>
                </c:pt>
                <c:pt idx="1929">
                  <c:v>42849</c:v>
                </c:pt>
                <c:pt idx="1930">
                  <c:v>42850</c:v>
                </c:pt>
                <c:pt idx="1931">
                  <c:v>42851</c:v>
                </c:pt>
                <c:pt idx="1932">
                  <c:v>42852</c:v>
                </c:pt>
                <c:pt idx="1933">
                  <c:v>42853</c:v>
                </c:pt>
                <c:pt idx="1934">
                  <c:v>42855</c:v>
                </c:pt>
                <c:pt idx="1935">
                  <c:v>42856</c:v>
                </c:pt>
                <c:pt idx="1936">
                  <c:v>42857</c:v>
                </c:pt>
                <c:pt idx="1937">
                  <c:v>42858</c:v>
                </c:pt>
                <c:pt idx="1938">
                  <c:v>42859</c:v>
                </c:pt>
                <c:pt idx="1939">
                  <c:v>42860</c:v>
                </c:pt>
                <c:pt idx="1940">
                  <c:v>42863</c:v>
                </c:pt>
                <c:pt idx="1941">
                  <c:v>42864</c:v>
                </c:pt>
                <c:pt idx="1942">
                  <c:v>42865</c:v>
                </c:pt>
                <c:pt idx="1943">
                  <c:v>42866</c:v>
                </c:pt>
                <c:pt idx="1944">
                  <c:v>42867</c:v>
                </c:pt>
                <c:pt idx="1945">
                  <c:v>42870</c:v>
                </c:pt>
                <c:pt idx="1946">
                  <c:v>42871</c:v>
                </c:pt>
                <c:pt idx="1947">
                  <c:v>42872</c:v>
                </c:pt>
                <c:pt idx="1948">
                  <c:v>42873</c:v>
                </c:pt>
                <c:pt idx="1949">
                  <c:v>42874</c:v>
                </c:pt>
                <c:pt idx="1950">
                  <c:v>42877</c:v>
                </c:pt>
                <c:pt idx="1951">
                  <c:v>42878</c:v>
                </c:pt>
                <c:pt idx="1952">
                  <c:v>42879</c:v>
                </c:pt>
                <c:pt idx="1953">
                  <c:v>42880</c:v>
                </c:pt>
                <c:pt idx="1954">
                  <c:v>42881</c:v>
                </c:pt>
                <c:pt idx="1955">
                  <c:v>42884</c:v>
                </c:pt>
                <c:pt idx="1956">
                  <c:v>42885</c:v>
                </c:pt>
                <c:pt idx="1957">
                  <c:v>42886</c:v>
                </c:pt>
                <c:pt idx="1958">
                  <c:v>42887</c:v>
                </c:pt>
                <c:pt idx="1959">
                  <c:v>42888</c:v>
                </c:pt>
                <c:pt idx="1960">
                  <c:v>42891</c:v>
                </c:pt>
                <c:pt idx="1961">
                  <c:v>42892</c:v>
                </c:pt>
                <c:pt idx="1962">
                  <c:v>42893</c:v>
                </c:pt>
                <c:pt idx="1963">
                  <c:v>42894</c:v>
                </c:pt>
                <c:pt idx="1964">
                  <c:v>42895</c:v>
                </c:pt>
                <c:pt idx="1965">
                  <c:v>42898</c:v>
                </c:pt>
                <c:pt idx="1966">
                  <c:v>42899</c:v>
                </c:pt>
                <c:pt idx="1967">
                  <c:v>42900</c:v>
                </c:pt>
                <c:pt idx="1968">
                  <c:v>42901</c:v>
                </c:pt>
                <c:pt idx="1969">
                  <c:v>42902</c:v>
                </c:pt>
                <c:pt idx="1970">
                  <c:v>42905</c:v>
                </c:pt>
                <c:pt idx="1971">
                  <c:v>42906</c:v>
                </c:pt>
                <c:pt idx="1972">
                  <c:v>42907</c:v>
                </c:pt>
                <c:pt idx="1973">
                  <c:v>42908</c:v>
                </c:pt>
                <c:pt idx="1974">
                  <c:v>42909</c:v>
                </c:pt>
                <c:pt idx="1975">
                  <c:v>42912</c:v>
                </c:pt>
                <c:pt idx="1976">
                  <c:v>42913</c:v>
                </c:pt>
                <c:pt idx="1977">
                  <c:v>42914</c:v>
                </c:pt>
                <c:pt idx="1978">
                  <c:v>42915</c:v>
                </c:pt>
                <c:pt idx="1979">
                  <c:v>42916</c:v>
                </c:pt>
                <c:pt idx="1980">
                  <c:v>42919</c:v>
                </c:pt>
                <c:pt idx="1981">
                  <c:v>42920</c:v>
                </c:pt>
                <c:pt idx="1982">
                  <c:v>42921</c:v>
                </c:pt>
                <c:pt idx="1983">
                  <c:v>42922</c:v>
                </c:pt>
                <c:pt idx="1984">
                  <c:v>42923</c:v>
                </c:pt>
                <c:pt idx="1985">
                  <c:v>42926</c:v>
                </c:pt>
                <c:pt idx="1986">
                  <c:v>42927</c:v>
                </c:pt>
                <c:pt idx="1987">
                  <c:v>42928</c:v>
                </c:pt>
                <c:pt idx="1988">
                  <c:v>42929</c:v>
                </c:pt>
                <c:pt idx="1989">
                  <c:v>42930</c:v>
                </c:pt>
                <c:pt idx="1990">
                  <c:v>42933</c:v>
                </c:pt>
                <c:pt idx="1991">
                  <c:v>42934</c:v>
                </c:pt>
                <c:pt idx="1992">
                  <c:v>42935</c:v>
                </c:pt>
                <c:pt idx="1993">
                  <c:v>42936</c:v>
                </c:pt>
                <c:pt idx="1994">
                  <c:v>42937</c:v>
                </c:pt>
                <c:pt idx="1995">
                  <c:v>42940</c:v>
                </c:pt>
                <c:pt idx="1996">
                  <c:v>42941</c:v>
                </c:pt>
                <c:pt idx="1997">
                  <c:v>42942</c:v>
                </c:pt>
                <c:pt idx="1998">
                  <c:v>42943</c:v>
                </c:pt>
                <c:pt idx="1999">
                  <c:v>42944</c:v>
                </c:pt>
                <c:pt idx="2000">
                  <c:v>42947</c:v>
                </c:pt>
                <c:pt idx="2001">
                  <c:v>42948</c:v>
                </c:pt>
                <c:pt idx="2002">
                  <c:v>42949</c:v>
                </c:pt>
                <c:pt idx="2003">
                  <c:v>42950</c:v>
                </c:pt>
                <c:pt idx="2004">
                  <c:v>42951</c:v>
                </c:pt>
                <c:pt idx="2005">
                  <c:v>42954</c:v>
                </c:pt>
                <c:pt idx="2006">
                  <c:v>42955</c:v>
                </c:pt>
                <c:pt idx="2007">
                  <c:v>42956</c:v>
                </c:pt>
                <c:pt idx="2008">
                  <c:v>42957</c:v>
                </c:pt>
                <c:pt idx="2009">
                  <c:v>42958</c:v>
                </c:pt>
                <c:pt idx="2010">
                  <c:v>42961</c:v>
                </c:pt>
                <c:pt idx="2011">
                  <c:v>42962</c:v>
                </c:pt>
                <c:pt idx="2012">
                  <c:v>42963</c:v>
                </c:pt>
                <c:pt idx="2013">
                  <c:v>42964</c:v>
                </c:pt>
                <c:pt idx="2014">
                  <c:v>42965</c:v>
                </c:pt>
                <c:pt idx="2015">
                  <c:v>42968</c:v>
                </c:pt>
                <c:pt idx="2016">
                  <c:v>42969</c:v>
                </c:pt>
                <c:pt idx="2017">
                  <c:v>42970</c:v>
                </c:pt>
                <c:pt idx="2018">
                  <c:v>42971</c:v>
                </c:pt>
                <c:pt idx="2019">
                  <c:v>42972</c:v>
                </c:pt>
                <c:pt idx="2020">
                  <c:v>42975</c:v>
                </c:pt>
                <c:pt idx="2021">
                  <c:v>42976</c:v>
                </c:pt>
                <c:pt idx="2022">
                  <c:v>42977</c:v>
                </c:pt>
                <c:pt idx="2023">
                  <c:v>42978</c:v>
                </c:pt>
                <c:pt idx="2024">
                  <c:v>42979</c:v>
                </c:pt>
                <c:pt idx="2025">
                  <c:v>42982</c:v>
                </c:pt>
                <c:pt idx="2026">
                  <c:v>42983</c:v>
                </c:pt>
                <c:pt idx="2027">
                  <c:v>42984</c:v>
                </c:pt>
                <c:pt idx="2028">
                  <c:v>42985</c:v>
                </c:pt>
                <c:pt idx="2029">
                  <c:v>42986</c:v>
                </c:pt>
                <c:pt idx="2030">
                  <c:v>42989</c:v>
                </c:pt>
                <c:pt idx="2031">
                  <c:v>42990</c:v>
                </c:pt>
                <c:pt idx="2032">
                  <c:v>42991</c:v>
                </c:pt>
                <c:pt idx="2033">
                  <c:v>42992</c:v>
                </c:pt>
                <c:pt idx="2034">
                  <c:v>42993</c:v>
                </c:pt>
                <c:pt idx="2035">
                  <c:v>42996</c:v>
                </c:pt>
                <c:pt idx="2036">
                  <c:v>42997</c:v>
                </c:pt>
                <c:pt idx="2037">
                  <c:v>42998</c:v>
                </c:pt>
                <c:pt idx="2038">
                  <c:v>42999</c:v>
                </c:pt>
                <c:pt idx="2039">
                  <c:v>43000</c:v>
                </c:pt>
                <c:pt idx="2040">
                  <c:v>43003</c:v>
                </c:pt>
                <c:pt idx="2041">
                  <c:v>43004</c:v>
                </c:pt>
                <c:pt idx="2042">
                  <c:v>43005</c:v>
                </c:pt>
                <c:pt idx="2043">
                  <c:v>43006</c:v>
                </c:pt>
                <c:pt idx="2044">
                  <c:v>43007</c:v>
                </c:pt>
                <c:pt idx="2045">
                  <c:v>43008</c:v>
                </c:pt>
                <c:pt idx="2046">
                  <c:v>43010</c:v>
                </c:pt>
                <c:pt idx="2047">
                  <c:v>43011</c:v>
                </c:pt>
                <c:pt idx="2048">
                  <c:v>43012</c:v>
                </c:pt>
                <c:pt idx="2049">
                  <c:v>43013</c:v>
                </c:pt>
                <c:pt idx="2050">
                  <c:v>43014</c:v>
                </c:pt>
                <c:pt idx="2051">
                  <c:v>43017</c:v>
                </c:pt>
                <c:pt idx="2052">
                  <c:v>43018</c:v>
                </c:pt>
                <c:pt idx="2053">
                  <c:v>43019</c:v>
                </c:pt>
                <c:pt idx="2054">
                  <c:v>43020</c:v>
                </c:pt>
                <c:pt idx="2055">
                  <c:v>43021</c:v>
                </c:pt>
                <c:pt idx="2056">
                  <c:v>43024</c:v>
                </c:pt>
                <c:pt idx="2057">
                  <c:v>43025</c:v>
                </c:pt>
                <c:pt idx="2058">
                  <c:v>43026</c:v>
                </c:pt>
                <c:pt idx="2059">
                  <c:v>43027</c:v>
                </c:pt>
                <c:pt idx="2060">
                  <c:v>43028</c:v>
                </c:pt>
                <c:pt idx="2061">
                  <c:v>43031</c:v>
                </c:pt>
                <c:pt idx="2062">
                  <c:v>43032</c:v>
                </c:pt>
                <c:pt idx="2063">
                  <c:v>43033</c:v>
                </c:pt>
                <c:pt idx="2064">
                  <c:v>43034</c:v>
                </c:pt>
                <c:pt idx="2065">
                  <c:v>43035</c:v>
                </c:pt>
                <c:pt idx="2066">
                  <c:v>43038</c:v>
                </c:pt>
                <c:pt idx="2067">
                  <c:v>43039</c:v>
                </c:pt>
                <c:pt idx="2068">
                  <c:v>43040</c:v>
                </c:pt>
                <c:pt idx="2069">
                  <c:v>43041</c:v>
                </c:pt>
                <c:pt idx="2070">
                  <c:v>43042</c:v>
                </c:pt>
                <c:pt idx="2071">
                  <c:v>43045</c:v>
                </c:pt>
                <c:pt idx="2072">
                  <c:v>43046</c:v>
                </c:pt>
                <c:pt idx="2073">
                  <c:v>43047</c:v>
                </c:pt>
                <c:pt idx="2074">
                  <c:v>43048</c:v>
                </c:pt>
                <c:pt idx="2075">
                  <c:v>43049</c:v>
                </c:pt>
                <c:pt idx="2076">
                  <c:v>43052</c:v>
                </c:pt>
                <c:pt idx="2077">
                  <c:v>43053</c:v>
                </c:pt>
                <c:pt idx="2078">
                  <c:v>43054</c:v>
                </c:pt>
                <c:pt idx="2079">
                  <c:v>43055</c:v>
                </c:pt>
                <c:pt idx="2080">
                  <c:v>43056</c:v>
                </c:pt>
                <c:pt idx="2081">
                  <c:v>43059</c:v>
                </c:pt>
                <c:pt idx="2082">
                  <c:v>43060</c:v>
                </c:pt>
                <c:pt idx="2083">
                  <c:v>43061</c:v>
                </c:pt>
                <c:pt idx="2084">
                  <c:v>43062</c:v>
                </c:pt>
                <c:pt idx="2085">
                  <c:v>43063</c:v>
                </c:pt>
                <c:pt idx="2086">
                  <c:v>43066</c:v>
                </c:pt>
                <c:pt idx="2087">
                  <c:v>43067</c:v>
                </c:pt>
                <c:pt idx="2088">
                  <c:v>43068</c:v>
                </c:pt>
                <c:pt idx="2089">
                  <c:v>43069</c:v>
                </c:pt>
                <c:pt idx="2090">
                  <c:v>43070</c:v>
                </c:pt>
                <c:pt idx="2091">
                  <c:v>43073</c:v>
                </c:pt>
                <c:pt idx="2092">
                  <c:v>43074</c:v>
                </c:pt>
                <c:pt idx="2093">
                  <c:v>43075</c:v>
                </c:pt>
                <c:pt idx="2094">
                  <c:v>43076</c:v>
                </c:pt>
                <c:pt idx="2095">
                  <c:v>43077</c:v>
                </c:pt>
                <c:pt idx="2096">
                  <c:v>43080</c:v>
                </c:pt>
                <c:pt idx="2097">
                  <c:v>43081</c:v>
                </c:pt>
                <c:pt idx="2098">
                  <c:v>43082</c:v>
                </c:pt>
                <c:pt idx="2099">
                  <c:v>43083</c:v>
                </c:pt>
                <c:pt idx="2100">
                  <c:v>43084</c:v>
                </c:pt>
                <c:pt idx="2101">
                  <c:v>43087</c:v>
                </c:pt>
                <c:pt idx="2102">
                  <c:v>43088</c:v>
                </c:pt>
                <c:pt idx="2103">
                  <c:v>43089</c:v>
                </c:pt>
                <c:pt idx="2104">
                  <c:v>43090</c:v>
                </c:pt>
                <c:pt idx="2105">
                  <c:v>43091</c:v>
                </c:pt>
                <c:pt idx="2107">
                  <c:v>43095</c:v>
                </c:pt>
                <c:pt idx="2108">
                  <c:v>43096</c:v>
                </c:pt>
                <c:pt idx="2109">
                  <c:v>43097</c:v>
                </c:pt>
                <c:pt idx="2110">
                  <c:v>43098</c:v>
                </c:pt>
                <c:pt idx="2111">
                  <c:v>43100</c:v>
                </c:pt>
                <c:pt idx="2113">
                  <c:v>43102</c:v>
                </c:pt>
                <c:pt idx="2114">
                  <c:v>43103</c:v>
                </c:pt>
                <c:pt idx="2115">
                  <c:v>43104</c:v>
                </c:pt>
                <c:pt idx="2116">
                  <c:v>43105</c:v>
                </c:pt>
                <c:pt idx="2117">
                  <c:v>43108</c:v>
                </c:pt>
                <c:pt idx="2118">
                  <c:v>43109</c:v>
                </c:pt>
                <c:pt idx="2119">
                  <c:v>43110</c:v>
                </c:pt>
                <c:pt idx="2120">
                  <c:v>43111</c:v>
                </c:pt>
                <c:pt idx="2121">
                  <c:v>43112</c:v>
                </c:pt>
                <c:pt idx="2122">
                  <c:v>43115</c:v>
                </c:pt>
                <c:pt idx="2123">
                  <c:v>43116</c:v>
                </c:pt>
                <c:pt idx="2124">
                  <c:v>43117</c:v>
                </c:pt>
                <c:pt idx="2125">
                  <c:v>43118</c:v>
                </c:pt>
                <c:pt idx="2126">
                  <c:v>43119</c:v>
                </c:pt>
                <c:pt idx="2127">
                  <c:v>43122</c:v>
                </c:pt>
                <c:pt idx="2128">
                  <c:v>43123</c:v>
                </c:pt>
                <c:pt idx="2129">
                  <c:v>43124</c:v>
                </c:pt>
                <c:pt idx="2130">
                  <c:v>43125</c:v>
                </c:pt>
                <c:pt idx="2131">
                  <c:v>43126</c:v>
                </c:pt>
                <c:pt idx="2132">
                  <c:v>43129</c:v>
                </c:pt>
                <c:pt idx="2133">
                  <c:v>43130</c:v>
                </c:pt>
                <c:pt idx="2134">
                  <c:v>43131</c:v>
                </c:pt>
                <c:pt idx="2135">
                  <c:v>43132</c:v>
                </c:pt>
                <c:pt idx="2136">
                  <c:v>43133</c:v>
                </c:pt>
                <c:pt idx="2137">
                  <c:v>43136</c:v>
                </c:pt>
                <c:pt idx="2138">
                  <c:v>43137</c:v>
                </c:pt>
                <c:pt idx="2139">
                  <c:v>43138</c:v>
                </c:pt>
                <c:pt idx="2140">
                  <c:v>43139</c:v>
                </c:pt>
                <c:pt idx="2141">
                  <c:v>43140</c:v>
                </c:pt>
                <c:pt idx="2142">
                  <c:v>43143</c:v>
                </c:pt>
                <c:pt idx="2143">
                  <c:v>43144</c:v>
                </c:pt>
                <c:pt idx="2144">
                  <c:v>43145</c:v>
                </c:pt>
                <c:pt idx="2145">
                  <c:v>43146</c:v>
                </c:pt>
                <c:pt idx="2146">
                  <c:v>43147</c:v>
                </c:pt>
                <c:pt idx="2147">
                  <c:v>43150</c:v>
                </c:pt>
                <c:pt idx="2148">
                  <c:v>43151</c:v>
                </c:pt>
                <c:pt idx="2149">
                  <c:v>43152</c:v>
                </c:pt>
                <c:pt idx="2150">
                  <c:v>43153</c:v>
                </c:pt>
                <c:pt idx="2151">
                  <c:v>43154</c:v>
                </c:pt>
                <c:pt idx="2152">
                  <c:v>43157</c:v>
                </c:pt>
                <c:pt idx="2153">
                  <c:v>43158</c:v>
                </c:pt>
                <c:pt idx="2154">
                  <c:v>43159</c:v>
                </c:pt>
                <c:pt idx="2155">
                  <c:v>43160</c:v>
                </c:pt>
                <c:pt idx="2156">
                  <c:v>43161</c:v>
                </c:pt>
                <c:pt idx="2157">
                  <c:v>43164</c:v>
                </c:pt>
                <c:pt idx="2158">
                  <c:v>43165</c:v>
                </c:pt>
                <c:pt idx="2159">
                  <c:v>43166</c:v>
                </c:pt>
                <c:pt idx="2160">
                  <c:v>43167</c:v>
                </c:pt>
                <c:pt idx="2161">
                  <c:v>43168</c:v>
                </c:pt>
                <c:pt idx="2162">
                  <c:v>43171</c:v>
                </c:pt>
                <c:pt idx="2163">
                  <c:v>43172</c:v>
                </c:pt>
                <c:pt idx="2164">
                  <c:v>43173</c:v>
                </c:pt>
                <c:pt idx="2165">
                  <c:v>43174</c:v>
                </c:pt>
                <c:pt idx="2166">
                  <c:v>43175</c:v>
                </c:pt>
                <c:pt idx="2167">
                  <c:v>43178</c:v>
                </c:pt>
                <c:pt idx="2168">
                  <c:v>43179</c:v>
                </c:pt>
                <c:pt idx="2169">
                  <c:v>43180</c:v>
                </c:pt>
                <c:pt idx="2170">
                  <c:v>43181</c:v>
                </c:pt>
                <c:pt idx="2171">
                  <c:v>43182</c:v>
                </c:pt>
                <c:pt idx="2172">
                  <c:v>43185</c:v>
                </c:pt>
                <c:pt idx="2173">
                  <c:v>43186</c:v>
                </c:pt>
                <c:pt idx="2174">
                  <c:v>43187</c:v>
                </c:pt>
                <c:pt idx="2175">
                  <c:v>43188</c:v>
                </c:pt>
                <c:pt idx="2177">
                  <c:v>43190</c:v>
                </c:pt>
                <c:pt idx="2178">
                  <c:v>43192</c:v>
                </c:pt>
                <c:pt idx="2179">
                  <c:v>43193</c:v>
                </c:pt>
                <c:pt idx="2180">
                  <c:v>43194</c:v>
                </c:pt>
                <c:pt idx="2181">
                  <c:v>43195</c:v>
                </c:pt>
                <c:pt idx="2182">
                  <c:v>43196</c:v>
                </c:pt>
                <c:pt idx="2183">
                  <c:v>43199</c:v>
                </c:pt>
                <c:pt idx="2184">
                  <c:v>43200</c:v>
                </c:pt>
                <c:pt idx="2185">
                  <c:v>43201</c:v>
                </c:pt>
                <c:pt idx="2186">
                  <c:v>43202</c:v>
                </c:pt>
                <c:pt idx="2187">
                  <c:v>43203</c:v>
                </c:pt>
                <c:pt idx="2188">
                  <c:v>43206</c:v>
                </c:pt>
                <c:pt idx="2189">
                  <c:v>43207</c:v>
                </c:pt>
                <c:pt idx="2190">
                  <c:v>43208</c:v>
                </c:pt>
                <c:pt idx="2191">
                  <c:v>43209</c:v>
                </c:pt>
                <c:pt idx="2192">
                  <c:v>43210</c:v>
                </c:pt>
                <c:pt idx="2193">
                  <c:v>43213</c:v>
                </c:pt>
                <c:pt idx="2194">
                  <c:v>43214</c:v>
                </c:pt>
                <c:pt idx="2195">
                  <c:v>43215</c:v>
                </c:pt>
                <c:pt idx="2196">
                  <c:v>43216</c:v>
                </c:pt>
                <c:pt idx="2197">
                  <c:v>43217</c:v>
                </c:pt>
                <c:pt idx="2198">
                  <c:v>43220</c:v>
                </c:pt>
                <c:pt idx="2199">
                  <c:v>43221</c:v>
                </c:pt>
                <c:pt idx="2200">
                  <c:v>43222</c:v>
                </c:pt>
                <c:pt idx="2201">
                  <c:v>43223</c:v>
                </c:pt>
                <c:pt idx="2202">
                  <c:v>43224</c:v>
                </c:pt>
                <c:pt idx="2203">
                  <c:v>43227</c:v>
                </c:pt>
                <c:pt idx="2204">
                  <c:v>43228</c:v>
                </c:pt>
                <c:pt idx="2205">
                  <c:v>43229</c:v>
                </c:pt>
                <c:pt idx="2206">
                  <c:v>43230</c:v>
                </c:pt>
                <c:pt idx="2207">
                  <c:v>43231</c:v>
                </c:pt>
                <c:pt idx="2208">
                  <c:v>43234</c:v>
                </c:pt>
                <c:pt idx="2209">
                  <c:v>43235</c:v>
                </c:pt>
                <c:pt idx="2210">
                  <c:v>43236</c:v>
                </c:pt>
                <c:pt idx="2211">
                  <c:v>43237</c:v>
                </c:pt>
                <c:pt idx="2212">
                  <c:v>43238</c:v>
                </c:pt>
                <c:pt idx="2213">
                  <c:v>43241</c:v>
                </c:pt>
                <c:pt idx="2214">
                  <c:v>43242</c:v>
                </c:pt>
                <c:pt idx="2215">
                  <c:v>43243</c:v>
                </c:pt>
                <c:pt idx="2216">
                  <c:v>43244</c:v>
                </c:pt>
                <c:pt idx="2217">
                  <c:v>43245</c:v>
                </c:pt>
                <c:pt idx="2218">
                  <c:v>43248</c:v>
                </c:pt>
                <c:pt idx="2219">
                  <c:v>43249</c:v>
                </c:pt>
                <c:pt idx="2220">
                  <c:v>43250</c:v>
                </c:pt>
                <c:pt idx="2221">
                  <c:v>43251</c:v>
                </c:pt>
                <c:pt idx="2222">
                  <c:v>43252</c:v>
                </c:pt>
                <c:pt idx="2223">
                  <c:v>43255</c:v>
                </c:pt>
                <c:pt idx="2224">
                  <c:v>43256</c:v>
                </c:pt>
                <c:pt idx="2225">
                  <c:v>43257</c:v>
                </c:pt>
                <c:pt idx="2226">
                  <c:v>43258</c:v>
                </c:pt>
                <c:pt idx="2227">
                  <c:v>43259</c:v>
                </c:pt>
                <c:pt idx="2228">
                  <c:v>43262</c:v>
                </c:pt>
                <c:pt idx="2229">
                  <c:v>43263</c:v>
                </c:pt>
                <c:pt idx="2230">
                  <c:v>43264</c:v>
                </c:pt>
                <c:pt idx="2231">
                  <c:v>43265</c:v>
                </c:pt>
                <c:pt idx="2232">
                  <c:v>43266</c:v>
                </c:pt>
                <c:pt idx="2233">
                  <c:v>43269</c:v>
                </c:pt>
                <c:pt idx="2234">
                  <c:v>43270</c:v>
                </c:pt>
                <c:pt idx="2235">
                  <c:v>43271</c:v>
                </c:pt>
                <c:pt idx="2236">
                  <c:v>43272</c:v>
                </c:pt>
                <c:pt idx="2237">
                  <c:v>43273</c:v>
                </c:pt>
                <c:pt idx="2238">
                  <c:v>43276</c:v>
                </c:pt>
                <c:pt idx="2239">
                  <c:v>43277</c:v>
                </c:pt>
                <c:pt idx="2240">
                  <c:v>43278</c:v>
                </c:pt>
                <c:pt idx="2241">
                  <c:v>43279</c:v>
                </c:pt>
                <c:pt idx="2242">
                  <c:v>43280</c:v>
                </c:pt>
                <c:pt idx="2243">
                  <c:v>43281</c:v>
                </c:pt>
                <c:pt idx="2244">
                  <c:v>43283</c:v>
                </c:pt>
                <c:pt idx="2245">
                  <c:v>43284</c:v>
                </c:pt>
                <c:pt idx="2246">
                  <c:v>43285</c:v>
                </c:pt>
                <c:pt idx="2247">
                  <c:v>43286</c:v>
                </c:pt>
                <c:pt idx="2248">
                  <c:v>43287</c:v>
                </c:pt>
                <c:pt idx="2249">
                  <c:v>43290</c:v>
                </c:pt>
                <c:pt idx="2250">
                  <c:v>43291</c:v>
                </c:pt>
                <c:pt idx="2251">
                  <c:v>43292</c:v>
                </c:pt>
                <c:pt idx="2252">
                  <c:v>43293</c:v>
                </c:pt>
                <c:pt idx="2253">
                  <c:v>43294</c:v>
                </c:pt>
                <c:pt idx="2254">
                  <c:v>43297</c:v>
                </c:pt>
                <c:pt idx="2255">
                  <c:v>43298</c:v>
                </c:pt>
                <c:pt idx="2256">
                  <c:v>43299</c:v>
                </c:pt>
                <c:pt idx="2257">
                  <c:v>43300</c:v>
                </c:pt>
                <c:pt idx="2258">
                  <c:v>43301</c:v>
                </c:pt>
                <c:pt idx="2259">
                  <c:v>43304</c:v>
                </c:pt>
                <c:pt idx="2260">
                  <c:v>43305</c:v>
                </c:pt>
                <c:pt idx="2261">
                  <c:v>43306</c:v>
                </c:pt>
                <c:pt idx="2262">
                  <c:v>43307</c:v>
                </c:pt>
                <c:pt idx="2263">
                  <c:v>43308</c:v>
                </c:pt>
                <c:pt idx="2264">
                  <c:v>43311</c:v>
                </c:pt>
                <c:pt idx="2265">
                  <c:v>43312</c:v>
                </c:pt>
                <c:pt idx="2266">
                  <c:v>43313</c:v>
                </c:pt>
                <c:pt idx="2267">
                  <c:v>43314</c:v>
                </c:pt>
                <c:pt idx="2268">
                  <c:v>43315</c:v>
                </c:pt>
                <c:pt idx="2269">
                  <c:v>43318</c:v>
                </c:pt>
                <c:pt idx="2270">
                  <c:v>43319</c:v>
                </c:pt>
                <c:pt idx="2271">
                  <c:v>43320</c:v>
                </c:pt>
                <c:pt idx="2272">
                  <c:v>43321</c:v>
                </c:pt>
                <c:pt idx="2273">
                  <c:v>43322</c:v>
                </c:pt>
                <c:pt idx="2274">
                  <c:v>43325</c:v>
                </c:pt>
                <c:pt idx="2275">
                  <c:v>43326</c:v>
                </c:pt>
                <c:pt idx="2276">
                  <c:v>43327</c:v>
                </c:pt>
                <c:pt idx="2277">
                  <c:v>43328</c:v>
                </c:pt>
                <c:pt idx="2278">
                  <c:v>43329</c:v>
                </c:pt>
                <c:pt idx="2279">
                  <c:v>43332</c:v>
                </c:pt>
                <c:pt idx="2280">
                  <c:v>43333</c:v>
                </c:pt>
                <c:pt idx="2281">
                  <c:v>43334</c:v>
                </c:pt>
                <c:pt idx="2282">
                  <c:v>43335</c:v>
                </c:pt>
                <c:pt idx="2283">
                  <c:v>43336</c:v>
                </c:pt>
                <c:pt idx="2284">
                  <c:v>43339</c:v>
                </c:pt>
                <c:pt idx="2285">
                  <c:v>43340</c:v>
                </c:pt>
                <c:pt idx="2286">
                  <c:v>43341</c:v>
                </c:pt>
                <c:pt idx="2287">
                  <c:v>43342</c:v>
                </c:pt>
                <c:pt idx="2288">
                  <c:v>43343</c:v>
                </c:pt>
                <c:pt idx="2289">
                  <c:v>43346</c:v>
                </c:pt>
                <c:pt idx="2290">
                  <c:v>43347</c:v>
                </c:pt>
                <c:pt idx="2291">
                  <c:v>43348</c:v>
                </c:pt>
                <c:pt idx="2292">
                  <c:v>43349</c:v>
                </c:pt>
                <c:pt idx="2293">
                  <c:v>43350</c:v>
                </c:pt>
                <c:pt idx="2294">
                  <c:v>43353</c:v>
                </c:pt>
                <c:pt idx="2295">
                  <c:v>43354</c:v>
                </c:pt>
                <c:pt idx="2296">
                  <c:v>43355</c:v>
                </c:pt>
                <c:pt idx="2297">
                  <c:v>43356</c:v>
                </c:pt>
                <c:pt idx="2298">
                  <c:v>43357</c:v>
                </c:pt>
                <c:pt idx="2299">
                  <c:v>43360</c:v>
                </c:pt>
                <c:pt idx="2300">
                  <c:v>43361</c:v>
                </c:pt>
                <c:pt idx="2301">
                  <c:v>43362</c:v>
                </c:pt>
                <c:pt idx="2302">
                  <c:v>43363</c:v>
                </c:pt>
                <c:pt idx="2303">
                  <c:v>43364</c:v>
                </c:pt>
                <c:pt idx="2304">
                  <c:v>43367</c:v>
                </c:pt>
                <c:pt idx="2305">
                  <c:v>43368</c:v>
                </c:pt>
                <c:pt idx="2306">
                  <c:v>43369</c:v>
                </c:pt>
                <c:pt idx="2307">
                  <c:v>43370</c:v>
                </c:pt>
                <c:pt idx="2308">
                  <c:v>43371</c:v>
                </c:pt>
                <c:pt idx="2309">
                  <c:v>43373</c:v>
                </c:pt>
                <c:pt idx="2310">
                  <c:v>43374</c:v>
                </c:pt>
                <c:pt idx="2311">
                  <c:v>43375</c:v>
                </c:pt>
                <c:pt idx="2312">
                  <c:v>43376</c:v>
                </c:pt>
                <c:pt idx="2313">
                  <c:v>43377</c:v>
                </c:pt>
                <c:pt idx="2314">
                  <c:v>43378</c:v>
                </c:pt>
                <c:pt idx="2315">
                  <c:v>43381</c:v>
                </c:pt>
                <c:pt idx="2316">
                  <c:v>43382</c:v>
                </c:pt>
                <c:pt idx="2317">
                  <c:v>43383</c:v>
                </c:pt>
                <c:pt idx="2318">
                  <c:v>43384</c:v>
                </c:pt>
                <c:pt idx="2319">
                  <c:v>43385</c:v>
                </c:pt>
                <c:pt idx="2320">
                  <c:v>43388</c:v>
                </c:pt>
                <c:pt idx="2321">
                  <c:v>43389</c:v>
                </c:pt>
                <c:pt idx="2322">
                  <c:v>43390</c:v>
                </c:pt>
                <c:pt idx="2323">
                  <c:v>43391</c:v>
                </c:pt>
                <c:pt idx="2324">
                  <c:v>43392</c:v>
                </c:pt>
                <c:pt idx="2325">
                  <c:v>43395</c:v>
                </c:pt>
                <c:pt idx="2326">
                  <c:v>43396</c:v>
                </c:pt>
                <c:pt idx="2327">
                  <c:v>43397</c:v>
                </c:pt>
                <c:pt idx="2328">
                  <c:v>43398</c:v>
                </c:pt>
                <c:pt idx="2329">
                  <c:v>43399</c:v>
                </c:pt>
                <c:pt idx="2330">
                  <c:v>43402</c:v>
                </c:pt>
                <c:pt idx="2331">
                  <c:v>43403</c:v>
                </c:pt>
                <c:pt idx="2332">
                  <c:v>43404</c:v>
                </c:pt>
                <c:pt idx="2333">
                  <c:v>43405</c:v>
                </c:pt>
                <c:pt idx="2334">
                  <c:v>43406</c:v>
                </c:pt>
                <c:pt idx="2335">
                  <c:v>43409</c:v>
                </c:pt>
                <c:pt idx="2336">
                  <c:v>43410</c:v>
                </c:pt>
                <c:pt idx="2337">
                  <c:v>43411</c:v>
                </c:pt>
                <c:pt idx="2338">
                  <c:v>43412</c:v>
                </c:pt>
                <c:pt idx="2339">
                  <c:v>43413</c:v>
                </c:pt>
                <c:pt idx="2340">
                  <c:v>43416</c:v>
                </c:pt>
                <c:pt idx="2341">
                  <c:v>43417</c:v>
                </c:pt>
                <c:pt idx="2342">
                  <c:v>43418</c:v>
                </c:pt>
                <c:pt idx="2343">
                  <c:v>43419</c:v>
                </c:pt>
                <c:pt idx="2344">
                  <c:v>43420</c:v>
                </c:pt>
                <c:pt idx="2345">
                  <c:v>43423</c:v>
                </c:pt>
                <c:pt idx="2346">
                  <c:v>43424</c:v>
                </c:pt>
                <c:pt idx="2347">
                  <c:v>43425</c:v>
                </c:pt>
                <c:pt idx="2348">
                  <c:v>43426</c:v>
                </c:pt>
                <c:pt idx="2349">
                  <c:v>43427</c:v>
                </c:pt>
                <c:pt idx="2350">
                  <c:v>43430</c:v>
                </c:pt>
                <c:pt idx="2351">
                  <c:v>43431</c:v>
                </c:pt>
                <c:pt idx="2352">
                  <c:v>43432</c:v>
                </c:pt>
                <c:pt idx="2353">
                  <c:v>43433</c:v>
                </c:pt>
                <c:pt idx="2354">
                  <c:v>43434</c:v>
                </c:pt>
                <c:pt idx="2355">
                  <c:v>43437</c:v>
                </c:pt>
                <c:pt idx="2356">
                  <c:v>43438</c:v>
                </c:pt>
                <c:pt idx="2357">
                  <c:v>43439</c:v>
                </c:pt>
                <c:pt idx="2358">
                  <c:v>43440</c:v>
                </c:pt>
                <c:pt idx="2359">
                  <c:v>43441</c:v>
                </c:pt>
                <c:pt idx="2360">
                  <c:v>43444</c:v>
                </c:pt>
                <c:pt idx="2361">
                  <c:v>43445</c:v>
                </c:pt>
                <c:pt idx="2362">
                  <c:v>43446</c:v>
                </c:pt>
                <c:pt idx="2363">
                  <c:v>43447</c:v>
                </c:pt>
                <c:pt idx="2364">
                  <c:v>43448</c:v>
                </c:pt>
                <c:pt idx="2365">
                  <c:v>43451</c:v>
                </c:pt>
                <c:pt idx="2366">
                  <c:v>43452</c:v>
                </c:pt>
                <c:pt idx="2367">
                  <c:v>43453</c:v>
                </c:pt>
                <c:pt idx="2368">
                  <c:v>43454</c:v>
                </c:pt>
                <c:pt idx="2369">
                  <c:v>43455</c:v>
                </c:pt>
                <c:pt idx="2370">
                  <c:v>43458</c:v>
                </c:pt>
                <c:pt idx="2372">
                  <c:v>43460</c:v>
                </c:pt>
                <c:pt idx="2373">
                  <c:v>43461</c:v>
                </c:pt>
                <c:pt idx="2374">
                  <c:v>43462</c:v>
                </c:pt>
                <c:pt idx="2375">
                  <c:v>43465</c:v>
                </c:pt>
                <c:pt idx="2377">
                  <c:v>43467</c:v>
                </c:pt>
                <c:pt idx="2378">
                  <c:v>43468</c:v>
                </c:pt>
                <c:pt idx="2379">
                  <c:v>43469</c:v>
                </c:pt>
                <c:pt idx="2380">
                  <c:v>43472</c:v>
                </c:pt>
                <c:pt idx="2381">
                  <c:v>43473</c:v>
                </c:pt>
                <c:pt idx="2382">
                  <c:v>43474</c:v>
                </c:pt>
                <c:pt idx="2383">
                  <c:v>43475</c:v>
                </c:pt>
                <c:pt idx="2384">
                  <c:v>43476</c:v>
                </c:pt>
                <c:pt idx="2385">
                  <c:v>43479</c:v>
                </c:pt>
                <c:pt idx="2386">
                  <c:v>43480</c:v>
                </c:pt>
                <c:pt idx="2387">
                  <c:v>43481</c:v>
                </c:pt>
                <c:pt idx="2388">
                  <c:v>43482</c:v>
                </c:pt>
                <c:pt idx="2389">
                  <c:v>43483</c:v>
                </c:pt>
                <c:pt idx="2390">
                  <c:v>43486</c:v>
                </c:pt>
                <c:pt idx="2391">
                  <c:v>43487</c:v>
                </c:pt>
                <c:pt idx="2392">
                  <c:v>43488</c:v>
                </c:pt>
                <c:pt idx="2393">
                  <c:v>43489</c:v>
                </c:pt>
                <c:pt idx="2394">
                  <c:v>43490</c:v>
                </c:pt>
                <c:pt idx="2395">
                  <c:v>43493</c:v>
                </c:pt>
                <c:pt idx="2396">
                  <c:v>43494</c:v>
                </c:pt>
                <c:pt idx="2397">
                  <c:v>43495</c:v>
                </c:pt>
                <c:pt idx="2398">
                  <c:v>43496</c:v>
                </c:pt>
                <c:pt idx="2399">
                  <c:v>43497</c:v>
                </c:pt>
                <c:pt idx="2400">
                  <c:v>43500</c:v>
                </c:pt>
                <c:pt idx="2401">
                  <c:v>43501</c:v>
                </c:pt>
                <c:pt idx="2402">
                  <c:v>43502</c:v>
                </c:pt>
                <c:pt idx="2403">
                  <c:v>43503</c:v>
                </c:pt>
                <c:pt idx="2404">
                  <c:v>43504</c:v>
                </c:pt>
                <c:pt idx="2405">
                  <c:v>43507</c:v>
                </c:pt>
                <c:pt idx="2406">
                  <c:v>43508</c:v>
                </c:pt>
                <c:pt idx="2407">
                  <c:v>43509</c:v>
                </c:pt>
                <c:pt idx="2408">
                  <c:v>43510</c:v>
                </c:pt>
                <c:pt idx="2409">
                  <c:v>43511</c:v>
                </c:pt>
                <c:pt idx="2410">
                  <c:v>43514</c:v>
                </c:pt>
                <c:pt idx="2411">
                  <c:v>43515</c:v>
                </c:pt>
                <c:pt idx="2412">
                  <c:v>43516</c:v>
                </c:pt>
                <c:pt idx="2413">
                  <c:v>43517</c:v>
                </c:pt>
                <c:pt idx="2414">
                  <c:v>43518</c:v>
                </c:pt>
                <c:pt idx="2415">
                  <c:v>43521</c:v>
                </c:pt>
                <c:pt idx="2416">
                  <c:v>43522</c:v>
                </c:pt>
                <c:pt idx="2417">
                  <c:v>43523</c:v>
                </c:pt>
                <c:pt idx="2418">
                  <c:v>43524</c:v>
                </c:pt>
                <c:pt idx="2419">
                  <c:v>43525</c:v>
                </c:pt>
                <c:pt idx="2420">
                  <c:v>43528</c:v>
                </c:pt>
                <c:pt idx="2421">
                  <c:v>43529</c:v>
                </c:pt>
                <c:pt idx="2422">
                  <c:v>43530</c:v>
                </c:pt>
                <c:pt idx="2423">
                  <c:v>43531</c:v>
                </c:pt>
                <c:pt idx="2424">
                  <c:v>43532</c:v>
                </c:pt>
                <c:pt idx="2425">
                  <c:v>43535</c:v>
                </c:pt>
                <c:pt idx="2426">
                  <c:v>43536</c:v>
                </c:pt>
                <c:pt idx="2427">
                  <c:v>43537</c:v>
                </c:pt>
                <c:pt idx="2428">
                  <c:v>43538</c:v>
                </c:pt>
                <c:pt idx="2429">
                  <c:v>43539</c:v>
                </c:pt>
                <c:pt idx="2430">
                  <c:v>43542</c:v>
                </c:pt>
                <c:pt idx="2431">
                  <c:v>43543</c:v>
                </c:pt>
                <c:pt idx="2432">
                  <c:v>43544</c:v>
                </c:pt>
                <c:pt idx="2433">
                  <c:v>43545</c:v>
                </c:pt>
                <c:pt idx="2434">
                  <c:v>43546</c:v>
                </c:pt>
                <c:pt idx="2435">
                  <c:v>43549</c:v>
                </c:pt>
                <c:pt idx="2436">
                  <c:v>43550</c:v>
                </c:pt>
                <c:pt idx="2437">
                  <c:v>43551</c:v>
                </c:pt>
                <c:pt idx="2438">
                  <c:v>43552</c:v>
                </c:pt>
                <c:pt idx="2439">
                  <c:v>43553</c:v>
                </c:pt>
                <c:pt idx="2440">
                  <c:v>43555</c:v>
                </c:pt>
                <c:pt idx="2441">
                  <c:v>43556</c:v>
                </c:pt>
                <c:pt idx="2442">
                  <c:v>43557</c:v>
                </c:pt>
                <c:pt idx="2443">
                  <c:v>43558</c:v>
                </c:pt>
                <c:pt idx="2444">
                  <c:v>43559</c:v>
                </c:pt>
                <c:pt idx="2445">
                  <c:v>43560</c:v>
                </c:pt>
                <c:pt idx="2446">
                  <c:v>43563</c:v>
                </c:pt>
                <c:pt idx="2447">
                  <c:v>43564</c:v>
                </c:pt>
                <c:pt idx="2448">
                  <c:v>43565</c:v>
                </c:pt>
                <c:pt idx="2449">
                  <c:v>43566</c:v>
                </c:pt>
                <c:pt idx="2450">
                  <c:v>43567</c:v>
                </c:pt>
                <c:pt idx="2451">
                  <c:v>43570</c:v>
                </c:pt>
                <c:pt idx="2452">
                  <c:v>43571</c:v>
                </c:pt>
                <c:pt idx="2453">
                  <c:v>43572</c:v>
                </c:pt>
                <c:pt idx="2454">
                  <c:v>43573</c:v>
                </c:pt>
                <c:pt idx="2456">
                  <c:v>43577</c:v>
                </c:pt>
                <c:pt idx="2457">
                  <c:v>43578</c:v>
                </c:pt>
                <c:pt idx="2458">
                  <c:v>43579</c:v>
                </c:pt>
                <c:pt idx="2459">
                  <c:v>43580</c:v>
                </c:pt>
                <c:pt idx="2460">
                  <c:v>43581</c:v>
                </c:pt>
                <c:pt idx="2461">
                  <c:v>43584</c:v>
                </c:pt>
                <c:pt idx="2462">
                  <c:v>43585</c:v>
                </c:pt>
                <c:pt idx="2463">
                  <c:v>43586</c:v>
                </c:pt>
                <c:pt idx="2464">
                  <c:v>43587</c:v>
                </c:pt>
                <c:pt idx="2465">
                  <c:v>43588</c:v>
                </c:pt>
                <c:pt idx="2466">
                  <c:v>43591</c:v>
                </c:pt>
                <c:pt idx="2467">
                  <c:v>43592</c:v>
                </c:pt>
                <c:pt idx="2468">
                  <c:v>43593</c:v>
                </c:pt>
                <c:pt idx="2469">
                  <c:v>43594</c:v>
                </c:pt>
                <c:pt idx="2470">
                  <c:v>43595</c:v>
                </c:pt>
                <c:pt idx="2471">
                  <c:v>43598</c:v>
                </c:pt>
                <c:pt idx="2472">
                  <c:v>43599</c:v>
                </c:pt>
                <c:pt idx="2473">
                  <c:v>43600</c:v>
                </c:pt>
                <c:pt idx="2474">
                  <c:v>43601</c:v>
                </c:pt>
                <c:pt idx="2475">
                  <c:v>43602</c:v>
                </c:pt>
                <c:pt idx="2476">
                  <c:v>43605</c:v>
                </c:pt>
                <c:pt idx="2477">
                  <c:v>43606</c:v>
                </c:pt>
                <c:pt idx="2478">
                  <c:v>43607</c:v>
                </c:pt>
                <c:pt idx="2479">
                  <c:v>43608</c:v>
                </c:pt>
                <c:pt idx="2480">
                  <c:v>43609</c:v>
                </c:pt>
                <c:pt idx="2481">
                  <c:v>43612</c:v>
                </c:pt>
                <c:pt idx="2482">
                  <c:v>43613</c:v>
                </c:pt>
                <c:pt idx="2483">
                  <c:v>43614</c:v>
                </c:pt>
                <c:pt idx="2484">
                  <c:v>43615</c:v>
                </c:pt>
                <c:pt idx="2485">
                  <c:v>43616</c:v>
                </c:pt>
                <c:pt idx="2486">
                  <c:v>43619</c:v>
                </c:pt>
                <c:pt idx="2487">
                  <c:v>43620</c:v>
                </c:pt>
                <c:pt idx="2488">
                  <c:v>43621</c:v>
                </c:pt>
                <c:pt idx="2489">
                  <c:v>43622</c:v>
                </c:pt>
                <c:pt idx="2490">
                  <c:v>43623</c:v>
                </c:pt>
                <c:pt idx="2491">
                  <c:v>43626</c:v>
                </c:pt>
                <c:pt idx="2492">
                  <c:v>43627</c:v>
                </c:pt>
                <c:pt idx="2493">
                  <c:v>43628</c:v>
                </c:pt>
                <c:pt idx="2494">
                  <c:v>43629</c:v>
                </c:pt>
                <c:pt idx="2495">
                  <c:v>43630</c:v>
                </c:pt>
                <c:pt idx="2496">
                  <c:v>43633</c:v>
                </c:pt>
                <c:pt idx="2497">
                  <c:v>43634</c:v>
                </c:pt>
                <c:pt idx="2498">
                  <c:v>43635</c:v>
                </c:pt>
                <c:pt idx="2499">
                  <c:v>43636</c:v>
                </c:pt>
                <c:pt idx="2500">
                  <c:v>43637</c:v>
                </c:pt>
                <c:pt idx="2501">
                  <c:v>43640</c:v>
                </c:pt>
                <c:pt idx="2502">
                  <c:v>43641</c:v>
                </c:pt>
                <c:pt idx="2503">
                  <c:v>43642</c:v>
                </c:pt>
                <c:pt idx="2504">
                  <c:v>43643</c:v>
                </c:pt>
                <c:pt idx="2505">
                  <c:v>43644</c:v>
                </c:pt>
                <c:pt idx="2506">
                  <c:v>43646</c:v>
                </c:pt>
                <c:pt idx="2507">
                  <c:v>43647</c:v>
                </c:pt>
                <c:pt idx="2508">
                  <c:v>43648</c:v>
                </c:pt>
                <c:pt idx="2509">
                  <c:v>43649</c:v>
                </c:pt>
                <c:pt idx="2510">
                  <c:v>43650</c:v>
                </c:pt>
                <c:pt idx="2511">
                  <c:v>43651</c:v>
                </c:pt>
                <c:pt idx="2512">
                  <c:v>43654</c:v>
                </c:pt>
                <c:pt idx="2513">
                  <c:v>43655</c:v>
                </c:pt>
                <c:pt idx="2514">
                  <c:v>43656</c:v>
                </c:pt>
                <c:pt idx="2515">
                  <c:v>43657</c:v>
                </c:pt>
                <c:pt idx="2516">
                  <c:v>43658</c:v>
                </c:pt>
                <c:pt idx="2517">
                  <c:v>43661</c:v>
                </c:pt>
                <c:pt idx="2518">
                  <c:v>43662</c:v>
                </c:pt>
                <c:pt idx="2519">
                  <c:v>43663</c:v>
                </c:pt>
                <c:pt idx="2520">
                  <c:v>43664</c:v>
                </c:pt>
                <c:pt idx="2521">
                  <c:v>43665</c:v>
                </c:pt>
                <c:pt idx="2522">
                  <c:v>43668</c:v>
                </c:pt>
                <c:pt idx="2523">
                  <c:v>43669</c:v>
                </c:pt>
                <c:pt idx="2524">
                  <c:v>43670</c:v>
                </c:pt>
                <c:pt idx="2525">
                  <c:v>43671</c:v>
                </c:pt>
                <c:pt idx="2526">
                  <c:v>43672</c:v>
                </c:pt>
                <c:pt idx="2527">
                  <c:v>43675</c:v>
                </c:pt>
                <c:pt idx="2528">
                  <c:v>43676</c:v>
                </c:pt>
                <c:pt idx="2529">
                  <c:v>43677</c:v>
                </c:pt>
                <c:pt idx="2530">
                  <c:v>43678</c:v>
                </c:pt>
                <c:pt idx="2531">
                  <c:v>43679</c:v>
                </c:pt>
                <c:pt idx="2532">
                  <c:v>43682</c:v>
                </c:pt>
                <c:pt idx="2533">
                  <c:v>43683</c:v>
                </c:pt>
                <c:pt idx="2534">
                  <c:v>43684</c:v>
                </c:pt>
                <c:pt idx="2535">
                  <c:v>43685</c:v>
                </c:pt>
                <c:pt idx="2536">
                  <c:v>43686</c:v>
                </c:pt>
                <c:pt idx="2537">
                  <c:v>43689</c:v>
                </c:pt>
                <c:pt idx="2538">
                  <c:v>43690</c:v>
                </c:pt>
                <c:pt idx="2539">
                  <c:v>43691</c:v>
                </c:pt>
                <c:pt idx="2540">
                  <c:v>43692</c:v>
                </c:pt>
                <c:pt idx="2541">
                  <c:v>43693</c:v>
                </c:pt>
                <c:pt idx="2542">
                  <c:v>43696</c:v>
                </c:pt>
                <c:pt idx="2543">
                  <c:v>43697</c:v>
                </c:pt>
                <c:pt idx="2544">
                  <c:v>43698</c:v>
                </c:pt>
                <c:pt idx="2545">
                  <c:v>43699</c:v>
                </c:pt>
                <c:pt idx="2546">
                  <c:v>43700</c:v>
                </c:pt>
                <c:pt idx="2547">
                  <c:v>43703</c:v>
                </c:pt>
                <c:pt idx="2548">
                  <c:v>43704</c:v>
                </c:pt>
                <c:pt idx="2549">
                  <c:v>43705</c:v>
                </c:pt>
                <c:pt idx="2550">
                  <c:v>43706</c:v>
                </c:pt>
                <c:pt idx="2551">
                  <c:v>43707</c:v>
                </c:pt>
                <c:pt idx="2552">
                  <c:v>43708</c:v>
                </c:pt>
                <c:pt idx="2553">
                  <c:v>43710</c:v>
                </c:pt>
                <c:pt idx="2554">
                  <c:v>43711</c:v>
                </c:pt>
                <c:pt idx="2555">
                  <c:v>43712</c:v>
                </c:pt>
                <c:pt idx="2556">
                  <c:v>43713</c:v>
                </c:pt>
                <c:pt idx="2557">
                  <c:v>43714</c:v>
                </c:pt>
                <c:pt idx="2558">
                  <c:v>43717</c:v>
                </c:pt>
                <c:pt idx="2559">
                  <c:v>43718</c:v>
                </c:pt>
                <c:pt idx="2560">
                  <c:v>43719</c:v>
                </c:pt>
                <c:pt idx="2561">
                  <c:v>43720</c:v>
                </c:pt>
                <c:pt idx="2562">
                  <c:v>43721</c:v>
                </c:pt>
                <c:pt idx="2563">
                  <c:v>43724</c:v>
                </c:pt>
                <c:pt idx="2564">
                  <c:v>43725</c:v>
                </c:pt>
                <c:pt idx="2565">
                  <c:v>43726</c:v>
                </c:pt>
                <c:pt idx="2566">
                  <c:v>43727</c:v>
                </c:pt>
                <c:pt idx="2567">
                  <c:v>43728</c:v>
                </c:pt>
                <c:pt idx="2568">
                  <c:v>43731</c:v>
                </c:pt>
                <c:pt idx="2569">
                  <c:v>43732</c:v>
                </c:pt>
                <c:pt idx="2570">
                  <c:v>43733</c:v>
                </c:pt>
                <c:pt idx="2571">
                  <c:v>43734</c:v>
                </c:pt>
                <c:pt idx="2572">
                  <c:v>43735</c:v>
                </c:pt>
                <c:pt idx="2573">
                  <c:v>43738</c:v>
                </c:pt>
                <c:pt idx="2574">
                  <c:v>43739</c:v>
                </c:pt>
                <c:pt idx="2575">
                  <c:v>43740</c:v>
                </c:pt>
                <c:pt idx="2576">
                  <c:v>43741</c:v>
                </c:pt>
                <c:pt idx="2577">
                  <c:v>43742</c:v>
                </c:pt>
                <c:pt idx="2578">
                  <c:v>43745</c:v>
                </c:pt>
                <c:pt idx="2579">
                  <c:v>43746</c:v>
                </c:pt>
                <c:pt idx="2580">
                  <c:v>43747</c:v>
                </c:pt>
                <c:pt idx="2581">
                  <c:v>43748</c:v>
                </c:pt>
                <c:pt idx="2582">
                  <c:v>43749</c:v>
                </c:pt>
                <c:pt idx="2583">
                  <c:v>43752</c:v>
                </c:pt>
                <c:pt idx="2584">
                  <c:v>43753</c:v>
                </c:pt>
                <c:pt idx="2585">
                  <c:v>43754</c:v>
                </c:pt>
                <c:pt idx="2586">
                  <c:v>43755</c:v>
                </c:pt>
                <c:pt idx="2587">
                  <c:v>43756</c:v>
                </c:pt>
                <c:pt idx="2588">
                  <c:v>43759</c:v>
                </c:pt>
                <c:pt idx="2589">
                  <c:v>43760</c:v>
                </c:pt>
                <c:pt idx="2590">
                  <c:v>43761</c:v>
                </c:pt>
                <c:pt idx="2591">
                  <c:v>43762</c:v>
                </c:pt>
                <c:pt idx="2592">
                  <c:v>43763</c:v>
                </c:pt>
                <c:pt idx="2593">
                  <c:v>43766</c:v>
                </c:pt>
                <c:pt idx="2594">
                  <c:v>43767</c:v>
                </c:pt>
                <c:pt idx="2595">
                  <c:v>43768</c:v>
                </c:pt>
                <c:pt idx="2596">
                  <c:v>43769</c:v>
                </c:pt>
                <c:pt idx="2597">
                  <c:v>43770</c:v>
                </c:pt>
                <c:pt idx="2598">
                  <c:v>43773</c:v>
                </c:pt>
                <c:pt idx="2599">
                  <c:v>43774</c:v>
                </c:pt>
                <c:pt idx="2600">
                  <c:v>43775</c:v>
                </c:pt>
                <c:pt idx="2601">
                  <c:v>43776</c:v>
                </c:pt>
                <c:pt idx="2602">
                  <c:v>43777</c:v>
                </c:pt>
                <c:pt idx="2603">
                  <c:v>43780</c:v>
                </c:pt>
                <c:pt idx="2604">
                  <c:v>43781</c:v>
                </c:pt>
                <c:pt idx="2605">
                  <c:v>43782</c:v>
                </c:pt>
                <c:pt idx="2606">
                  <c:v>43783</c:v>
                </c:pt>
                <c:pt idx="2607">
                  <c:v>43784</c:v>
                </c:pt>
                <c:pt idx="2608">
                  <c:v>43787</c:v>
                </c:pt>
                <c:pt idx="2609">
                  <c:v>43788</c:v>
                </c:pt>
                <c:pt idx="2610">
                  <c:v>43789</c:v>
                </c:pt>
                <c:pt idx="2611">
                  <c:v>43790</c:v>
                </c:pt>
                <c:pt idx="2612">
                  <c:v>43791</c:v>
                </c:pt>
                <c:pt idx="2613">
                  <c:v>43794</c:v>
                </c:pt>
                <c:pt idx="2614">
                  <c:v>43795</c:v>
                </c:pt>
                <c:pt idx="2615">
                  <c:v>43796</c:v>
                </c:pt>
                <c:pt idx="2617">
                  <c:v>43798</c:v>
                </c:pt>
                <c:pt idx="2618">
                  <c:v>43799</c:v>
                </c:pt>
                <c:pt idx="2619">
                  <c:v>43801</c:v>
                </c:pt>
                <c:pt idx="2620">
                  <c:v>43802</c:v>
                </c:pt>
                <c:pt idx="2621">
                  <c:v>43803</c:v>
                </c:pt>
                <c:pt idx="2622">
                  <c:v>43804</c:v>
                </c:pt>
                <c:pt idx="2623">
                  <c:v>43805</c:v>
                </c:pt>
                <c:pt idx="2624">
                  <c:v>43808</c:v>
                </c:pt>
                <c:pt idx="2625">
                  <c:v>43809</c:v>
                </c:pt>
                <c:pt idx="2626">
                  <c:v>43810</c:v>
                </c:pt>
                <c:pt idx="2627">
                  <c:v>43811</c:v>
                </c:pt>
                <c:pt idx="2628">
                  <c:v>43812</c:v>
                </c:pt>
                <c:pt idx="2629">
                  <c:v>43815</c:v>
                </c:pt>
                <c:pt idx="2630">
                  <c:v>43816</c:v>
                </c:pt>
                <c:pt idx="2631">
                  <c:v>43817</c:v>
                </c:pt>
                <c:pt idx="2632">
                  <c:v>43818</c:v>
                </c:pt>
                <c:pt idx="2633">
                  <c:v>43819</c:v>
                </c:pt>
                <c:pt idx="2634">
                  <c:v>43822</c:v>
                </c:pt>
                <c:pt idx="2635">
                  <c:v>43823</c:v>
                </c:pt>
                <c:pt idx="2637">
                  <c:v>43825</c:v>
                </c:pt>
                <c:pt idx="2638">
                  <c:v>43826</c:v>
                </c:pt>
                <c:pt idx="2639">
                  <c:v>43829</c:v>
                </c:pt>
                <c:pt idx="2640">
                  <c:v>43830</c:v>
                </c:pt>
                <c:pt idx="2642">
                  <c:v>43832</c:v>
                </c:pt>
                <c:pt idx="2643">
                  <c:v>43833</c:v>
                </c:pt>
                <c:pt idx="2644">
                  <c:v>43836</c:v>
                </c:pt>
                <c:pt idx="2645">
                  <c:v>43837</c:v>
                </c:pt>
                <c:pt idx="2646">
                  <c:v>43838</c:v>
                </c:pt>
                <c:pt idx="2647">
                  <c:v>43839</c:v>
                </c:pt>
                <c:pt idx="2648">
                  <c:v>43840</c:v>
                </c:pt>
                <c:pt idx="2649">
                  <c:v>43843</c:v>
                </c:pt>
                <c:pt idx="2650">
                  <c:v>43844</c:v>
                </c:pt>
                <c:pt idx="2651">
                  <c:v>43845</c:v>
                </c:pt>
                <c:pt idx="2652">
                  <c:v>43846</c:v>
                </c:pt>
                <c:pt idx="2653">
                  <c:v>43847</c:v>
                </c:pt>
                <c:pt idx="2654">
                  <c:v>43850</c:v>
                </c:pt>
                <c:pt idx="2655">
                  <c:v>43851</c:v>
                </c:pt>
                <c:pt idx="2656">
                  <c:v>43852</c:v>
                </c:pt>
                <c:pt idx="2657">
                  <c:v>43853</c:v>
                </c:pt>
                <c:pt idx="2658">
                  <c:v>43854</c:v>
                </c:pt>
                <c:pt idx="2659">
                  <c:v>43857</c:v>
                </c:pt>
                <c:pt idx="2660">
                  <c:v>43858</c:v>
                </c:pt>
                <c:pt idx="2661">
                  <c:v>43859</c:v>
                </c:pt>
                <c:pt idx="2662">
                  <c:v>43860</c:v>
                </c:pt>
                <c:pt idx="2663">
                  <c:v>43861</c:v>
                </c:pt>
                <c:pt idx="2664">
                  <c:v>43864</c:v>
                </c:pt>
                <c:pt idx="2665">
                  <c:v>43865</c:v>
                </c:pt>
                <c:pt idx="2666">
                  <c:v>43866</c:v>
                </c:pt>
                <c:pt idx="2667">
                  <c:v>43867</c:v>
                </c:pt>
                <c:pt idx="2668">
                  <c:v>43868</c:v>
                </c:pt>
                <c:pt idx="2669">
                  <c:v>43871</c:v>
                </c:pt>
                <c:pt idx="2670">
                  <c:v>43872</c:v>
                </c:pt>
                <c:pt idx="2671">
                  <c:v>43873</c:v>
                </c:pt>
                <c:pt idx="2672">
                  <c:v>43874</c:v>
                </c:pt>
                <c:pt idx="2673">
                  <c:v>43875</c:v>
                </c:pt>
                <c:pt idx="2674">
                  <c:v>43878</c:v>
                </c:pt>
                <c:pt idx="2675">
                  <c:v>43879</c:v>
                </c:pt>
                <c:pt idx="2676">
                  <c:v>43880</c:v>
                </c:pt>
                <c:pt idx="2677">
                  <c:v>43881</c:v>
                </c:pt>
                <c:pt idx="2678">
                  <c:v>43882</c:v>
                </c:pt>
                <c:pt idx="2679">
                  <c:v>43885</c:v>
                </c:pt>
                <c:pt idx="2680">
                  <c:v>43886</c:v>
                </c:pt>
                <c:pt idx="2681">
                  <c:v>43887</c:v>
                </c:pt>
                <c:pt idx="2682">
                  <c:v>43888</c:v>
                </c:pt>
                <c:pt idx="2683">
                  <c:v>43889</c:v>
                </c:pt>
                <c:pt idx="2684">
                  <c:v>43890</c:v>
                </c:pt>
                <c:pt idx="2685">
                  <c:v>43892</c:v>
                </c:pt>
                <c:pt idx="2686">
                  <c:v>43893</c:v>
                </c:pt>
                <c:pt idx="2687">
                  <c:v>43894</c:v>
                </c:pt>
                <c:pt idx="2688">
                  <c:v>43895</c:v>
                </c:pt>
                <c:pt idx="2689">
                  <c:v>43896</c:v>
                </c:pt>
                <c:pt idx="2690">
                  <c:v>43899</c:v>
                </c:pt>
                <c:pt idx="2691">
                  <c:v>43900</c:v>
                </c:pt>
                <c:pt idx="2692">
                  <c:v>43901</c:v>
                </c:pt>
                <c:pt idx="2693">
                  <c:v>43902</c:v>
                </c:pt>
                <c:pt idx="2694">
                  <c:v>43903</c:v>
                </c:pt>
                <c:pt idx="2695">
                  <c:v>43906</c:v>
                </c:pt>
                <c:pt idx="2696">
                  <c:v>43907</c:v>
                </c:pt>
                <c:pt idx="2697">
                  <c:v>43908</c:v>
                </c:pt>
                <c:pt idx="2698">
                  <c:v>43909</c:v>
                </c:pt>
                <c:pt idx="2699">
                  <c:v>43910</c:v>
                </c:pt>
                <c:pt idx="2700">
                  <c:v>43913</c:v>
                </c:pt>
                <c:pt idx="2701">
                  <c:v>43914</c:v>
                </c:pt>
                <c:pt idx="2702">
                  <c:v>43915</c:v>
                </c:pt>
                <c:pt idx="2703">
                  <c:v>43916</c:v>
                </c:pt>
                <c:pt idx="2704">
                  <c:v>43917</c:v>
                </c:pt>
                <c:pt idx="2705">
                  <c:v>43920</c:v>
                </c:pt>
                <c:pt idx="2706">
                  <c:v>43921</c:v>
                </c:pt>
                <c:pt idx="2707">
                  <c:v>43922</c:v>
                </c:pt>
                <c:pt idx="2708">
                  <c:v>43923</c:v>
                </c:pt>
                <c:pt idx="2709">
                  <c:v>43924</c:v>
                </c:pt>
                <c:pt idx="2710">
                  <c:v>43927</c:v>
                </c:pt>
                <c:pt idx="2711">
                  <c:v>43928</c:v>
                </c:pt>
                <c:pt idx="2712">
                  <c:v>43929</c:v>
                </c:pt>
                <c:pt idx="2713">
                  <c:v>43930</c:v>
                </c:pt>
                <c:pt idx="2715">
                  <c:v>43934</c:v>
                </c:pt>
                <c:pt idx="2716">
                  <c:v>43935</c:v>
                </c:pt>
                <c:pt idx="2717">
                  <c:v>43936</c:v>
                </c:pt>
                <c:pt idx="2718">
                  <c:v>43937</c:v>
                </c:pt>
                <c:pt idx="2719">
                  <c:v>43938</c:v>
                </c:pt>
                <c:pt idx="2720">
                  <c:v>43941</c:v>
                </c:pt>
                <c:pt idx="2721">
                  <c:v>43942</c:v>
                </c:pt>
                <c:pt idx="2722">
                  <c:v>43943</c:v>
                </c:pt>
                <c:pt idx="2723">
                  <c:v>43944</c:v>
                </c:pt>
                <c:pt idx="2724">
                  <c:v>43945</c:v>
                </c:pt>
                <c:pt idx="2725">
                  <c:v>43948</c:v>
                </c:pt>
                <c:pt idx="2726">
                  <c:v>43949</c:v>
                </c:pt>
                <c:pt idx="2727">
                  <c:v>43950</c:v>
                </c:pt>
                <c:pt idx="2728">
                  <c:v>43951</c:v>
                </c:pt>
                <c:pt idx="2729">
                  <c:v>43952</c:v>
                </c:pt>
                <c:pt idx="2730">
                  <c:v>43955</c:v>
                </c:pt>
                <c:pt idx="2731">
                  <c:v>43956</c:v>
                </c:pt>
                <c:pt idx="2732">
                  <c:v>43957</c:v>
                </c:pt>
                <c:pt idx="2733">
                  <c:v>43958</c:v>
                </c:pt>
                <c:pt idx="2734">
                  <c:v>43959</c:v>
                </c:pt>
                <c:pt idx="2735">
                  <c:v>43962</c:v>
                </c:pt>
                <c:pt idx="2736">
                  <c:v>43963</c:v>
                </c:pt>
                <c:pt idx="2737">
                  <c:v>43964</c:v>
                </c:pt>
                <c:pt idx="2738">
                  <c:v>43965</c:v>
                </c:pt>
                <c:pt idx="2739">
                  <c:v>43966</c:v>
                </c:pt>
                <c:pt idx="2740">
                  <c:v>43969</c:v>
                </c:pt>
                <c:pt idx="2741">
                  <c:v>43970</c:v>
                </c:pt>
                <c:pt idx="2742">
                  <c:v>43971</c:v>
                </c:pt>
                <c:pt idx="2743">
                  <c:v>43972</c:v>
                </c:pt>
                <c:pt idx="2744">
                  <c:v>43973</c:v>
                </c:pt>
                <c:pt idx="2745">
                  <c:v>43976</c:v>
                </c:pt>
                <c:pt idx="2746">
                  <c:v>43977</c:v>
                </c:pt>
                <c:pt idx="2747">
                  <c:v>43978</c:v>
                </c:pt>
                <c:pt idx="2748">
                  <c:v>43979</c:v>
                </c:pt>
                <c:pt idx="2749">
                  <c:v>43980</c:v>
                </c:pt>
                <c:pt idx="2750">
                  <c:v>43982</c:v>
                </c:pt>
                <c:pt idx="2751">
                  <c:v>43983</c:v>
                </c:pt>
                <c:pt idx="2752">
                  <c:v>43984</c:v>
                </c:pt>
                <c:pt idx="2753">
                  <c:v>43985</c:v>
                </c:pt>
                <c:pt idx="2754">
                  <c:v>43986</c:v>
                </c:pt>
                <c:pt idx="2755">
                  <c:v>43987</c:v>
                </c:pt>
                <c:pt idx="2756">
                  <c:v>43990</c:v>
                </c:pt>
                <c:pt idx="2757">
                  <c:v>43991</c:v>
                </c:pt>
                <c:pt idx="2758">
                  <c:v>43992</c:v>
                </c:pt>
                <c:pt idx="2759">
                  <c:v>43993</c:v>
                </c:pt>
                <c:pt idx="2760">
                  <c:v>43994</c:v>
                </c:pt>
                <c:pt idx="2761">
                  <c:v>43997</c:v>
                </c:pt>
                <c:pt idx="2762">
                  <c:v>43998</c:v>
                </c:pt>
                <c:pt idx="2763">
                  <c:v>43999</c:v>
                </c:pt>
                <c:pt idx="2764">
                  <c:v>44000</c:v>
                </c:pt>
                <c:pt idx="2765">
                  <c:v>44001</c:v>
                </c:pt>
                <c:pt idx="2766">
                  <c:v>44004</c:v>
                </c:pt>
                <c:pt idx="2767">
                  <c:v>44005</c:v>
                </c:pt>
                <c:pt idx="2768">
                  <c:v>44006</c:v>
                </c:pt>
                <c:pt idx="2769">
                  <c:v>44007</c:v>
                </c:pt>
                <c:pt idx="2770">
                  <c:v>44008</c:v>
                </c:pt>
                <c:pt idx="2771">
                  <c:v>44011</c:v>
                </c:pt>
                <c:pt idx="2772">
                  <c:v>44012</c:v>
                </c:pt>
                <c:pt idx="2773">
                  <c:v>44013</c:v>
                </c:pt>
                <c:pt idx="2774">
                  <c:v>44014</c:v>
                </c:pt>
                <c:pt idx="2775">
                  <c:v>44015</c:v>
                </c:pt>
                <c:pt idx="2776">
                  <c:v>44018</c:v>
                </c:pt>
                <c:pt idx="2777">
                  <c:v>44019</c:v>
                </c:pt>
                <c:pt idx="2778">
                  <c:v>44020</c:v>
                </c:pt>
                <c:pt idx="2779">
                  <c:v>44021</c:v>
                </c:pt>
                <c:pt idx="2780">
                  <c:v>44022</c:v>
                </c:pt>
                <c:pt idx="2781">
                  <c:v>44025</c:v>
                </c:pt>
                <c:pt idx="2782">
                  <c:v>44026</c:v>
                </c:pt>
                <c:pt idx="2783">
                  <c:v>44027</c:v>
                </c:pt>
                <c:pt idx="2784">
                  <c:v>44028</c:v>
                </c:pt>
                <c:pt idx="2785">
                  <c:v>44029</c:v>
                </c:pt>
                <c:pt idx="2786">
                  <c:v>44032</c:v>
                </c:pt>
                <c:pt idx="2787">
                  <c:v>44033</c:v>
                </c:pt>
                <c:pt idx="2788">
                  <c:v>44034</c:v>
                </c:pt>
                <c:pt idx="2789">
                  <c:v>44035</c:v>
                </c:pt>
                <c:pt idx="2790">
                  <c:v>44036</c:v>
                </c:pt>
                <c:pt idx="2791">
                  <c:v>44039</c:v>
                </c:pt>
                <c:pt idx="2792">
                  <c:v>44040</c:v>
                </c:pt>
                <c:pt idx="2793">
                  <c:v>44041</c:v>
                </c:pt>
                <c:pt idx="2794">
                  <c:v>44042</c:v>
                </c:pt>
                <c:pt idx="2795">
                  <c:v>44043</c:v>
                </c:pt>
                <c:pt idx="2796">
                  <c:v>44046</c:v>
                </c:pt>
                <c:pt idx="2797">
                  <c:v>44047</c:v>
                </c:pt>
                <c:pt idx="2798">
                  <c:v>44048</c:v>
                </c:pt>
                <c:pt idx="2799">
                  <c:v>44049</c:v>
                </c:pt>
                <c:pt idx="2800">
                  <c:v>44050</c:v>
                </c:pt>
                <c:pt idx="2801">
                  <c:v>44053</c:v>
                </c:pt>
                <c:pt idx="2802">
                  <c:v>44054</c:v>
                </c:pt>
                <c:pt idx="2803">
                  <c:v>44055</c:v>
                </c:pt>
                <c:pt idx="2804">
                  <c:v>44056</c:v>
                </c:pt>
                <c:pt idx="2805">
                  <c:v>44057</c:v>
                </c:pt>
                <c:pt idx="2806">
                  <c:v>44060</c:v>
                </c:pt>
                <c:pt idx="2807">
                  <c:v>44061</c:v>
                </c:pt>
                <c:pt idx="2808">
                  <c:v>44062</c:v>
                </c:pt>
                <c:pt idx="2809">
                  <c:v>44063</c:v>
                </c:pt>
                <c:pt idx="2810">
                  <c:v>44064</c:v>
                </c:pt>
                <c:pt idx="2811">
                  <c:v>44067</c:v>
                </c:pt>
                <c:pt idx="2812">
                  <c:v>44068</c:v>
                </c:pt>
                <c:pt idx="2813">
                  <c:v>44069</c:v>
                </c:pt>
                <c:pt idx="2814">
                  <c:v>44070</c:v>
                </c:pt>
                <c:pt idx="2815">
                  <c:v>44071</c:v>
                </c:pt>
                <c:pt idx="2816">
                  <c:v>44074</c:v>
                </c:pt>
                <c:pt idx="2817">
                  <c:v>44075</c:v>
                </c:pt>
                <c:pt idx="2818">
                  <c:v>44076</c:v>
                </c:pt>
                <c:pt idx="2819">
                  <c:v>44077</c:v>
                </c:pt>
                <c:pt idx="2820">
                  <c:v>44078</c:v>
                </c:pt>
                <c:pt idx="2821">
                  <c:v>44081</c:v>
                </c:pt>
                <c:pt idx="2822">
                  <c:v>44082</c:v>
                </c:pt>
                <c:pt idx="2823">
                  <c:v>44083</c:v>
                </c:pt>
                <c:pt idx="2824">
                  <c:v>44084</c:v>
                </c:pt>
                <c:pt idx="2825">
                  <c:v>44085</c:v>
                </c:pt>
                <c:pt idx="2826">
                  <c:v>44088</c:v>
                </c:pt>
                <c:pt idx="2827">
                  <c:v>44089</c:v>
                </c:pt>
                <c:pt idx="2828">
                  <c:v>44090</c:v>
                </c:pt>
                <c:pt idx="2829">
                  <c:v>44091</c:v>
                </c:pt>
                <c:pt idx="2830">
                  <c:v>44092</c:v>
                </c:pt>
                <c:pt idx="2831">
                  <c:v>44095</c:v>
                </c:pt>
                <c:pt idx="2832">
                  <c:v>44096</c:v>
                </c:pt>
                <c:pt idx="2833">
                  <c:v>44097</c:v>
                </c:pt>
                <c:pt idx="2834">
                  <c:v>44098</c:v>
                </c:pt>
                <c:pt idx="2835">
                  <c:v>44099</c:v>
                </c:pt>
                <c:pt idx="2836">
                  <c:v>44102</c:v>
                </c:pt>
                <c:pt idx="2837">
                  <c:v>44103</c:v>
                </c:pt>
                <c:pt idx="2838">
                  <c:v>44104</c:v>
                </c:pt>
                <c:pt idx="2839">
                  <c:v>44105</c:v>
                </c:pt>
                <c:pt idx="2840">
                  <c:v>44106</c:v>
                </c:pt>
                <c:pt idx="2841">
                  <c:v>44109</c:v>
                </c:pt>
                <c:pt idx="2842">
                  <c:v>44110</c:v>
                </c:pt>
                <c:pt idx="2843">
                  <c:v>44111</c:v>
                </c:pt>
                <c:pt idx="2844">
                  <c:v>44112</c:v>
                </c:pt>
                <c:pt idx="2845">
                  <c:v>44113</c:v>
                </c:pt>
                <c:pt idx="2846">
                  <c:v>44116</c:v>
                </c:pt>
                <c:pt idx="2847">
                  <c:v>44117</c:v>
                </c:pt>
                <c:pt idx="2848">
                  <c:v>44118</c:v>
                </c:pt>
                <c:pt idx="2849">
                  <c:v>44119</c:v>
                </c:pt>
                <c:pt idx="2850">
                  <c:v>44120</c:v>
                </c:pt>
                <c:pt idx="2851">
                  <c:v>44123</c:v>
                </c:pt>
                <c:pt idx="2852">
                  <c:v>44124</c:v>
                </c:pt>
                <c:pt idx="2853">
                  <c:v>44125</c:v>
                </c:pt>
                <c:pt idx="2854">
                  <c:v>44126</c:v>
                </c:pt>
                <c:pt idx="2855">
                  <c:v>44127</c:v>
                </c:pt>
                <c:pt idx="2856">
                  <c:v>44130</c:v>
                </c:pt>
                <c:pt idx="2857">
                  <c:v>44131</c:v>
                </c:pt>
                <c:pt idx="2858">
                  <c:v>44132</c:v>
                </c:pt>
                <c:pt idx="2859">
                  <c:v>44133</c:v>
                </c:pt>
                <c:pt idx="2860">
                  <c:v>44134</c:v>
                </c:pt>
                <c:pt idx="2861">
                  <c:v>44135</c:v>
                </c:pt>
                <c:pt idx="2862">
                  <c:v>44137</c:v>
                </c:pt>
                <c:pt idx="2863">
                  <c:v>44138</c:v>
                </c:pt>
                <c:pt idx="2864">
                  <c:v>44139</c:v>
                </c:pt>
                <c:pt idx="2865">
                  <c:v>44140</c:v>
                </c:pt>
                <c:pt idx="2866">
                  <c:v>44141</c:v>
                </c:pt>
                <c:pt idx="2867">
                  <c:v>44144</c:v>
                </c:pt>
                <c:pt idx="2868">
                  <c:v>44145</c:v>
                </c:pt>
                <c:pt idx="2869">
                  <c:v>44146</c:v>
                </c:pt>
                <c:pt idx="2870">
                  <c:v>44147</c:v>
                </c:pt>
                <c:pt idx="2871">
                  <c:v>44148</c:v>
                </c:pt>
                <c:pt idx="2872">
                  <c:v>44151</c:v>
                </c:pt>
                <c:pt idx="2873">
                  <c:v>44152</c:v>
                </c:pt>
                <c:pt idx="2874">
                  <c:v>44153</c:v>
                </c:pt>
                <c:pt idx="2875">
                  <c:v>44154</c:v>
                </c:pt>
                <c:pt idx="2876">
                  <c:v>44155</c:v>
                </c:pt>
                <c:pt idx="2877">
                  <c:v>44158</c:v>
                </c:pt>
                <c:pt idx="2878">
                  <c:v>44159</c:v>
                </c:pt>
                <c:pt idx="2879">
                  <c:v>44160</c:v>
                </c:pt>
                <c:pt idx="2880">
                  <c:v>44161</c:v>
                </c:pt>
                <c:pt idx="2881">
                  <c:v>44162</c:v>
                </c:pt>
                <c:pt idx="2882">
                  <c:v>44165</c:v>
                </c:pt>
                <c:pt idx="2883">
                  <c:v>44166</c:v>
                </c:pt>
                <c:pt idx="2884">
                  <c:v>44167</c:v>
                </c:pt>
                <c:pt idx="2885">
                  <c:v>44168</c:v>
                </c:pt>
                <c:pt idx="2886">
                  <c:v>44169</c:v>
                </c:pt>
                <c:pt idx="2887">
                  <c:v>44172</c:v>
                </c:pt>
                <c:pt idx="2888">
                  <c:v>44173</c:v>
                </c:pt>
                <c:pt idx="2889">
                  <c:v>44174</c:v>
                </c:pt>
                <c:pt idx="2890">
                  <c:v>44175</c:v>
                </c:pt>
                <c:pt idx="2891">
                  <c:v>44176</c:v>
                </c:pt>
                <c:pt idx="2892">
                  <c:v>44179</c:v>
                </c:pt>
                <c:pt idx="2893">
                  <c:v>44180</c:v>
                </c:pt>
                <c:pt idx="2894">
                  <c:v>44181</c:v>
                </c:pt>
                <c:pt idx="2895">
                  <c:v>44182</c:v>
                </c:pt>
                <c:pt idx="2896">
                  <c:v>44183</c:v>
                </c:pt>
                <c:pt idx="2897">
                  <c:v>44186</c:v>
                </c:pt>
                <c:pt idx="2898">
                  <c:v>44187</c:v>
                </c:pt>
                <c:pt idx="2899">
                  <c:v>44188</c:v>
                </c:pt>
                <c:pt idx="2900">
                  <c:v>44189</c:v>
                </c:pt>
                <c:pt idx="2902">
                  <c:v>44193</c:v>
                </c:pt>
                <c:pt idx="2903">
                  <c:v>44194</c:v>
                </c:pt>
                <c:pt idx="2904">
                  <c:v>44195</c:v>
                </c:pt>
                <c:pt idx="2905">
                  <c:v>44196</c:v>
                </c:pt>
                <c:pt idx="2907">
                  <c:v>44200</c:v>
                </c:pt>
                <c:pt idx="2908">
                  <c:v>44201</c:v>
                </c:pt>
                <c:pt idx="2909">
                  <c:v>44202</c:v>
                </c:pt>
                <c:pt idx="2910">
                  <c:v>44203</c:v>
                </c:pt>
                <c:pt idx="2911">
                  <c:v>44204</c:v>
                </c:pt>
                <c:pt idx="2912">
                  <c:v>44207</c:v>
                </c:pt>
                <c:pt idx="2913">
                  <c:v>44208</c:v>
                </c:pt>
                <c:pt idx="2914">
                  <c:v>44209</c:v>
                </c:pt>
                <c:pt idx="2915">
                  <c:v>44210</c:v>
                </c:pt>
                <c:pt idx="2916">
                  <c:v>44211</c:v>
                </c:pt>
                <c:pt idx="2917">
                  <c:v>44214</c:v>
                </c:pt>
                <c:pt idx="2918">
                  <c:v>44215</c:v>
                </c:pt>
                <c:pt idx="2919">
                  <c:v>44216</c:v>
                </c:pt>
                <c:pt idx="2920">
                  <c:v>44217</c:v>
                </c:pt>
                <c:pt idx="2921">
                  <c:v>44218</c:v>
                </c:pt>
                <c:pt idx="2922">
                  <c:v>44221</c:v>
                </c:pt>
                <c:pt idx="2923">
                  <c:v>44222</c:v>
                </c:pt>
                <c:pt idx="2924">
                  <c:v>44223</c:v>
                </c:pt>
                <c:pt idx="2925">
                  <c:v>44224</c:v>
                </c:pt>
                <c:pt idx="2926">
                  <c:v>44225</c:v>
                </c:pt>
                <c:pt idx="2927">
                  <c:v>44227</c:v>
                </c:pt>
                <c:pt idx="2928">
                  <c:v>44228</c:v>
                </c:pt>
                <c:pt idx="2929">
                  <c:v>44229</c:v>
                </c:pt>
                <c:pt idx="2930">
                  <c:v>44230</c:v>
                </c:pt>
                <c:pt idx="2931">
                  <c:v>44231</c:v>
                </c:pt>
                <c:pt idx="2932">
                  <c:v>44232</c:v>
                </c:pt>
                <c:pt idx="2933">
                  <c:v>44235</c:v>
                </c:pt>
                <c:pt idx="2934">
                  <c:v>44236</c:v>
                </c:pt>
                <c:pt idx="2935">
                  <c:v>44237</c:v>
                </c:pt>
                <c:pt idx="2936">
                  <c:v>44238</c:v>
                </c:pt>
                <c:pt idx="2937">
                  <c:v>44239</c:v>
                </c:pt>
                <c:pt idx="2938">
                  <c:v>44242</c:v>
                </c:pt>
                <c:pt idx="2939">
                  <c:v>44243</c:v>
                </c:pt>
                <c:pt idx="2940">
                  <c:v>44244</c:v>
                </c:pt>
                <c:pt idx="2941">
                  <c:v>44245</c:v>
                </c:pt>
                <c:pt idx="2942">
                  <c:v>44246</c:v>
                </c:pt>
                <c:pt idx="2943">
                  <c:v>44249</c:v>
                </c:pt>
                <c:pt idx="2944">
                  <c:v>44250</c:v>
                </c:pt>
                <c:pt idx="2945">
                  <c:v>44251</c:v>
                </c:pt>
                <c:pt idx="2946">
                  <c:v>44252</c:v>
                </c:pt>
                <c:pt idx="2947">
                  <c:v>44253</c:v>
                </c:pt>
                <c:pt idx="2948">
                  <c:v>44255</c:v>
                </c:pt>
                <c:pt idx="2949">
                  <c:v>44256</c:v>
                </c:pt>
                <c:pt idx="2950">
                  <c:v>44257</c:v>
                </c:pt>
                <c:pt idx="2951">
                  <c:v>44258</c:v>
                </c:pt>
                <c:pt idx="2952">
                  <c:v>44259</c:v>
                </c:pt>
                <c:pt idx="2953">
                  <c:v>44260</c:v>
                </c:pt>
                <c:pt idx="2954">
                  <c:v>44263</c:v>
                </c:pt>
                <c:pt idx="2955">
                  <c:v>44264</c:v>
                </c:pt>
                <c:pt idx="2956">
                  <c:v>44265</c:v>
                </c:pt>
                <c:pt idx="2957">
                  <c:v>44266</c:v>
                </c:pt>
                <c:pt idx="2958">
                  <c:v>44267</c:v>
                </c:pt>
                <c:pt idx="2959">
                  <c:v>44270</c:v>
                </c:pt>
                <c:pt idx="2960">
                  <c:v>44271</c:v>
                </c:pt>
                <c:pt idx="2961">
                  <c:v>44272</c:v>
                </c:pt>
                <c:pt idx="2962">
                  <c:v>44273</c:v>
                </c:pt>
                <c:pt idx="2963">
                  <c:v>44274</c:v>
                </c:pt>
                <c:pt idx="2964">
                  <c:v>44277</c:v>
                </c:pt>
                <c:pt idx="2965">
                  <c:v>44278</c:v>
                </c:pt>
                <c:pt idx="2966">
                  <c:v>44279</c:v>
                </c:pt>
                <c:pt idx="2967">
                  <c:v>44280</c:v>
                </c:pt>
                <c:pt idx="2968">
                  <c:v>44281</c:v>
                </c:pt>
                <c:pt idx="2969">
                  <c:v>44284</c:v>
                </c:pt>
                <c:pt idx="2970">
                  <c:v>44285</c:v>
                </c:pt>
                <c:pt idx="2971">
                  <c:v>44286</c:v>
                </c:pt>
                <c:pt idx="2972">
                  <c:v>44287</c:v>
                </c:pt>
                <c:pt idx="2974">
                  <c:v>44291</c:v>
                </c:pt>
                <c:pt idx="2975">
                  <c:v>44292</c:v>
                </c:pt>
                <c:pt idx="2976">
                  <c:v>44293</c:v>
                </c:pt>
                <c:pt idx="2977">
                  <c:v>44294</c:v>
                </c:pt>
                <c:pt idx="2978">
                  <c:v>44295</c:v>
                </c:pt>
                <c:pt idx="2979">
                  <c:v>44298</c:v>
                </c:pt>
                <c:pt idx="2980">
                  <c:v>44299</c:v>
                </c:pt>
                <c:pt idx="2981">
                  <c:v>44300</c:v>
                </c:pt>
                <c:pt idx="2982">
                  <c:v>44301</c:v>
                </c:pt>
                <c:pt idx="2983">
                  <c:v>44302</c:v>
                </c:pt>
                <c:pt idx="2984">
                  <c:v>44305</c:v>
                </c:pt>
                <c:pt idx="2985">
                  <c:v>44306</c:v>
                </c:pt>
                <c:pt idx="2986">
                  <c:v>44307</c:v>
                </c:pt>
                <c:pt idx="2987">
                  <c:v>44308</c:v>
                </c:pt>
                <c:pt idx="2988">
                  <c:v>44309</c:v>
                </c:pt>
                <c:pt idx="2989">
                  <c:v>44312</c:v>
                </c:pt>
                <c:pt idx="2990">
                  <c:v>44313</c:v>
                </c:pt>
                <c:pt idx="2991">
                  <c:v>44314</c:v>
                </c:pt>
                <c:pt idx="2992">
                  <c:v>44315</c:v>
                </c:pt>
                <c:pt idx="2993">
                  <c:v>44316</c:v>
                </c:pt>
                <c:pt idx="2994">
                  <c:v>44319</c:v>
                </c:pt>
                <c:pt idx="2995">
                  <c:v>44320</c:v>
                </c:pt>
                <c:pt idx="2996">
                  <c:v>44321</c:v>
                </c:pt>
                <c:pt idx="2997">
                  <c:v>44322</c:v>
                </c:pt>
                <c:pt idx="2998">
                  <c:v>44323</c:v>
                </c:pt>
                <c:pt idx="2999">
                  <c:v>44326</c:v>
                </c:pt>
                <c:pt idx="3000">
                  <c:v>44327</c:v>
                </c:pt>
                <c:pt idx="3001">
                  <c:v>44328</c:v>
                </c:pt>
                <c:pt idx="3002">
                  <c:v>44329</c:v>
                </c:pt>
                <c:pt idx="3003">
                  <c:v>44330</c:v>
                </c:pt>
                <c:pt idx="3004">
                  <c:v>44333</c:v>
                </c:pt>
                <c:pt idx="3005">
                  <c:v>44334</c:v>
                </c:pt>
                <c:pt idx="3006">
                  <c:v>44335</c:v>
                </c:pt>
                <c:pt idx="3007">
                  <c:v>44336</c:v>
                </c:pt>
                <c:pt idx="3008">
                  <c:v>44337</c:v>
                </c:pt>
                <c:pt idx="3009">
                  <c:v>44340</c:v>
                </c:pt>
                <c:pt idx="3010">
                  <c:v>44341</c:v>
                </c:pt>
                <c:pt idx="3011">
                  <c:v>44342</c:v>
                </c:pt>
                <c:pt idx="3012">
                  <c:v>44343</c:v>
                </c:pt>
                <c:pt idx="3013">
                  <c:v>44344</c:v>
                </c:pt>
                <c:pt idx="3014">
                  <c:v>44347</c:v>
                </c:pt>
                <c:pt idx="3015">
                  <c:v>44348</c:v>
                </c:pt>
                <c:pt idx="3016">
                  <c:v>44349</c:v>
                </c:pt>
                <c:pt idx="3017">
                  <c:v>44350</c:v>
                </c:pt>
                <c:pt idx="3018">
                  <c:v>44351</c:v>
                </c:pt>
                <c:pt idx="3019">
                  <c:v>44354</c:v>
                </c:pt>
                <c:pt idx="3020">
                  <c:v>44355</c:v>
                </c:pt>
                <c:pt idx="3021">
                  <c:v>44356</c:v>
                </c:pt>
                <c:pt idx="3022">
                  <c:v>44357</c:v>
                </c:pt>
                <c:pt idx="3023">
                  <c:v>44358</c:v>
                </c:pt>
                <c:pt idx="3024">
                  <c:v>44361</c:v>
                </c:pt>
                <c:pt idx="3025">
                  <c:v>44362</c:v>
                </c:pt>
                <c:pt idx="3026">
                  <c:v>44363</c:v>
                </c:pt>
                <c:pt idx="3027">
                  <c:v>44364</c:v>
                </c:pt>
                <c:pt idx="3028">
                  <c:v>44365</c:v>
                </c:pt>
                <c:pt idx="3029">
                  <c:v>44368</c:v>
                </c:pt>
                <c:pt idx="3030">
                  <c:v>44369</c:v>
                </c:pt>
                <c:pt idx="3031">
                  <c:v>44370</c:v>
                </c:pt>
                <c:pt idx="3032">
                  <c:v>44371</c:v>
                </c:pt>
                <c:pt idx="3033">
                  <c:v>44372</c:v>
                </c:pt>
                <c:pt idx="3034">
                  <c:v>44375</c:v>
                </c:pt>
                <c:pt idx="3035">
                  <c:v>44376</c:v>
                </c:pt>
                <c:pt idx="3036">
                  <c:v>44377</c:v>
                </c:pt>
                <c:pt idx="3037">
                  <c:v>44378</c:v>
                </c:pt>
                <c:pt idx="3038">
                  <c:v>44379</c:v>
                </c:pt>
                <c:pt idx="3039">
                  <c:v>44382</c:v>
                </c:pt>
                <c:pt idx="3040">
                  <c:v>44383</c:v>
                </c:pt>
                <c:pt idx="3041">
                  <c:v>44384</c:v>
                </c:pt>
                <c:pt idx="3042">
                  <c:v>44385</c:v>
                </c:pt>
                <c:pt idx="3043">
                  <c:v>44386</c:v>
                </c:pt>
                <c:pt idx="3044">
                  <c:v>44389</c:v>
                </c:pt>
                <c:pt idx="3045">
                  <c:v>44390</c:v>
                </c:pt>
                <c:pt idx="3046">
                  <c:v>44391</c:v>
                </c:pt>
                <c:pt idx="3047">
                  <c:v>44392</c:v>
                </c:pt>
                <c:pt idx="3048">
                  <c:v>44393</c:v>
                </c:pt>
                <c:pt idx="3049">
                  <c:v>44396</c:v>
                </c:pt>
                <c:pt idx="3050">
                  <c:v>44397</c:v>
                </c:pt>
                <c:pt idx="3051">
                  <c:v>44398</c:v>
                </c:pt>
                <c:pt idx="3052">
                  <c:v>44399</c:v>
                </c:pt>
                <c:pt idx="3053">
                  <c:v>44400</c:v>
                </c:pt>
                <c:pt idx="3054">
                  <c:v>44403</c:v>
                </c:pt>
                <c:pt idx="3055">
                  <c:v>44404</c:v>
                </c:pt>
                <c:pt idx="3056">
                  <c:v>44405</c:v>
                </c:pt>
                <c:pt idx="3057">
                  <c:v>44406</c:v>
                </c:pt>
                <c:pt idx="3058">
                  <c:v>44407</c:v>
                </c:pt>
                <c:pt idx="3059">
                  <c:v>44408</c:v>
                </c:pt>
                <c:pt idx="3060">
                  <c:v>44410</c:v>
                </c:pt>
                <c:pt idx="3061">
                  <c:v>44411</c:v>
                </c:pt>
                <c:pt idx="3062">
                  <c:v>44412</c:v>
                </c:pt>
                <c:pt idx="3063">
                  <c:v>44413</c:v>
                </c:pt>
                <c:pt idx="3064">
                  <c:v>44414</c:v>
                </c:pt>
                <c:pt idx="3065">
                  <c:v>44417</c:v>
                </c:pt>
                <c:pt idx="3066">
                  <c:v>44418</c:v>
                </c:pt>
                <c:pt idx="3067">
                  <c:v>44419</c:v>
                </c:pt>
                <c:pt idx="3068">
                  <c:v>44420</c:v>
                </c:pt>
                <c:pt idx="3069">
                  <c:v>44421</c:v>
                </c:pt>
                <c:pt idx="3070">
                  <c:v>44424</c:v>
                </c:pt>
                <c:pt idx="3071">
                  <c:v>44425</c:v>
                </c:pt>
                <c:pt idx="3072">
                  <c:v>44426</c:v>
                </c:pt>
                <c:pt idx="3073">
                  <c:v>44427</c:v>
                </c:pt>
                <c:pt idx="3074">
                  <c:v>44428</c:v>
                </c:pt>
                <c:pt idx="3075">
                  <c:v>44431</c:v>
                </c:pt>
                <c:pt idx="3076">
                  <c:v>44432</c:v>
                </c:pt>
                <c:pt idx="3077">
                  <c:v>44433</c:v>
                </c:pt>
                <c:pt idx="3078">
                  <c:v>44434</c:v>
                </c:pt>
                <c:pt idx="3079">
                  <c:v>44435</c:v>
                </c:pt>
                <c:pt idx="3080">
                  <c:v>44438</c:v>
                </c:pt>
                <c:pt idx="3081">
                  <c:v>44439</c:v>
                </c:pt>
                <c:pt idx="3082">
                  <c:v>44440</c:v>
                </c:pt>
                <c:pt idx="3083">
                  <c:v>44441</c:v>
                </c:pt>
                <c:pt idx="3084">
                  <c:v>44442</c:v>
                </c:pt>
                <c:pt idx="3085">
                  <c:v>44445</c:v>
                </c:pt>
                <c:pt idx="3086">
                  <c:v>44446</c:v>
                </c:pt>
                <c:pt idx="3087">
                  <c:v>44447</c:v>
                </c:pt>
                <c:pt idx="3088">
                  <c:v>44448</c:v>
                </c:pt>
                <c:pt idx="3089">
                  <c:v>44449</c:v>
                </c:pt>
                <c:pt idx="3090">
                  <c:v>44452</c:v>
                </c:pt>
                <c:pt idx="3091">
                  <c:v>44453</c:v>
                </c:pt>
                <c:pt idx="3092">
                  <c:v>44454</c:v>
                </c:pt>
                <c:pt idx="3093">
                  <c:v>44455</c:v>
                </c:pt>
                <c:pt idx="3094">
                  <c:v>44456</c:v>
                </c:pt>
                <c:pt idx="3095">
                  <c:v>44459</c:v>
                </c:pt>
                <c:pt idx="3096">
                  <c:v>44460</c:v>
                </c:pt>
                <c:pt idx="3097">
                  <c:v>44461</c:v>
                </c:pt>
                <c:pt idx="3098">
                  <c:v>44462</c:v>
                </c:pt>
                <c:pt idx="3099">
                  <c:v>44463</c:v>
                </c:pt>
                <c:pt idx="3100">
                  <c:v>44466</c:v>
                </c:pt>
                <c:pt idx="3101">
                  <c:v>44467</c:v>
                </c:pt>
                <c:pt idx="3102">
                  <c:v>44468</c:v>
                </c:pt>
                <c:pt idx="3103">
                  <c:v>44469</c:v>
                </c:pt>
                <c:pt idx="3104">
                  <c:v>44470</c:v>
                </c:pt>
                <c:pt idx="3105">
                  <c:v>44473</c:v>
                </c:pt>
                <c:pt idx="3106">
                  <c:v>44474</c:v>
                </c:pt>
                <c:pt idx="3107">
                  <c:v>44475</c:v>
                </c:pt>
                <c:pt idx="3108">
                  <c:v>44476</c:v>
                </c:pt>
                <c:pt idx="3109">
                  <c:v>44477</c:v>
                </c:pt>
                <c:pt idx="3110">
                  <c:v>44480</c:v>
                </c:pt>
                <c:pt idx="3111">
                  <c:v>44481</c:v>
                </c:pt>
                <c:pt idx="3112">
                  <c:v>44482</c:v>
                </c:pt>
                <c:pt idx="3113">
                  <c:v>44483</c:v>
                </c:pt>
                <c:pt idx="3114">
                  <c:v>44484</c:v>
                </c:pt>
                <c:pt idx="3115">
                  <c:v>44487</c:v>
                </c:pt>
                <c:pt idx="3116">
                  <c:v>44488</c:v>
                </c:pt>
                <c:pt idx="3117">
                  <c:v>44489</c:v>
                </c:pt>
                <c:pt idx="3118">
                  <c:v>44490</c:v>
                </c:pt>
                <c:pt idx="3119">
                  <c:v>44491</c:v>
                </c:pt>
                <c:pt idx="3120">
                  <c:v>44494</c:v>
                </c:pt>
                <c:pt idx="3121">
                  <c:v>44495</c:v>
                </c:pt>
                <c:pt idx="3122">
                  <c:v>44496</c:v>
                </c:pt>
                <c:pt idx="3123">
                  <c:v>44497</c:v>
                </c:pt>
                <c:pt idx="3124">
                  <c:v>44498</c:v>
                </c:pt>
                <c:pt idx="3125">
                  <c:v>44500</c:v>
                </c:pt>
                <c:pt idx="3126">
                  <c:v>44501</c:v>
                </c:pt>
                <c:pt idx="3127">
                  <c:v>44502</c:v>
                </c:pt>
                <c:pt idx="3128">
                  <c:v>44503</c:v>
                </c:pt>
                <c:pt idx="3129">
                  <c:v>44504</c:v>
                </c:pt>
                <c:pt idx="3130">
                  <c:v>44505</c:v>
                </c:pt>
                <c:pt idx="3131">
                  <c:v>44508</c:v>
                </c:pt>
                <c:pt idx="3132">
                  <c:v>44509</c:v>
                </c:pt>
                <c:pt idx="3133">
                  <c:v>44510</c:v>
                </c:pt>
                <c:pt idx="3134">
                  <c:v>44511</c:v>
                </c:pt>
                <c:pt idx="3135">
                  <c:v>44512</c:v>
                </c:pt>
                <c:pt idx="3136">
                  <c:v>44515</c:v>
                </c:pt>
                <c:pt idx="3137">
                  <c:v>44516</c:v>
                </c:pt>
                <c:pt idx="3138">
                  <c:v>44517</c:v>
                </c:pt>
                <c:pt idx="3139">
                  <c:v>44518</c:v>
                </c:pt>
                <c:pt idx="3140">
                  <c:v>44519</c:v>
                </c:pt>
                <c:pt idx="3141">
                  <c:v>44522</c:v>
                </c:pt>
                <c:pt idx="3142">
                  <c:v>44523</c:v>
                </c:pt>
                <c:pt idx="3143">
                  <c:v>44524</c:v>
                </c:pt>
                <c:pt idx="3144">
                  <c:v>44525</c:v>
                </c:pt>
                <c:pt idx="3145">
                  <c:v>44526</c:v>
                </c:pt>
                <c:pt idx="3146">
                  <c:v>44529</c:v>
                </c:pt>
                <c:pt idx="3147">
                  <c:v>44530</c:v>
                </c:pt>
                <c:pt idx="3148">
                  <c:v>44531</c:v>
                </c:pt>
                <c:pt idx="3149">
                  <c:v>44532</c:v>
                </c:pt>
                <c:pt idx="3150">
                  <c:v>44533</c:v>
                </c:pt>
                <c:pt idx="3151">
                  <c:v>44536</c:v>
                </c:pt>
                <c:pt idx="3152">
                  <c:v>44537</c:v>
                </c:pt>
                <c:pt idx="3153">
                  <c:v>44538</c:v>
                </c:pt>
                <c:pt idx="3154">
                  <c:v>44539</c:v>
                </c:pt>
                <c:pt idx="3155">
                  <c:v>44540</c:v>
                </c:pt>
                <c:pt idx="3156">
                  <c:v>44543</c:v>
                </c:pt>
                <c:pt idx="3157">
                  <c:v>44544</c:v>
                </c:pt>
                <c:pt idx="3158">
                  <c:v>44545</c:v>
                </c:pt>
                <c:pt idx="3159">
                  <c:v>44546</c:v>
                </c:pt>
                <c:pt idx="3160">
                  <c:v>44547</c:v>
                </c:pt>
                <c:pt idx="3161">
                  <c:v>44550</c:v>
                </c:pt>
                <c:pt idx="3162">
                  <c:v>44551</c:v>
                </c:pt>
                <c:pt idx="3163">
                  <c:v>44552</c:v>
                </c:pt>
                <c:pt idx="3164">
                  <c:v>44553</c:v>
                </c:pt>
                <c:pt idx="3166">
                  <c:v>44557</c:v>
                </c:pt>
                <c:pt idx="3167">
                  <c:v>44558</c:v>
                </c:pt>
                <c:pt idx="3168">
                  <c:v>44559</c:v>
                </c:pt>
                <c:pt idx="3169">
                  <c:v>44560</c:v>
                </c:pt>
                <c:pt idx="3170">
                  <c:v>44561</c:v>
                </c:pt>
                <c:pt idx="3171">
                  <c:v>44564</c:v>
                </c:pt>
                <c:pt idx="3172">
                  <c:v>44565</c:v>
                </c:pt>
                <c:pt idx="3173">
                  <c:v>44566</c:v>
                </c:pt>
                <c:pt idx="3174">
                  <c:v>44567</c:v>
                </c:pt>
                <c:pt idx="3175">
                  <c:v>44568</c:v>
                </c:pt>
                <c:pt idx="3176">
                  <c:v>44571</c:v>
                </c:pt>
                <c:pt idx="3177">
                  <c:v>44572</c:v>
                </c:pt>
                <c:pt idx="3178">
                  <c:v>44573</c:v>
                </c:pt>
                <c:pt idx="3179">
                  <c:v>44574</c:v>
                </c:pt>
                <c:pt idx="3180">
                  <c:v>44575</c:v>
                </c:pt>
                <c:pt idx="3181">
                  <c:v>44578</c:v>
                </c:pt>
                <c:pt idx="3182">
                  <c:v>44579</c:v>
                </c:pt>
                <c:pt idx="3183">
                  <c:v>44580</c:v>
                </c:pt>
                <c:pt idx="3184">
                  <c:v>44581</c:v>
                </c:pt>
                <c:pt idx="3185">
                  <c:v>44582</c:v>
                </c:pt>
                <c:pt idx="3186">
                  <c:v>44585</c:v>
                </c:pt>
                <c:pt idx="3187">
                  <c:v>44586</c:v>
                </c:pt>
                <c:pt idx="3188">
                  <c:v>44587</c:v>
                </c:pt>
                <c:pt idx="3189">
                  <c:v>44588</c:v>
                </c:pt>
                <c:pt idx="3190">
                  <c:v>44589</c:v>
                </c:pt>
                <c:pt idx="3191">
                  <c:v>44592</c:v>
                </c:pt>
                <c:pt idx="3192">
                  <c:v>44593</c:v>
                </c:pt>
                <c:pt idx="3193">
                  <c:v>44594</c:v>
                </c:pt>
                <c:pt idx="3194">
                  <c:v>44595</c:v>
                </c:pt>
                <c:pt idx="3195">
                  <c:v>44596</c:v>
                </c:pt>
                <c:pt idx="3196">
                  <c:v>44599</c:v>
                </c:pt>
                <c:pt idx="3197">
                  <c:v>44600</c:v>
                </c:pt>
                <c:pt idx="3198">
                  <c:v>44601</c:v>
                </c:pt>
                <c:pt idx="3199">
                  <c:v>44602</c:v>
                </c:pt>
                <c:pt idx="3200">
                  <c:v>44603</c:v>
                </c:pt>
                <c:pt idx="3201">
                  <c:v>44606</c:v>
                </c:pt>
                <c:pt idx="3202">
                  <c:v>44607</c:v>
                </c:pt>
                <c:pt idx="3203">
                  <c:v>44608</c:v>
                </c:pt>
                <c:pt idx="3204">
                  <c:v>44609</c:v>
                </c:pt>
                <c:pt idx="3205">
                  <c:v>44610</c:v>
                </c:pt>
                <c:pt idx="3206">
                  <c:v>44613</c:v>
                </c:pt>
                <c:pt idx="3207">
                  <c:v>44614</c:v>
                </c:pt>
                <c:pt idx="3208">
                  <c:v>44615</c:v>
                </c:pt>
                <c:pt idx="3209">
                  <c:v>44616</c:v>
                </c:pt>
                <c:pt idx="3210">
                  <c:v>44617</c:v>
                </c:pt>
                <c:pt idx="3211">
                  <c:v>44620</c:v>
                </c:pt>
                <c:pt idx="3212">
                  <c:v>44621</c:v>
                </c:pt>
                <c:pt idx="3213">
                  <c:v>44622</c:v>
                </c:pt>
                <c:pt idx="3214">
                  <c:v>44623</c:v>
                </c:pt>
                <c:pt idx="3215">
                  <c:v>44624</c:v>
                </c:pt>
                <c:pt idx="3216">
                  <c:v>44627</c:v>
                </c:pt>
                <c:pt idx="3217">
                  <c:v>44628</c:v>
                </c:pt>
                <c:pt idx="3218">
                  <c:v>44629</c:v>
                </c:pt>
                <c:pt idx="3219">
                  <c:v>44630</c:v>
                </c:pt>
                <c:pt idx="3220">
                  <c:v>44631</c:v>
                </c:pt>
                <c:pt idx="3221">
                  <c:v>44634</c:v>
                </c:pt>
                <c:pt idx="3222">
                  <c:v>44635</c:v>
                </c:pt>
                <c:pt idx="3223">
                  <c:v>44636</c:v>
                </c:pt>
                <c:pt idx="3224">
                  <c:v>44637</c:v>
                </c:pt>
                <c:pt idx="3225">
                  <c:v>44638</c:v>
                </c:pt>
                <c:pt idx="3226">
                  <c:v>44641</c:v>
                </c:pt>
                <c:pt idx="3227">
                  <c:v>44642</c:v>
                </c:pt>
                <c:pt idx="3228">
                  <c:v>44643</c:v>
                </c:pt>
                <c:pt idx="3229">
                  <c:v>44644</c:v>
                </c:pt>
                <c:pt idx="3230">
                  <c:v>44645</c:v>
                </c:pt>
                <c:pt idx="3231">
                  <c:v>44648</c:v>
                </c:pt>
                <c:pt idx="3232">
                  <c:v>44649</c:v>
                </c:pt>
                <c:pt idx="3233">
                  <c:v>44650</c:v>
                </c:pt>
                <c:pt idx="3234">
                  <c:v>44651</c:v>
                </c:pt>
                <c:pt idx="3235">
                  <c:v>44652</c:v>
                </c:pt>
                <c:pt idx="3236">
                  <c:v>44655</c:v>
                </c:pt>
                <c:pt idx="3237">
                  <c:v>44656</c:v>
                </c:pt>
                <c:pt idx="3238">
                  <c:v>44657</c:v>
                </c:pt>
                <c:pt idx="3239">
                  <c:v>44658</c:v>
                </c:pt>
                <c:pt idx="3240">
                  <c:v>44659</c:v>
                </c:pt>
                <c:pt idx="3241">
                  <c:v>44662</c:v>
                </c:pt>
                <c:pt idx="3242">
                  <c:v>44663</c:v>
                </c:pt>
                <c:pt idx="3243">
                  <c:v>44664</c:v>
                </c:pt>
                <c:pt idx="3244">
                  <c:v>44665</c:v>
                </c:pt>
                <c:pt idx="3246">
                  <c:v>44669</c:v>
                </c:pt>
                <c:pt idx="3247">
                  <c:v>44670</c:v>
                </c:pt>
                <c:pt idx="3248">
                  <c:v>44671</c:v>
                </c:pt>
                <c:pt idx="3249">
                  <c:v>44672</c:v>
                </c:pt>
                <c:pt idx="3250">
                  <c:v>44673</c:v>
                </c:pt>
                <c:pt idx="3251">
                  <c:v>44676</c:v>
                </c:pt>
                <c:pt idx="3252">
                  <c:v>44677</c:v>
                </c:pt>
                <c:pt idx="3253">
                  <c:v>44678</c:v>
                </c:pt>
                <c:pt idx="3254">
                  <c:v>44679</c:v>
                </c:pt>
                <c:pt idx="3255">
                  <c:v>44680</c:v>
                </c:pt>
                <c:pt idx="3256">
                  <c:v>44681</c:v>
                </c:pt>
                <c:pt idx="3257">
                  <c:v>44683</c:v>
                </c:pt>
                <c:pt idx="3258">
                  <c:v>44684</c:v>
                </c:pt>
                <c:pt idx="3259">
                  <c:v>44685</c:v>
                </c:pt>
                <c:pt idx="3260">
                  <c:v>44686</c:v>
                </c:pt>
                <c:pt idx="3261">
                  <c:v>44687</c:v>
                </c:pt>
                <c:pt idx="3262">
                  <c:v>44690</c:v>
                </c:pt>
                <c:pt idx="3263">
                  <c:v>44691</c:v>
                </c:pt>
                <c:pt idx="3264">
                  <c:v>44692</c:v>
                </c:pt>
                <c:pt idx="3265">
                  <c:v>44693</c:v>
                </c:pt>
                <c:pt idx="3266">
                  <c:v>44694</c:v>
                </c:pt>
                <c:pt idx="3267">
                  <c:v>44697</c:v>
                </c:pt>
                <c:pt idx="3268">
                  <c:v>44698</c:v>
                </c:pt>
                <c:pt idx="3269">
                  <c:v>44699</c:v>
                </c:pt>
                <c:pt idx="3270">
                  <c:v>44700</c:v>
                </c:pt>
                <c:pt idx="3271">
                  <c:v>44701</c:v>
                </c:pt>
                <c:pt idx="3272">
                  <c:v>44704</c:v>
                </c:pt>
                <c:pt idx="3273">
                  <c:v>44705</c:v>
                </c:pt>
                <c:pt idx="3274">
                  <c:v>44706</c:v>
                </c:pt>
                <c:pt idx="3275">
                  <c:v>44707</c:v>
                </c:pt>
                <c:pt idx="3276">
                  <c:v>44708</c:v>
                </c:pt>
                <c:pt idx="3277">
                  <c:v>44711</c:v>
                </c:pt>
                <c:pt idx="3278">
                  <c:v>44712</c:v>
                </c:pt>
                <c:pt idx="3279">
                  <c:v>44713</c:v>
                </c:pt>
                <c:pt idx="3280">
                  <c:v>44714</c:v>
                </c:pt>
                <c:pt idx="3281">
                  <c:v>44715</c:v>
                </c:pt>
                <c:pt idx="3282">
                  <c:v>44718</c:v>
                </c:pt>
                <c:pt idx="3283">
                  <c:v>44719</c:v>
                </c:pt>
                <c:pt idx="3284">
                  <c:v>44720</c:v>
                </c:pt>
                <c:pt idx="3285">
                  <c:v>44721</c:v>
                </c:pt>
                <c:pt idx="3286">
                  <c:v>44722</c:v>
                </c:pt>
                <c:pt idx="3287">
                  <c:v>44725</c:v>
                </c:pt>
                <c:pt idx="3288">
                  <c:v>44726</c:v>
                </c:pt>
                <c:pt idx="3289">
                  <c:v>44727</c:v>
                </c:pt>
                <c:pt idx="3290">
                  <c:v>44728</c:v>
                </c:pt>
                <c:pt idx="3291">
                  <c:v>44729</c:v>
                </c:pt>
                <c:pt idx="3292">
                  <c:v>44732</c:v>
                </c:pt>
                <c:pt idx="3293">
                  <c:v>44733</c:v>
                </c:pt>
                <c:pt idx="3294">
                  <c:v>44734</c:v>
                </c:pt>
                <c:pt idx="3295">
                  <c:v>44735</c:v>
                </c:pt>
                <c:pt idx="3296">
                  <c:v>44736</c:v>
                </c:pt>
                <c:pt idx="3297">
                  <c:v>44739</c:v>
                </c:pt>
                <c:pt idx="3298">
                  <c:v>44740</c:v>
                </c:pt>
                <c:pt idx="3299">
                  <c:v>44741</c:v>
                </c:pt>
                <c:pt idx="3300">
                  <c:v>44742</c:v>
                </c:pt>
                <c:pt idx="3301">
                  <c:v>44743</c:v>
                </c:pt>
                <c:pt idx="3302">
                  <c:v>44746</c:v>
                </c:pt>
                <c:pt idx="3303">
                  <c:v>44747</c:v>
                </c:pt>
                <c:pt idx="3304">
                  <c:v>44748</c:v>
                </c:pt>
                <c:pt idx="3305">
                  <c:v>44749</c:v>
                </c:pt>
                <c:pt idx="3306">
                  <c:v>44750</c:v>
                </c:pt>
                <c:pt idx="3307">
                  <c:v>44753</c:v>
                </c:pt>
                <c:pt idx="3308">
                  <c:v>44754</c:v>
                </c:pt>
                <c:pt idx="3309">
                  <c:v>44755</c:v>
                </c:pt>
                <c:pt idx="3310">
                  <c:v>44756</c:v>
                </c:pt>
                <c:pt idx="3311">
                  <c:v>44757</c:v>
                </c:pt>
                <c:pt idx="3312">
                  <c:v>44760</c:v>
                </c:pt>
                <c:pt idx="3313">
                  <c:v>44761</c:v>
                </c:pt>
                <c:pt idx="3314">
                  <c:v>44762</c:v>
                </c:pt>
                <c:pt idx="3315">
                  <c:v>44763</c:v>
                </c:pt>
                <c:pt idx="3316">
                  <c:v>44764</c:v>
                </c:pt>
                <c:pt idx="3317">
                  <c:v>44767</c:v>
                </c:pt>
                <c:pt idx="3318">
                  <c:v>44768</c:v>
                </c:pt>
                <c:pt idx="3319">
                  <c:v>44769</c:v>
                </c:pt>
                <c:pt idx="3320">
                  <c:v>44770</c:v>
                </c:pt>
                <c:pt idx="3321">
                  <c:v>44771</c:v>
                </c:pt>
                <c:pt idx="3322">
                  <c:v>44773</c:v>
                </c:pt>
                <c:pt idx="3323">
                  <c:v>44774</c:v>
                </c:pt>
                <c:pt idx="3324">
                  <c:v>44775</c:v>
                </c:pt>
                <c:pt idx="3325">
                  <c:v>44776</c:v>
                </c:pt>
                <c:pt idx="3326">
                  <c:v>44777</c:v>
                </c:pt>
                <c:pt idx="3327">
                  <c:v>44778</c:v>
                </c:pt>
                <c:pt idx="3328">
                  <c:v>44781</c:v>
                </c:pt>
                <c:pt idx="3329">
                  <c:v>44782</c:v>
                </c:pt>
                <c:pt idx="3330">
                  <c:v>44783</c:v>
                </c:pt>
                <c:pt idx="3331">
                  <c:v>44784</c:v>
                </c:pt>
                <c:pt idx="3332">
                  <c:v>44785</c:v>
                </c:pt>
                <c:pt idx="3333">
                  <c:v>44788</c:v>
                </c:pt>
                <c:pt idx="3334">
                  <c:v>44789</c:v>
                </c:pt>
                <c:pt idx="3335">
                  <c:v>44790</c:v>
                </c:pt>
                <c:pt idx="3336">
                  <c:v>44791</c:v>
                </c:pt>
                <c:pt idx="3337">
                  <c:v>44792</c:v>
                </c:pt>
                <c:pt idx="3338">
                  <c:v>44795</c:v>
                </c:pt>
                <c:pt idx="3339">
                  <c:v>44796</c:v>
                </c:pt>
                <c:pt idx="3340">
                  <c:v>44797</c:v>
                </c:pt>
                <c:pt idx="3341">
                  <c:v>44798</c:v>
                </c:pt>
                <c:pt idx="3342">
                  <c:v>44799</c:v>
                </c:pt>
                <c:pt idx="3343">
                  <c:v>44802</c:v>
                </c:pt>
                <c:pt idx="3344">
                  <c:v>44803</c:v>
                </c:pt>
                <c:pt idx="3345">
                  <c:v>44804</c:v>
                </c:pt>
                <c:pt idx="3346">
                  <c:v>44805</c:v>
                </c:pt>
                <c:pt idx="3347">
                  <c:v>44806</c:v>
                </c:pt>
                <c:pt idx="3348">
                  <c:v>44809</c:v>
                </c:pt>
                <c:pt idx="3349">
                  <c:v>44810</c:v>
                </c:pt>
                <c:pt idx="3350">
                  <c:v>44811</c:v>
                </c:pt>
                <c:pt idx="3351">
                  <c:v>44812</c:v>
                </c:pt>
                <c:pt idx="3352">
                  <c:v>44813</c:v>
                </c:pt>
                <c:pt idx="3353">
                  <c:v>44816</c:v>
                </c:pt>
                <c:pt idx="3354">
                  <c:v>44817</c:v>
                </c:pt>
                <c:pt idx="3355">
                  <c:v>44818</c:v>
                </c:pt>
                <c:pt idx="3356">
                  <c:v>44819</c:v>
                </c:pt>
                <c:pt idx="3357">
                  <c:v>44820</c:v>
                </c:pt>
                <c:pt idx="3358">
                  <c:v>44823</c:v>
                </c:pt>
                <c:pt idx="3359">
                  <c:v>44824</c:v>
                </c:pt>
                <c:pt idx="3360">
                  <c:v>44825</c:v>
                </c:pt>
                <c:pt idx="3361">
                  <c:v>44826</c:v>
                </c:pt>
                <c:pt idx="3362">
                  <c:v>44827</c:v>
                </c:pt>
                <c:pt idx="3363">
                  <c:v>44830</c:v>
                </c:pt>
                <c:pt idx="3364">
                  <c:v>44831</c:v>
                </c:pt>
                <c:pt idx="3365">
                  <c:v>44832</c:v>
                </c:pt>
                <c:pt idx="3366">
                  <c:v>44833</c:v>
                </c:pt>
                <c:pt idx="3367">
                  <c:v>44834</c:v>
                </c:pt>
                <c:pt idx="3368">
                  <c:v>44837</c:v>
                </c:pt>
                <c:pt idx="3369">
                  <c:v>44838</c:v>
                </c:pt>
                <c:pt idx="3370">
                  <c:v>44839</c:v>
                </c:pt>
                <c:pt idx="3371">
                  <c:v>44840</c:v>
                </c:pt>
                <c:pt idx="3372">
                  <c:v>44841</c:v>
                </c:pt>
                <c:pt idx="3373">
                  <c:v>44844</c:v>
                </c:pt>
                <c:pt idx="3374">
                  <c:v>44845</c:v>
                </c:pt>
                <c:pt idx="3375">
                  <c:v>44846</c:v>
                </c:pt>
                <c:pt idx="3376">
                  <c:v>44847</c:v>
                </c:pt>
                <c:pt idx="3377">
                  <c:v>44848</c:v>
                </c:pt>
                <c:pt idx="3378">
                  <c:v>44851</c:v>
                </c:pt>
                <c:pt idx="3379">
                  <c:v>44852</c:v>
                </c:pt>
                <c:pt idx="3380">
                  <c:v>44853</c:v>
                </c:pt>
                <c:pt idx="3381">
                  <c:v>44854</c:v>
                </c:pt>
                <c:pt idx="3382">
                  <c:v>44855</c:v>
                </c:pt>
                <c:pt idx="3383">
                  <c:v>44858</c:v>
                </c:pt>
                <c:pt idx="3384">
                  <c:v>44859</c:v>
                </c:pt>
                <c:pt idx="3385">
                  <c:v>44860</c:v>
                </c:pt>
                <c:pt idx="3386">
                  <c:v>44861</c:v>
                </c:pt>
                <c:pt idx="3387">
                  <c:v>44862</c:v>
                </c:pt>
                <c:pt idx="3388">
                  <c:v>44865</c:v>
                </c:pt>
                <c:pt idx="3389">
                  <c:v>44866</c:v>
                </c:pt>
                <c:pt idx="3390">
                  <c:v>44867</c:v>
                </c:pt>
                <c:pt idx="3391">
                  <c:v>44868</c:v>
                </c:pt>
                <c:pt idx="3392">
                  <c:v>44869</c:v>
                </c:pt>
                <c:pt idx="3393">
                  <c:v>44872</c:v>
                </c:pt>
                <c:pt idx="3394">
                  <c:v>44873</c:v>
                </c:pt>
                <c:pt idx="3395">
                  <c:v>44874</c:v>
                </c:pt>
                <c:pt idx="3396">
                  <c:v>44875</c:v>
                </c:pt>
                <c:pt idx="3397">
                  <c:v>44876</c:v>
                </c:pt>
                <c:pt idx="3398">
                  <c:v>44879</c:v>
                </c:pt>
                <c:pt idx="3399">
                  <c:v>44880</c:v>
                </c:pt>
                <c:pt idx="3400">
                  <c:v>44881</c:v>
                </c:pt>
                <c:pt idx="3401">
                  <c:v>44882</c:v>
                </c:pt>
                <c:pt idx="3402">
                  <c:v>44883</c:v>
                </c:pt>
                <c:pt idx="3403">
                  <c:v>44886</c:v>
                </c:pt>
                <c:pt idx="3404">
                  <c:v>44887</c:v>
                </c:pt>
                <c:pt idx="3405">
                  <c:v>44888</c:v>
                </c:pt>
                <c:pt idx="3406">
                  <c:v>44889</c:v>
                </c:pt>
                <c:pt idx="3407">
                  <c:v>44890</c:v>
                </c:pt>
                <c:pt idx="3408">
                  <c:v>44893</c:v>
                </c:pt>
                <c:pt idx="3409">
                  <c:v>44894</c:v>
                </c:pt>
                <c:pt idx="3410">
                  <c:v>44895</c:v>
                </c:pt>
                <c:pt idx="3411">
                  <c:v>44896</c:v>
                </c:pt>
                <c:pt idx="3412">
                  <c:v>44897</c:v>
                </c:pt>
                <c:pt idx="3413">
                  <c:v>44900</c:v>
                </c:pt>
                <c:pt idx="3414">
                  <c:v>44901</c:v>
                </c:pt>
                <c:pt idx="3415">
                  <c:v>44902</c:v>
                </c:pt>
                <c:pt idx="3416">
                  <c:v>44903</c:v>
                </c:pt>
                <c:pt idx="3417">
                  <c:v>44904</c:v>
                </c:pt>
                <c:pt idx="3418">
                  <c:v>44907</c:v>
                </c:pt>
                <c:pt idx="3419">
                  <c:v>44908</c:v>
                </c:pt>
                <c:pt idx="3420">
                  <c:v>44909</c:v>
                </c:pt>
                <c:pt idx="3421">
                  <c:v>44910</c:v>
                </c:pt>
                <c:pt idx="3422">
                  <c:v>44911</c:v>
                </c:pt>
                <c:pt idx="3423">
                  <c:v>44914</c:v>
                </c:pt>
                <c:pt idx="3424">
                  <c:v>44915</c:v>
                </c:pt>
                <c:pt idx="3425">
                  <c:v>44916</c:v>
                </c:pt>
                <c:pt idx="3426">
                  <c:v>44917</c:v>
                </c:pt>
                <c:pt idx="3427">
                  <c:v>44918</c:v>
                </c:pt>
                <c:pt idx="3429">
                  <c:v>44922</c:v>
                </c:pt>
                <c:pt idx="3430">
                  <c:v>44923</c:v>
                </c:pt>
                <c:pt idx="3431">
                  <c:v>44924</c:v>
                </c:pt>
                <c:pt idx="3432">
                  <c:v>44925</c:v>
                </c:pt>
                <c:pt idx="3433">
                  <c:v>44926</c:v>
                </c:pt>
                <c:pt idx="3435">
                  <c:v>44929</c:v>
                </c:pt>
                <c:pt idx="3436">
                  <c:v>44930</c:v>
                </c:pt>
                <c:pt idx="3437">
                  <c:v>44931</c:v>
                </c:pt>
                <c:pt idx="3438">
                  <c:v>44932</c:v>
                </c:pt>
                <c:pt idx="3439">
                  <c:v>44935</c:v>
                </c:pt>
                <c:pt idx="3440">
                  <c:v>44936</c:v>
                </c:pt>
                <c:pt idx="3441">
                  <c:v>44937</c:v>
                </c:pt>
                <c:pt idx="3442">
                  <c:v>44938</c:v>
                </c:pt>
                <c:pt idx="3443">
                  <c:v>44939</c:v>
                </c:pt>
                <c:pt idx="3444">
                  <c:v>44942</c:v>
                </c:pt>
                <c:pt idx="3445">
                  <c:v>44943</c:v>
                </c:pt>
                <c:pt idx="3446">
                  <c:v>44944</c:v>
                </c:pt>
                <c:pt idx="3447">
                  <c:v>44945</c:v>
                </c:pt>
                <c:pt idx="3448">
                  <c:v>44946</c:v>
                </c:pt>
                <c:pt idx="3449">
                  <c:v>44949</c:v>
                </c:pt>
                <c:pt idx="3450">
                  <c:v>44950</c:v>
                </c:pt>
                <c:pt idx="3451">
                  <c:v>44951</c:v>
                </c:pt>
                <c:pt idx="3452">
                  <c:v>44952</c:v>
                </c:pt>
                <c:pt idx="3453">
                  <c:v>44953</c:v>
                </c:pt>
                <c:pt idx="3454">
                  <c:v>44956</c:v>
                </c:pt>
                <c:pt idx="3455">
                  <c:v>44957</c:v>
                </c:pt>
                <c:pt idx="3456">
                  <c:v>44958</c:v>
                </c:pt>
                <c:pt idx="3457">
                  <c:v>44959</c:v>
                </c:pt>
                <c:pt idx="3458">
                  <c:v>44960</c:v>
                </c:pt>
                <c:pt idx="3459">
                  <c:v>44963</c:v>
                </c:pt>
                <c:pt idx="3460">
                  <c:v>44964</c:v>
                </c:pt>
                <c:pt idx="3461">
                  <c:v>44965</c:v>
                </c:pt>
                <c:pt idx="3462">
                  <c:v>44966</c:v>
                </c:pt>
                <c:pt idx="3463">
                  <c:v>44967</c:v>
                </c:pt>
                <c:pt idx="3464">
                  <c:v>44970</c:v>
                </c:pt>
                <c:pt idx="3465">
                  <c:v>44971</c:v>
                </c:pt>
                <c:pt idx="3466">
                  <c:v>44972</c:v>
                </c:pt>
                <c:pt idx="3467">
                  <c:v>44973</c:v>
                </c:pt>
                <c:pt idx="3468">
                  <c:v>44974</c:v>
                </c:pt>
                <c:pt idx="3469">
                  <c:v>44977</c:v>
                </c:pt>
                <c:pt idx="3470">
                  <c:v>44978</c:v>
                </c:pt>
                <c:pt idx="3471">
                  <c:v>44979</c:v>
                </c:pt>
                <c:pt idx="3472">
                  <c:v>44980</c:v>
                </c:pt>
                <c:pt idx="3473">
                  <c:v>44981</c:v>
                </c:pt>
                <c:pt idx="3474">
                  <c:v>44984</c:v>
                </c:pt>
                <c:pt idx="3475">
                  <c:v>44985</c:v>
                </c:pt>
                <c:pt idx="3476">
                  <c:v>44986</c:v>
                </c:pt>
                <c:pt idx="3477">
                  <c:v>44987</c:v>
                </c:pt>
                <c:pt idx="3478">
                  <c:v>44988</c:v>
                </c:pt>
                <c:pt idx="3479">
                  <c:v>44991</c:v>
                </c:pt>
                <c:pt idx="3480">
                  <c:v>44992</c:v>
                </c:pt>
                <c:pt idx="3481">
                  <c:v>44993</c:v>
                </c:pt>
                <c:pt idx="3482">
                  <c:v>44994</c:v>
                </c:pt>
                <c:pt idx="3483">
                  <c:v>44995</c:v>
                </c:pt>
                <c:pt idx="3484">
                  <c:v>44998</c:v>
                </c:pt>
                <c:pt idx="3485">
                  <c:v>44999</c:v>
                </c:pt>
                <c:pt idx="3486">
                  <c:v>45000</c:v>
                </c:pt>
                <c:pt idx="3487">
                  <c:v>45001</c:v>
                </c:pt>
                <c:pt idx="3488">
                  <c:v>45002</c:v>
                </c:pt>
                <c:pt idx="3489">
                  <c:v>45005</c:v>
                </c:pt>
                <c:pt idx="3490">
                  <c:v>45006</c:v>
                </c:pt>
                <c:pt idx="3491">
                  <c:v>45007</c:v>
                </c:pt>
                <c:pt idx="3492">
                  <c:v>45008</c:v>
                </c:pt>
                <c:pt idx="3493">
                  <c:v>45009</c:v>
                </c:pt>
                <c:pt idx="3494">
                  <c:v>45012</c:v>
                </c:pt>
                <c:pt idx="3495">
                  <c:v>45013</c:v>
                </c:pt>
                <c:pt idx="3496">
                  <c:v>45014</c:v>
                </c:pt>
                <c:pt idx="3497">
                  <c:v>45015</c:v>
                </c:pt>
                <c:pt idx="3498">
                  <c:v>45016</c:v>
                </c:pt>
                <c:pt idx="3499">
                  <c:v>45019</c:v>
                </c:pt>
                <c:pt idx="3500">
                  <c:v>45020</c:v>
                </c:pt>
                <c:pt idx="3501">
                  <c:v>45021</c:v>
                </c:pt>
                <c:pt idx="3502">
                  <c:v>45022</c:v>
                </c:pt>
                <c:pt idx="3504">
                  <c:v>45026</c:v>
                </c:pt>
                <c:pt idx="3505">
                  <c:v>45027</c:v>
                </c:pt>
                <c:pt idx="3506">
                  <c:v>45028</c:v>
                </c:pt>
                <c:pt idx="3507">
                  <c:v>45029</c:v>
                </c:pt>
                <c:pt idx="3508">
                  <c:v>45030</c:v>
                </c:pt>
                <c:pt idx="3509">
                  <c:v>45033</c:v>
                </c:pt>
                <c:pt idx="3510">
                  <c:v>45034</c:v>
                </c:pt>
                <c:pt idx="3511">
                  <c:v>45035</c:v>
                </c:pt>
                <c:pt idx="3512">
                  <c:v>45036</c:v>
                </c:pt>
                <c:pt idx="3513">
                  <c:v>45037</c:v>
                </c:pt>
                <c:pt idx="3514">
                  <c:v>45040</c:v>
                </c:pt>
                <c:pt idx="3515">
                  <c:v>45041</c:v>
                </c:pt>
                <c:pt idx="3516">
                  <c:v>45042</c:v>
                </c:pt>
                <c:pt idx="3517">
                  <c:v>45043</c:v>
                </c:pt>
                <c:pt idx="3518">
                  <c:v>45044</c:v>
                </c:pt>
                <c:pt idx="3519">
                  <c:v>45046</c:v>
                </c:pt>
                <c:pt idx="3520">
                  <c:v>45047</c:v>
                </c:pt>
                <c:pt idx="3521">
                  <c:v>45048</c:v>
                </c:pt>
                <c:pt idx="3522">
                  <c:v>45049</c:v>
                </c:pt>
                <c:pt idx="3523">
                  <c:v>45050</c:v>
                </c:pt>
                <c:pt idx="3524">
                  <c:v>45051</c:v>
                </c:pt>
                <c:pt idx="3525">
                  <c:v>45054</c:v>
                </c:pt>
                <c:pt idx="3526">
                  <c:v>45055</c:v>
                </c:pt>
                <c:pt idx="3527">
                  <c:v>45056</c:v>
                </c:pt>
                <c:pt idx="3528">
                  <c:v>45057</c:v>
                </c:pt>
                <c:pt idx="3529">
                  <c:v>45058</c:v>
                </c:pt>
                <c:pt idx="3530">
                  <c:v>45061</c:v>
                </c:pt>
                <c:pt idx="3531">
                  <c:v>45062</c:v>
                </c:pt>
                <c:pt idx="3532">
                  <c:v>45063</c:v>
                </c:pt>
                <c:pt idx="3533">
                  <c:v>45064</c:v>
                </c:pt>
                <c:pt idx="3534">
                  <c:v>45065</c:v>
                </c:pt>
                <c:pt idx="3535">
                  <c:v>45068</c:v>
                </c:pt>
                <c:pt idx="3536">
                  <c:v>45069</c:v>
                </c:pt>
                <c:pt idx="3537">
                  <c:v>45070</c:v>
                </c:pt>
                <c:pt idx="3538">
                  <c:v>45071</c:v>
                </c:pt>
                <c:pt idx="3539">
                  <c:v>45072</c:v>
                </c:pt>
                <c:pt idx="3540">
                  <c:v>45075</c:v>
                </c:pt>
                <c:pt idx="3541">
                  <c:v>45076</c:v>
                </c:pt>
                <c:pt idx="3542">
                  <c:v>45077</c:v>
                </c:pt>
                <c:pt idx="3543">
                  <c:v>45078</c:v>
                </c:pt>
                <c:pt idx="3544">
                  <c:v>45079</c:v>
                </c:pt>
                <c:pt idx="3545">
                  <c:v>45082</c:v>
                </c:pt>
                <c:pt idx="3546">
                  <c:v>45083</c:v>
                </c:pt>
                <c:pt idx="3547">
                  <c:v>45084</c:v>
                </c:pt>
                <c:pt idx="3548">
                  <c:v>45085</c:v>
                </c:pt>
                <c:pt idx="3549">
                  <c:v>45086</c:v>
                </c:pt>
                <c:pt idx="3550">
                  <c:v>45089</c:v>
                </c:pt>
                <c:pt idx="3551">
                  <c:v>45090</c:v>
                </c:pt>
                <c:pt idx="3552">
                  <c:v>45091</c:v>
                </c:pt>
                <c:pt idx="3553">
                  <c:v>45092</c:v>
                </c:pt>
                <c:pt idx="3554">
                  <c:v>45093</c:v>
                </c:pt>
                <c:pt idx="3555">
                  <c:v>45096</c:v>
                </c:pt>
                <c:pt idx="3556">
                  <c:v>45097</c:v>
                </c:pt>
                <c:pt idx="3557">
                  <c:v>45098</c:v>
                </c:pt>
                <c:pt idx="3558">
                  <c:v>45099</c:v>
                </c:pt>
                <c:pt idx="3559">
                  <c:v>45100</c:v>
                </c:pt>
                <c:pt idx="3560">
                  <c:v>45103</c:v>
                </c:pt>
                <c:pt idx="3561">
                  <c:v>45104</c:v>
                </c:pt>
                <c:pt idx="3562">
                  <c:v>45105</c:v>
                </c:pt>
                <c:pt idx="3563">
                  <c:v>45106</c:v>
                </c:pt>
                <c:pt idx="3564">
                  <c:v>45107</c:v>
                </c:pt>
                <c:pt idx="3565">
                  <c:v>45110</c:v>
                </c:pt>
                <c:pt idx="3566">
                  <c:v>45111</c:v>
                </c:pt>
                <c:pt idx="3567">
                  <c:v>45112</c:v>
                </c:pt>
                <c:pt idx="3568">
                  <c:v>45113</c:v>
                </c:pt>
                <c:pt idx="3569">
                  <c:v>45114</c:v>
                </c:pt>
                <c:pt idx="3570">
                  <c:v>45117</c:v>
                </c:pt>
                <c:pt idx="3571">
                  <c:v>45118</c:v>
                </c:pt>
                <c:pt idx="3572">
                  <c:v>45119</c:v>
                </c:pt>
                <c:pt idx="3573">
                  <c:v>45120</c:v>
                </c:pt>
                <c:pt idx="3574">
                  <c:v>45121</c:v>
                </c:pt>
                <c:pt idx="3575">
                  <c:v>45124</c:v>
                </c:pt>
                <c:pt idx="3576">
                  <c:v>45125</c:v>
                </c:pt>
                <c:pt idx="3577">
                  <c:v>45126</c:v>
                </c:pt>
                <c:pt idx="3578">
                  <c:v>45127</c:v>
                </c:pt>
                <c:pt idx="3579">
                  <c:v>45128</c:v>
                </c:pt>
                <c:pt idx="3580">
                  <c:v>45131</c:v>
                </c:pt>
                <c:pt idx="3581">
                  <c:v>45132</c:v>
                </c:pt>
                <c:pt idx="3582">
                  <c:v>45133</c:v>
                </c:pt>
                <c:pt idx="3583">
                  <c:v>45134</c:v>
                </c:pt>
                <c:pt idx="3584">
                  <c:v>45135</c:v>
                </c:pt>
                <c:pt idx="3585">
                  <c:v>45138</c:v>
                </c:pt>
                <c:pt idx="3586">
                  <c:v>45139</c:v>
                </c:pt>
                <c:pt idx="3587">
                  <c:v>45140</c:v>
                </c:pt>
                <c:pt idx="3588">
                  <c:v>45141</c:v>
                </c:pt>
                <c:pt idx="3589">
                  <c:v>45142</c:v>
                </c:pt>
                <c:pt idx="3590">
                  <c:v>45145</c:v>
                </c:pt>
                <c:pt idx="3591">
                  <c:v>45146</c:v>
                </c:pt>
                <c:pt idx="3592">
                  <c:v>45147</c:v>
                </c:pt>
                <c:pt idx="3593">
                  <c:v>45148</c:v>
                </c:pt>
                <c:pt idx="3594">
                  <c:v>45149</c:v>
                </c:pt>
                <c:pt idx="3595">
                  <c:v>45152</c:v>
                </c:pt>
                <c:pt idx="3596">
                  <c:v>45153</c:v>
                </c:pt>
                <c:pt idx="3597">
                  <c:v>45154</c:v>
                </c:pt>
                <c:pt idx="3598">
                  <c:v>45155</c:v>
                </c:pt>
                <c:pt idx="3599">
                  <c:v>45156</c:v>
                </c:pt>
                <c:pt idx="3600">
                  <c:v>45159</c:v>
                </c:pt>
                <c:pt idx="3601">
                  <c:v>45160</c:v>
                </c:pt>
                <c:pt idx="3602">
                  <c:v>45161</c:v>
                </c:pt>
                <c:pt idx="3603">
                  <c:v>45162</c:v>
                </c:pt>
                <c:pt idx="3604">
                  <c:v>45163</c:v>
                </c:pt>
                <c:pt idx="3605">
                  <c:v>45166</c:v>
                </c:pt>
                <c:pt idx="3606">
                  <c:v>45167</c:v>
                </c:pt>
                <c:pt idx="3607">
                  <c:v>45168</c:v>
                </c:pt>
                <c:pt idx="3608">
                  <c:v>45169</c:v>
                </c:pt>
                <c:pt idx="3609">
                  <c:v>45170</c:v>
                </c:pt>
                <c:pt idx="3610">
                  <c:v>45173</c:v>
                </c:pt>
                <c:pt idx="3611">
                  <c:v>45174</c:v>
                </c:pt>
                <c:pt idx="3612">
                  <c:v>45175</c:v>
                </c:pt>
                <c:pt idx="3613">
                  <c:v>45176</c:v>
                </c:pt>
                <c:pt idx="3614">
                  <c:v>45177</c:v>
                </c:pt>
                <c:pt idx="3615">
                  <c:v>45180</c:v>
                </c:pt>
                <c:pt idx="3616">
                  <c:v>45181</c:v>
                </c:pt>
                <c:pt idx="3617">
                  <c:v>45182</c:v>
                </c:pt>
                <c:pt idx="3618">
                  <c:v>45183</c:v>
                </c:pt>
                <c:pt idx="3619">
                  <c:v>45184</c:v>
                </c:pt>
                <c:pt idx="3620">
                  <c:v>45187</c:v>
                </c:pt>
                <c:pt idx="3621">
                  <c:v>45188</c:v>
                </c:pt>
                <c:pt idx="3622">
                  <c:v>45189</c:v>
                </c:pt>
                <c:pt idx="3623">
                  <c:v>45190</c:v>
                </c:pt>
                <c:pt idx="3624">
                  <c:v>45191</c:v>
                </c:pt>
                <c:pt idx="3625">
                  <c:v>45194</c:v>
                </c:pt>
                <c:pt idx="3626">
                  <c:v>45195</c:v>
                </c:pt>
                <c:pt idx="3627">
                  <c:v>45196</c:v>
                </c:pt>
                <c:pt idx="3628">
                  <c:v>45197</c:v>
                </c:pt>
                <c:pt idx="3629">
                  <c:v>45198</c:v>
                </c:pt>
                <c:pt idx="3630">
                  <c:v>45199</c:v>
                </c:pt>
              </c:numCache>
            </c:numRef>
          </c:cat>
          <c:val>
            <c:numRef>
              <c:f>'[Q3.2023 Market Outlook.xlsx]HY Spread'!$D$3440:$D$7070</c:f>
              <c:numCache>
                <c:formatCode>General</c:formatCode>
                <c:ptCount val="3631"/>
                <c:pt idx="0">
                  <c:v>0</c:v>
                </c:pt>
                <c:pt idx="1">
                  <c:v>0</c:v>
                </c:pt>
                <c:pt idx="2">
                  <c:v>0</c:v>
                </c:pt>
                <c:pt idx="3">
                  <c:v>0</c:v>
                </c:pt>
                <c:pt idx="4">
                  <c:v>0</c:v>
                </c:pt>
                <c:pt idx="5">
                  <c:v>0</c:v>
                </c:pt>
                <c:pt idx="6">
                  <c:v>0</c:v>
                </c:pt>
                <c:pt idx="7">
                  <c:v>0</c:v>
                </c:pt>
                <c:pt idx="8">
                  <c:v>0</c:v>
                </c:pt>
                <c:pt idx="9">
                  <c:v>0</c:v>
                </c:pt>
                <c:pt idx="10">
                  <c:v>0</c:v>
                </c:pt>
                <c:pt idx="11">
                  <c:v>0</c:v>
                </c:pt>
                <c:pt idx="12">
                  <c:v>0</c:v>
                </c:pt>
                <c:pt idx="13">
                  <c:v>0</c:v>
                </c:pt>
                <c:pt idx="14">
                  <c:v>0</c:v>
                </c:pt>
                <c:pt idx="15">
                  <c:v>0</c:v>
                </c:pt>
                <c:pt idx="16">
                  <c:v>0</c:v>
                </c:pt>
                <c:pt idx="17">
                  <c:v>0</c:v>
                </c:pt>
                <c:pt idx="18">
                  <c:v>0</c:v>
                </c:pt>
                <c:pt idx="19">
                  <c:v>0</c:v>
                </c:pt>
                <c:pt idx="20">
                  <c:v>0</c:v>
                </c:pt>
                <c:pt idx="21">
                  <c:v>0</c:v>
                </c:pt>
                <c:pt idx="22">
                  <c:v>0</c:v>
                </c:pt>
                <c:pt idx="23">
                  <c:v>0</c:v>
                </c:pt>
                <c:pt idx="24">
                  <c:v>0</c:v>
                </c:pt>
                <c:pt idx="25">
                  <c:v>0</c:v>
                </c:pt>
                <c:pt idx="26">
                  <c:v>0</c:v>
                </c:pt>
                <c:pt idx="27">
                  <c:v>0</c:v>
                </c:pt>
                <c:pt idx="28">
                  <c:v>0</c:v>
                </c:pt>
                <c:pt idx="29">
                  <c:v>0</c:v>
                </c:pt>
                <c:pt idx="30">
                  <c:v>0</c:v>
                </c:pt>
                <c:pt idx="31">
                  <c:v>0</c:v>
                </c:pt>
                <c:pt idx="32">
                  <c:v>0</c:v>
                </c:pt>
                <c:pt idx="33">
                  <c:v>0</c:v>
                </c:pt>
                <c:pt idx="34">
                  <c:v>0</c:v>
                </c:pt>
                <c:pt idx="35">
                  <c:v>0</c:v>
                </c:pt>
                <c:pt idx="36">
                  <c:v>0</c:v>
                </c:pt>
                <c:pt idx="37">
                  <c:v>0</c:v>
                </c:pt>
                <c:pt idx="38">
                  <c:v>0</c:v>
                </c:pt>
                <c:pt idx="39">
                  <c:v>0</c:v>
                </c:pt>
                <c:pt idx="40">
                  <c:v>0</c:v>
                </c:pt>
                <c:pt idx="41">
                  <c:v>0</c:v>
                </c:pt>
                <c:pt idx="42">
                  <c:v>0</c:v>
                </c:pt>
                <c:pt idx="43">
                  <c:v>0</c:v>
                </c:pt>
                <c:pt idx="44">
                  <c:v>0</c:v>
                </c:pt>
                <c:pt idx="45">
                  <c:v>0</c:v>
                </c:pt>
                <c:pt idx="46">
                  <c:v>0</c:v>
                </c:pt>
                <c:pt idx="47">
                  <c:v>0</c:v>
                </c:pt>
                <c:pt idx="48">
                  <c:v>0</c:v>
                </c:pt>
                <c:pt idx="49">
                  <c:v>0</c:v>
                </c:pt>
                <c:pt idx="50">
                  <c:v>0</c:v>
                </c:pt>
                <c:pt idx="51">
                  <c:v>0</c:v>
                </c:pt>
                <c:pt idx="52">
                  <c:v>0</c:v>
                </c:pt>
                <c:pt idx="53">
                  <c:v>0</c:v>
                </c:pt>
                <c:pt idx="54">
                  <c:v>0</c:v>
                </c:pt>
                <c:pt idx="55">
                  <c:v>0</c:v>
                </c:pt>
                <c:pt idx="56">
                  <c:v>0</c:v>
                </c:pt>
                <c:pt idx="57">
                  <c:v>0</c:v>
                </c:pt>
                <c:pt idx="58">
                  <c:v>0</c:v>
                </c:pt>
                <c:pt idx="59">
                  <c:v>0</c:v>
                </c:pt>
                <c:pt idx="60">
                  <c:v>0</c:v>
                </c:pt>
                <c:pt idx="61">
                  <c:v>0</c:v>
                </c:pt>
                <c:pt idx="62">
                  <c:v>0</c:v>
                </c:pt>
                <c:pt idx="63">
                  <c:v>0</c:v>
                </c:pt>
                <c:pt idx="64">
                  <c:v>0</c:v>
                </c:pt>
                <c:pt idx="65">
                  <c:v>0</c:v>
                </c:pt>
                <c:pt idx="66">
                  <c:v>0</c:v>
                </c:pt>
                <c:pt idx="67">
                  <c:v>0</c:v>
                </c:pt>
                <c:pt idx="68">
                  <c:v>0</c:v>
                </c:pt>
                <c:pt idx="69">
                  <c:v>0</c:v>
                </c:pt>
                <c:pt idx="70">
                  <c:v>0</c:v>
                </c:pt>
                <c:pt idx="71">
                  <c:v>0</c:v>
                </c:pt>
                <c:pt idx="72">
                  <c:v>0</c:v>
                </c:pt>
                <c:pt idx="73">
                  <c:v>0</c:v>
                </c:pt>
                <c:pt idx="74">
                  <c:v>0</c:v>
                </c:pt>
                <c:pt idx="75">
                  <c:v>0</c:v>
                </c:pt>
                <c:pt idx="76">
                  <c:v>0</c:v>
                </c:pt>
                <c:pt idx="77">
                  <c:v>0</c:v>
                </c:pt>
                <c:pt idx="78">
                  <c:v>0</c:v>
                </c:pt>
                <c:pt idx="79">
                  <c:v>0</c:v>
                </c:pt>
                <c:pt idx="80">
                  <c:v>0</c:v>
                </c:pt>
                <c:pt idx="81">
                  <c:v>0</c:v>
                </c:pt>
                <c:pt idx="82">
                  <c:v>0</c:v>
                </c:pt>
                <c:pt idx="83">
                  <c:v>0</c:v>
                </c:pt>
                <c:pt idx="84">
                  <c:v>0</c:v>
                </c:pt>
                <c:pt idx="85">
                  <c:v>0</c:v>
                </c:pt>
                <c:pt idx="86">
                  <c:v>0</c:v>
                </c:pt>
                <c:pt idx="87">
                  <c:v>0</c:v>
                </c:pt>
                <c:pt idx="88">
                  <c:v>0</c:v>
                </c:pt>
                <c:pt idx="89">
                  <c:v>0</c:v>
                </c:pt>
                <c:pt idx="90">
                  <c:v>0</c:v>
                </c:pt>
                <c:pt idx="91">
                  <c:v>0</c:v>
                </c:pt>
                <c:pt idx="92">
                  <c:v>0</c:v>
                </c:pt>
                <c:pt idx="93">
                  <c:v>0</c:v>
                </c:pt>
                <c:pt idx="94">
                  <c:v>0</c:v>
                </c:pt>
                <c:pt idx="95">
                  <c:v>0</c:v>
                </c:pt>
                <c:pt idx="96">
                  <c:v>0</c:v>
                </c:pt>
                <c:pt idx="97">
                  <c:v>0</c:v>
                </c:pt>
                <c:pt idx="98">
                  <c:v>0</c:v>
                </c:pt>
                <c:pt idx="99">
                  <c:v>0</c:v>
                </c:pt>
                <c:pt idx="100">
                  <c:v>0</c:v>
                </c:pt>
                <c:pt idx="101">
                  <c:v>0</c:v>
                </c:pt>
                <c:pt idx="102">
                  <c:v>0</c:v>
                </c:pt>
                <c:pt idx="103">
                  <c:v>0</c:v>
                </c:pt>
                <c:pt idx="104">
                  <c:v>0</c:v>
                </c:pt>
                <c:pt idx="105">
                  <c:v>0</c:v>
                </c:pt>
                <c:pt idx="106">
                  <c:v>0</c:v>
                </c:pt>
                <c:pt idx="107">
                  <c:v>0</c:v>
                </c:pt>
                <c:pt idx="108">
                  <c:v>0</c:v>
                </c:pt>
                <c:pt idx="109">
                  <c:v>0</c:v>
                </c:pt>
                <c:pt idx="110">
                  <c:v>0</c:v>
                </c:pt>
                <c:pt idx="111">
                  <c:v>0</c:v>
                </c:pt>
                <c:pt idx="112">
                  <c:v>0</c:v>
                </c:pt>
                <c:pt idx="113">
                  <c:v>0</c:v>
                </c:pt>
                <c:pt idx="114">
                  <c:v>0</c:v>
                </c:pt>
                <c:pt idx="115">
                  <c:v>0</c:v>
                </c:pt>
                <c:pt idx="116">
                  <c:v>0</c:v>
                </c:pt>
                <c:pt idx="117">
                  <c:v>0</c:v>
                </c:pt>
                <c:pt idx="118">
                  <c:v>0</c:v>
                </c:pt>
                <c:pt idx="119">
                  <c:v>0</c:v>
                </c:pt>
                <c:pt idx="120">
                  <c:v>0</c:v>
                </c:pt>
                <c:pt idx="121">
                  <c:v>0</c:v>
                </c:pt>
                <c:pt idx="122">
                  <c:v>0</c:v>
                </c:pt>
                <c:pt idx="123">
                  <c:v>0</c:v>
                </c:pt>
                <c:pt idx="124">
                  <c:v>0</c:v>
                </c:pt>
                <c:pt idx="125">
                  <c:v>0</c:v>
                </c:pt>
                <c:pt idx="126">
                  <c:v>0</c:v>
                </c:pt>
                <c:pt idx="127">
                  <c:v>0</c:v>
                </c:pt>
                <c:pt idx="128">
                  <c:v>0</c:v>
                </c:pt>
                <c:pt idx="129">
                  <c:v>0</c:v>
                </c:pt>
                <c:pt idx="130">
                  <c:v>0</c:v>
                </c:pt>
                <c:pt idx="131">
                  <c:v>0</c:v>
                </c:pt>
                <c:pt idx="132">
                  <c:v>0</c:v>
                </c:pt>
                <c:pt idx="133">
                  <c:v>0</c:v>
                </c:pt>
                <c:pt idx="134">
                  <c:v>0</c:v>
                </c:pt>
                <c:pt idx="135">
                  <c:v>0</c:v>
                </c:pt>
                <c:pt idx="136">
                  <c:v>0</c:v>
                </c:pt>
                <c:pt idx="137">
                  <c:v>0</c:v>
                </c:pt>
                <c:pt idx="138">
                  <c:v>0</c:v>
                </c:pt>
                <c:pt idx="139">
                  <c:v>0</c:v>
                </c:pt>
                <c:pt idx="140">
                  <c:v>0</c:v>
                </c:pt>
                <c:pt idx="141">
                  <c:v>0</c:v>
                </c:pt>
                <c:pt idx="142">
                  <c:v>0</c:v>
                </c:pt>
                <c:pt idx="143">
                  <c:v>0</c:v>
                </c:pt>
                <c:pt idx="144">
                  <c:v>0</c:v>
                </c:pt>
                <c:pt idx="145">
                  <c:v>0</c:v>
                </c:pt>
                <c:pt idx="146">
                  <c:v>0</c:v>
                </c:pt>
                <c:pt idx="147">
                  <c:v>0</c:v>
                </c:pt>
                <c:pt idx="148">
                  <c:v>0</c:v>
                </c:pt>
                <c:pt idx="149">
                  <c:v>0</c:v>
                </c:pt>
                <c:pt idx="150">
                  <c:v>0</c:v>
                </c:pt>
                <c:pt idx="151">
                  <c:v>0</c:v>
                </c:pt>
                <c:pt idx="152">
                  <c:v>0</c:v>
                </c:pt>
                <c:pt idx="153">
                  <c:v>0</c:v>
                </c:pt>
                <c:pt idx="154">
                  <c:v>0</c:v>
                </c:pt>
                <c:pt idx="155">
                  <c:v>0</c:v>
                </c:pt>
                <c:pt idx="156">
                  <c:v>0</c:v>
                </c:pt>
                <c:pt idx="157">
                  <c:v>0</c:v>
                </c:pt>
                <c:pt idx="158">
                  <c:v>0</c:v>
                </c:pt>
                <c:pt idx="159">
                  <c:v>0</c:v>
                </c:pt>
                <c:pt idx="160">
                  <c:v>0</c:v>
                </c:pt>
                <c:pt idx="161">
                  <c:v>0</c:v>
                </c:pt>
                <c:pt idx="162">
                  <c:v>0</c:v>
                </c:pt>
                <c:pt idx="163">
                  <c:v>0</c:v>
                </c:pt>
                <c:pt idx="164">
                  <c:v>0</c:v>
                </c:pt>
                <c:pt idx="165">
                  <c:v>0</c:v>
                </c:pt>
                <c:pt idx="166">
                  <c:v>0</c:v>
                </c:pt>
                <c:pt idx="167">
                  <c:v>0</c:v>
                </c:pt>
                <c:pt idx="168">
                  <c:v>0</c:v>
                </c:pt>
                <c:pt idx="169">
                  <c:v>0</c:v>
                </c:pt>
                <c:pt idx="170">
                  <c:v>0</c:v>
                </c:pt>
                <c:pt idx="171">
                  <c:v>0</c:v>
                </c:pt>
                <c:pt idx="172">
                  <c:v>0</c:v>
                </c:pt>
                <c:pt idx="173">
                  <c:v>0</c:v>
                </c:pt>
                <c:pt idx="174">
                  <c:v>0</c:v>
                </c:pt>
                <c:pt idx="175">
                  <c:v>0</c:v>
                </c:pt>
                <c:pt idx="176">
                  <c:v>0</c:v>
                </c:pt>
                <c:pt idx="177">
                  <c:v>0</c:v>
                </c:pt>
                <c:pt idx="178">
                  <c:v>0</c:v>
                </c:pt>
                <c:pt idx="179">
                  <c:v>0</c:v>
                </c:pt>
                <c:pt idx="180">
                  <c:v>0</c:v>
                </c:pt>
                <c:pt idx="181">
                  <c:v>0</c:v>
                </c:pt>
                <c:pt idx="182">
                  <c:v>0</c:v>
                </c:pt>
                <c:pt idx="183">
                  <c:v>0</c:v>
                </c:pt>
                <c:pt idx="184">
                  <c:v>0</c:v>
                </c:pt>
                <c:pt idx="185">
                  <c:v>0</c:v>
                </c:pt>
                <c:pt idx="186">
                  <c:v>0</c:v>
                </c:pt>
                <c:pt idx="187">
                  <c:v>0</c:v>
                </c:pt>
                <c:pt idx="188">
                  <c:v>0</c:v>
                </c:pt>
                <c:pt idx="189">
                  <c:v>0</c:v>
                </c:pt>
                <c:pt idx="190">
                  <c:v>0</c:v>
                </c:pt>
                <c:pt idx="191">
                  <c:v>0</c:v>
                </c:pt>
                <c:pt idx="192">
                  <c:v>0</c:v>
                </c:pt>
                <c:pt idx="193">
                  <c:v>0</c:v>
                </c:pt>
                <c:pt idx="194">
                  <c:v>0</c:v>
                </c:pt>
                <c:pt idx="195">
                  <c:v>0</c:v>
                </c:pt>
                <c:pt idx="196">
                  <c:v>0</c:v>
                </c:pt>
                <c:pt idx="197">
                  <c:v>0</c:v>
                </c:pt>
                <c:pt idx="198">
                  <c:v>0</c:v>
                </c:pt>
                <c:pt idx="199">
                  <c:v>0</c:v>
                </c:pt>
                <c:pt idx="200">
                  <c:v>0</c:v>
                </c:pt>
                <c:pt idx="201">
                  <c:v>0</c:v>
                </c:pt>
                <c:pt idx="202">
                  <c:v>0</c:v>
                </c:pt>
                <c:pt idx="203">
                  <c:v>0</c:v>
                </c:pt>
                <c:pt idx="204">
                  <c:v>0</c:v>
                </c:pt>
                <c:pt idx="205">
                  <c:v>0</c:v>
                </c:pt>
                <c:pt idx="206">
                  <c:v>0</c:v>
                </c:pt>
                <c:pt idx="207">
                  <c:v>0</c:v>
                </c:pt>
                <c:pt idx="208">
                  <c:v>0</c:v>
                </c:pt>
                <c:pt idx="209">
                  <c:v>0</c:v>
                </c:pt>
                <c:pt idx="210">
                  <c:v>0</c:v>
                </c:pt>
                <c:pt idx="211">
                  <c:v>0</c:v>
                </c:pt>
                <c:pt idx="212">
                  <c:v>0</c:v>
                </c:pt>
                <c:pt idx="213">
                  <c:v>0</c:v>
                </c:pt>
                <c:pt idx="214">
                  <c:v>0</c:v>
                </c:pt>
                <c:pt idx="215">
                  <c:v>0</c:v>
                </c:pt>
                <c:pt idx="216">
                  <c:v>0</c:v>
                </c:pt>
                <c:pt idx="217">
                  <c:v>0</c:v>
                </c:pt>
                <c:pt idx="218">
                  <c:v>0</c:v>
                </c:pt>
                <c:pt idx="219">
                  <c:v>0</c:v>
                </c:pt>
                <c:pt idx="220">
                  <c:v>0</c:v>
                </c:pt>
                <c:pt idx="221">
                  <c:v>0</c:v>
                </c:pt>
                <c:pt idx="222">
                  <c:v>0</c:v>
                </c:pt>
                <c:pt idx="223">
                  <c:v>0</c:v>
                </c:pt>
                <c:pt idx="224">
                  <c:v>0</c:v>
                </c:pt>
                <c:pt idx="225">
                  <c:v>0</c:v>
                </c:pt>
                <c:pt idx="226">
                  <c:v>0</c:v>
                </c:pt>
                <c:pt idx="227">
                  <c:v>0</c:v>
                </c:pt>
                <c:pt idx="228">
                  <c:v>0</c:v>
                </c:pt>
                <c:pt idx="229">
                  <c:v>0</c:v>
                </c:pt>
                <c:pt idx="230">
                  <c:v>0</c:v>
                </c:pt>
                <c:pt idx="231">
                  <c:v>0</c:v>
                </c:pt>
                <c:pt idx="232">
                  <c:v>0</c:v>
                </c:pt>
                <c:pt idx="233">
                  <c:v>0</c:v>
                </c:pt>
                <c:pt idx="234">
                  <c:v>0</c:v>
                </c:pt>
                <c:pt idx="235">
                  <c:v>0</c:v>
                </c:pt>
                <c:pt idx="236">
                  <c:v>0</c:v>
                </c:pt>
                <c:pt idx="237">
                  <c:v>0</c:v>
                </c:pt>
                <c:pt idx="238">
                  <c:v>0</c:v>
                </c:pt>
                <c:pt idx="239">
                  <c:v>0</c:v>
                </c:pt>
                <c:pt idx="240">
                  <c:v>0</c:v>
                </c:pt>
                <c:pt idx="241">
                  <c:v>0</c:v>
                </c:pt>
                <c:pt idx="242">
                  <c:v>0</c:v>
                </c:pt>
                <c:pt idx="243">
                  <c:v>0</c:v>
                </c:pt>
                <c:pt idx="244">
                  <c:v>0</c:v>
                </c:pt>
                <c:pt idx="245">
                  <c:v>0</c:v>
                </c:pt>
                <c:pt idx="246">
                  <c:v>0</c:v>
                </c:pt>
                <c:pt idx="247">
                  <c:v>0</c:v>
                </c:pt>
                <c:pt idx="248">
                  <c:v>0</c:v>
                </c:pt>
                <c:pt idx="249">
                  <c:v>0</c:v>
                </c:pt>
                <c:pt idx="250">
                  <c:v>0</c:v>
                </c:pt>
                <c:pt idx="251">
                  <c:v>0</c:v>
                </c:pt>
                <c:pt idx="252">
                  <c:v>0</c:v>
                </c:pt>
                <c:pt idx="253">
                  <c:v>0</c:v>
                </c:pt>
                <c:pt idx="254">
                  <c:v>0</c:v>
                </c:pt>
                <c:pt idx="255">
                  <c:v>0</c:v>
                </c:pt>
                <c:pt idx="256">
                  <c:v>0</c:v>
                </c:pt>
                <c:pt idx="257">
                  <c:v>0</c:v>
                </c:pt>
                <c:pt idx="258">
                  <c:v>0</c:v>
                </c:pt>
                <c:pt idx="259">
                  <c:v>0</c:v>
                </c:pt>
                <c:pt idx="260">
                  <c:v>0</c:v>
                </c:pt>
                <c:pt idx="261">
                  <c:v>0</c:v>
                </c:pt>
                <c:pt idx="262">
                  <c:v>0</c:v>
                </c:pt>
                <c:pt idx="263">
                  <c:v>0</c:v>
                </c:pt>
                <c:pt idx="264">
                  <c:v>0</c:v>
                </c:pt>
                <c:pt idx="265">
                  <c:v>0</c:v>
                </c:pt>
                <c:pt idx="266">
                  <c:v>0</c:v>
                </c:pt>
                <c:pt idx="267">
                  <c:v>0</c:v>
                </c:pt>
                <c:pt idx="268">
                  <c:v>0</c:v>
                </c:pt>
                <c:pt idx="269">
                  <c:v>0</c:v>
                </c:pt>
                <c:pt idx="270">
                  <c:v>0</c:v>
                </c:pt>
                <c:pt idx="271">
                  <c:v>0</c:v>
                </c:pt>
                <c:pt idx="272">
                  <c:v>0</c:v>
                </c:pt>
                <c:pt idx="273">
                  <c:v>0</c:v>
                </c:pt>
                <c:pt idx="274">
                  <c:v>0</c:v>
                </c:pt>
                <c:pt idx="275">
                  <c:v>0</c:v>
                </c:pt>
                <c:pt idx="276">
                  <c:v>0</c:v>
                </c:pt>
                <c:pt idx="277">
                  <c:v>0</c:v>
                </c:pt>
                <c:pt idx="278">
                  <c:v>0</c:v>
                </c:pt>
                <c:pt idx="279">
                  <c:v>0</c:v>
                </c:pt>
                <c:pt idx="280">
                  <c:v>0</c:v>
                </c:pt>
                <c:pt idx="281">
                  <c:v>0</c:v>
                </c:pt>
                <c:pt idx="282">
                  <c:v>0</c:v>
                </c:pt>
                <c:pt idx="283">
                  <c:v>0</c:v>
                </c:pt>
                <c:pt idx="284">
                  <c:v>0</c:v>
                </c:pt>
                <c:pt idx="285">
                  <c:v>0</c:v>
                </c:pt>
                <c:pt idx="286">
                  <c:v>0</c:v>
                </c:pt>
                <c:pt idx="287">
                  <c:v>0</c:v>
                </c:pt>
                <c:pt idx="288">
                  <c:v>0</c:v>
                </c:pt>
                <c:pt idx="289">
                  <c:v>0</c:v>
                </c:pt>
                <c:pt idx="290">
                  <c:v>0</c:v>
                </c:pt>
                <c:pt idx="291">
                  <c:v>0</c:v>
                </c:pt>
                <c:pt idx="292">
                  <c:v>0</c:v>
                </c:pt>
                <c:pt idx="293">
                  <c:v>0</c:v>
                </c:pt>
                <c:pt idx="294">
                  <c:v>0</c:v>
                </c:pt>
                <c:pt idx="295">
                  <c:v>0</c:v>
                </c:pt>
                <c:pt idx="296">
                  <c:v>0</c:v>
                </c:pt>
                <c:pt idx="297">
                  <c:v>0</c:v>
                </c:pt>
                <c:pt idx="298">
                  <c:v>0</c:v>
                </c:pt>
                <c:pt idx="299">
                  <c:v>0</c:v>
                </c:pt>
                <c:pt idx="300">
                  <c:v>0</c:v>
                </c:pt>
                <c:pt idx="301">
                  <c:v>0</c:v>
                </c:pt>
                <c:pt idx="302">
                  <c:v>0</c:v>
                </c:pt>
                <c:pt idx="303">
                  <c:v>0</c:v>
                </c:pt>
                <c:pt idx="304">
                  <c:v>0</c:v>
                </c:pt>
                <c:pt idx="305">
                  <c:v>0</c:v>
                </c:pt>
                <c:pt idx="306">
                  <c:v>0</c:v>
                </c:pt>
                <c:pt idx="307">
                  <c:v>0</c:v>
                </c:pt>
                <c:pt idx="308">
                  <c:v>0</c:v>
                </c:pt>
                <c:pt idx="309">
                  <c:v>0</c:v>
                </c:pt>
                <c:pt idx="310">
                  <c:v>0</c:v>
                </c:pt>
                <c:pt idx="311">
                  <c:v>0</c:v>
                </c:pt>
                <c:pt idx="312">
                  <c:v>0</c:v>
                </c:pt>
                <c:pt idx="313">
                  <c:v>0</c:v>
                </c:pt>
                <c:pt idx="314">
                  <c:v>0</c:v>
                </c:pt>
                <c:pt idx="315">
                  <c:v>0</c:v>
                </c:pt>
                <c:pt idx="316">
                  <c:v>0</c:v>
                </c:pt>
                <c:pt idx="317">
                  <c:v>0</c:v>
                </c:pt>
                <c:pt idx="318">
                  <c:v>0</c:v>
                </c:pt>
                <c:pt idx="319">
                  <c:v>0</c:v>
                </c:pt>
                <c:pt idx="320">
                  <c:v>0</c:v>
                </c:pt>
                <c:pt idx="321">
                  <c:v>0</c:v>
                </c:pt>
                <c:pt idx="322">
                  <c:v>0</c:v>
                </c:pt>
                <c:pt idx="323">
                  <c:v>0</c:v>
                </c:pt>
                <c:pt idx="324">
                  <c:v>0</c:v>
                </c:pt>
                <c:pt idx="325">
                  <c:v>0</c:v>
                </c:pt>
                <c:pt idx="326">
                  <c:v>0</c:v>
                </c:pt>
                <c:pt idx="327">
                  <c:v>0</c:v>
                </c:pt>
                <c:pt idx="328">
                  <c:v>0</c:v>
                </c:pt>
                <c:pt idx="329">
                  <c:v>0</c:v>
                </c:pt>
                <c:pt idx="330">
                  <c:v>0</c:v>
                </c:pt>
                <c:pt idx="331">
                  <c:v>0</c:v>
                </c:pt>
                <c:pt idx="332">
                  <c:v>0</c:v>
                </c:pt>
                <c:pt idx="333">
                  <c:v>0</c:v>
                </c:pt>
                <c:pt idx="334">
                  <c:v>0</c:v>
                </c:pt>
                <c:pt idx="335">
                  <c:v>0</c:v>
                </c:pt>
                <c:pt idx="336">
                  <c:v>0</c:v>
                </c:pt>
                <c:pt idx="337">
                  <c:v>0</c:v>
                </c:pt>
                <c:pt idx="338">
                  <c:v>0</c:v>
                </c:pt>
                <c:pt idx="339">
                  <c:v>0</c:v>
                </c:pt>
                <c:pt idx="340">
                  <c:v>0</c:v>
                </c:pt>
                <c:pt idx="341">
                  <c:v>0</c:v>
                </c:pt>
                <c:pt idx="342">
                  <c:v>0</c:v>
                </c:pt>
                <c:pt idx="343">
                  <c:v>0</c:v>
                </c:pt>
                <c:pt idx="344">
                  <c:v>0</c:v>
                </c:pt>
                <c:pt idx="345">
                  <c:v>0</c:v>
                </c:pt>
                <c:pt idx="346">
                  <c:v>0</c:v>
                </c:pt>
                <c:pt idx="347">
                  <c:v>0</c:v>
                </c:pt>
                <c:pt idx="348">
                  <c:v>0</c:v>
                </c:pt>
                <c:pt idx="349">
                  <c:v>0</c:v>
                </c:pt>
                <c:pt idx="350">
                  <c:v>0</c:v>
                </c:pt>
                <c:pt idx="351">
                  <c:v>0</c:v>
                </c:pt>
                <c:pt idx="352">
                  <c:v>0</c:v>
                </c:pt>
                <c:pt idx="353">
                  <c:v>0</c:v>
                </c:pt>
                <c:pt idx="354">
                  <c:v>0</c:v>
                </c:pt>
                <c:pt idx="355">
                  <c:v>0</c:v>
                </c:pt>
                <c:pt idx="356">
                  <c:v>0</c:v>
                </c:pt>
                <c:pt idx="357">
                  <c:v>0</c:v>
                </c:pt>
                <c:pt idx="358">
                  <c:v>0</c:v>
                </c:pt>
                <c:pt idx="359">
                  <c:v>0</c:v>
                </c:pt>
                <c:pt idx="360">
                  <c:v>0</c:v>
                </c:pt>
                <c:pt idx="361">
                  <c:v>0</c:v>
                </c:pt>
                <c:pt idx="362">
                  <c:v>0</c:v>
                </c:pt>
                <c:pt idx="363">
                  <c:v>0</c:v>
                </c:pt>
                <c:pt idx="364">
                  <c:v>0</c:v>
                </c:pt>
                <c:pt idx="365">
                  <c:v>0</c:v>
                </c:pt>
                <c:pt idx="366">
                  <c:v>0</c:v>
                </c:pt>
                <c:pt idx="367">
                  <c:v>0</c:v>
                </c:pt>
                <c:pt idx="368">
                  <c:v>0</c:v>
                </c:pt>
                <c:pt idx="369">
                  <c:v>0</c:v>
                </c:pt>
                <c:pt idx="370">
                  <c:v>0</c:v>
                </c:pt>
                <c:pt idx="371">
                  <c:v>0</c:v>
                </c:pt>
                <c:pt idx="372">
                  <c:v>0</c:v>
                </c:pt>
                <c:pt idx="373">
                  <c:v>0</c:v>
                </c:pt>
                <c:pt idx="374">
                  <c:v>0</c:v>
                </c:pt>
                <c:pt idx="375">
                  <c:v>0</c:v>
                </c:pt>
                <c:pt idx="376">
                  <c:v>0</c:v>
                </c:pt>
                <c:pt idx="377">
                  <c:v>0</c:v>
                </c:pt>
                <c:pt idx="378">
                  <c:v>0</c:v>
                </c:pt>
                <c:pt idx="379">
                  <c:v>0</c:v>
                </c:pt>
                <c:pt idx="380">
                  <c:v>0</c:v>
                </c:pt>
                <c:pt idx="381">
                  <c:v>0</c:v>
                </c:pt>
                <c:pt idx="382">
                  <c:v>0</c:v>
                </c:pt>
                <c:pt idx="383">
                  <c:v>0</c:v>
                </c:pt>
                <c:pt idx="384">
                  <c:v>0</c:v>
                </c:pt>
                <c:pt idx="385">
                  <c:v>0</c:v>
                </c:pt>
                <c:pt idx="386">
                  <c:v>0</c:v>
                </c:pt>
                <c:pt idx="387">
                  <c:v>0</c:v>
                </c:pt>
                <c:pt idx="388">
                  <c:v>0</c:v>
                </c:pt>
                <c:pt idx="389">
                  <c:v>0</c:v>
                </c:pt>
                <c:pt idx="390">
                  <c:v>0</c:v>
                </c:pt>
                <c:pt idx="391">
                  <c:v>0</c:v>
                </c:pt>
                <c:pt idx="392">
                  <c:v>0</c:v>
                </c:pt>
                <c:pt idx="393">
                  <c:v>0</c:v>
                </c:pt>
                <c:pt idx="394">
                  <c:v>0</c:v>
                </c:pt>
                <c:pt idx="395">
                  <c:v>0</c:v>
                </c:pt>
                <c:pt idx="396">
                  <c:v>0</c:v>
                </c:pt>
                <c:pt idx="397">
                  <c:v>0</c:v>
                </c:pt>
                <c:pt idx="398">
                  <c:v>0</c:v>
                </c:pt>
                <c:pt idx="399">
                  <c:v>0</c:v>
                </c:pt>
                <c:pt idx="400">
                  <c:v>0</c:v>
                </c:pt>
                <c:pt idx="401">
                  <c:v>0</c:v>
                </c:pt>
                <c:pt idx="402">
                  <c:v>0</c:v>
                </c:pt>
                <c:pt idx="403">
                  <c:v>0</c:v>
                </c:pt>
                <c:pt idx="404">
                  <c:v>0</c:v>
                </c:pt>
                <c:pt idx="405">
                  <c:v>0</c:v>
                </c:pt>
                <c:pt idx="406">
                  <c:v>0</c:v>
                </c:pt>
                <c:pt idx="407">
                  <c:v>0</c:v>
                </c:pt>
                <c:pt idx="408">
                  <c:v>0</c:v>
                </c:pt>
                <c:pt idx="409">
                  <c:v>0</c:v>
                </c:pt>
                <c:pt idx="410">
                  <c:v>0</c:v>
                </c:pt>
                <c:pt idx="411">
                  <c:v>0</c:v>
                </c:pt>
                <c:pt idx="412">
                  <c:v>0</c:v>
                </c:pt>
                <c:pt idx="413">
                  <c:v>0</c:v>
                </c:pt>
                <c:pt idx="414">
                  <c:v>0</c:v>
                </c:pt>
                <c:pt idx="415">
                  <c:v>0</c:v>
                </c:pt>
                <c:pt idx="416">
                  <c:v>0</c:v>
                </c:pt>
                <c:pt idx="417">
                  <c:v>0</c:v>
                </c:pt>
                <c:pt idx="418">
                  <c:v>0</c:v>
                </c:pt>
                <c:pt idx="419">
                  <c:v>0</c:v>
                </c:pt>
                <c:pt idx="420">
                  <c:v>0</c:v>
                </c:pt>
                <c:pt idx="421">
                  <c:v>0</c:v>
                </c:pt>
                <c:pt idx="422">
                  <c:v>0</c:v>
                </c:pt>
                <c:pt idx="423">
                  <c:v>0</c:v>
                </c:pt>
                <c:pt idx="424">
                  <c:v>0</c:v>
                </c:pt>
                <c:pt idx="425">
                  <c:v>0</c:v>
                </c:pt>
                <c:pt idx="426">
                  <c:v>0</c:v>
                </c:pt>
                <c:pt idx="427">
                  <c:v>0</c:v>
                </c:pt>
                <c:pt idx="428">
                  <c:v>0</c:v>
                </c:pt>
                <c:pt idx="429">
                  <c:v>0</c:v>
                </c:pt>
                <c:pt idx="430">
                  <c:v>0</c:v>
                </c:pt>
                <c:pt idx="431">
                  <c:v>0</c:v>
                </c:pt>
                <c:pt idx="432">
                  <c:v>0</c:v>
                </c:pt>
                <c:pt idx="433">
                  <c:v>0</c:v>
                </c:pt>
                <c:pt idx="434">
                  <c:v>0</c:v>
                </c:pt>
                <c:pt idx="435">
                  <c:v>0</c:v>
                </c:pt>
                <c:pt idx="436">
                  <c:v>0</c:v>
                </c:pt>
                <c:pt idx="437">
                  <c:v>0</c:v>
                </c:pt>
                <c:pt idx="438">
                  <c:v>0</c:v>
                </c:pt>
                <c:pt idx="439">
                  <c:v>0</c:v>
                </c:pt>
                <c:pt idx="440">
                  <c:v>0</c:v>
                </c:pt>
                <c:pt idx="441">
                  <c:v>0</c:v>
                </c:pt>
                <c:pt idx="442">
                  <c:v>0</c:v>
                </c:pt>
                <c:pt idx="443">
                  <c:v>0</c:v>
                </c:pt>
                <c:pt idx="444">
                  <c:v>0</c:v>
                </c:pt>
                <c:pt idx="445">
                  <c:v>0</c:v>
                </c:pt>
                <c:pt idx="446">
                  <c:v>0</c:v>
                </c:pt>
                <c:pt idx="447">
                  <c:v>0</c:v>
                </c:pt>
                <c:pt idx="448">
                  <c:v>0</c:v>
                </c:pt>
                <c:pt idx="449">
                  <c:v>0</c:v>
                </c:pt>
                <c:pt idx="450">
                  <c:v>0</c:v>
                </c:pt>
                <c:pt idx="451">
                  <c:v>0</c:v>
                </c:pt>
                <c:pt idx="452">
                  <c:v>0</c:v>
                </c:pt>
                <c:pt idx="453">
                  <c:v>0</c:v>
                </c:pt>
                <c:pt idx="454">
                  <c:v>0</c:v>
                </c:pt>
                <c:pt idx="455">
                  <c:v>0</c:v>
                </c:pt>
                <c:pt idx="456">
                  <c:v>0</c:v>
                </c:pt>
                <c:pt idx="457">
                  <c:v>0</c:v>
                </c:pt>
                <c:pt idx="458">
                  <c:v>0</c:v>
                </c:pt>
                <c:pt idx="459">
                  <c:v>0</c:v>
                </c:pt>
                <c:pt idx="460">
                  <c:v>0</c:v>
                </c:pt>
                <c:pt idx="461">
                  <c:v>0</c:v>
                </c:pt>
                <c:pt idx="462">
                  <c:v>0</c:v>
                </c:pt>
                <c:pt idx="463">
                  <c:v>0</c:v>
                </c:pt>
                <c:pt idx="464">
                  <c:v>0</c:v>
                </c:pt>
                <c:pt idx="465">
                  <c:v>0</c:v>
                </c:pt>
                <c:pt idx="466">
                  <c:v>0</c:v>
                </c:pt>
                <c:pt idx="467">
                  <c:v>0</c:v>
                </c:pt>
                <c:pt idx="468">
                  <c:v>0</c:v>
                </c:pt>
                <c:pt idx="469">
                  <c:v>0</c:v>
                </c:pt>
                <c:pt idx="470">
                  <c:v>0</c:v>
                </c:pt>
                <c:pt idx="471">
                  <c:v>0</c:v>
                </c:pt>
                <c:pt idx="472">
                  <c:v>0</c:v>
                </c:pt>
                <c:pt idx="473">
                  <c:v>0</c:v>
                </c:pt>
                <c:pt idx="474">
                  <c:v>0</c:v>
                </c:pt>
                <c:pt idx="475">
                  <c:v>0</c:v>
                </c:pt>
                <c:pt idx="476">
                  <c:v>0</c:v>
                </c:pt>
                <c:pt idx="477">
                  <c:v>0</c:v>
                </c:pt>
                <c:pt idx="478">
                  <c:v>0</c:v>
                </c:pt>
                <c:pt idx="479">
                  <c:v>0</c:v>
                </c:pt>
                <c:pt idx="480">
                  <c:v>0</c:v>
                </c:pt>
                <c:pt idx="481">
                  <c:v>0</c:v>
                </c:pt>
                <c:pt idx="482">
                  <c:v>0</c:v>
                </c:pt>
                <c:pt idx="483">
                  <c:v>0</c:v>
                </c:pt>
                <c:pt idx="484">
                  <c:v>0</c:v>
                </c:pt>
                <c:pt idx="485">
                  <c:v>0</c:v>
                </c:pt>
                <c:pt idx="486">
                  <c:v>0</c:v>
                </c:pt>
                <c:pt idx="487">
                  <c:v>0</c:v>
                </c:pt>
                <c:pt idx="488">
                  <c:v>0</c:v>
                </c:pt>
                <c:pt idx="489">
                  <c:v>0</c:v>
                </c:pt>
                <c:pt idx="490">
                  <c:v>0</c:v>
                </c:pt>
                <c:pt idx="491">
                  <c:v>0</c:v>
                </c:pt>
                <c:pt idx="492">
                  <c:v>0</c:v>
                </c:pt>
                <c:pt idx="493">
                  <c:v>0</c:v>
                </c:pt>
                <c:pt idx="494">
                  <c:v>0</c:v>
                </c:pt>
                <c:pt idx="495">
                  <c:v>0</c:v>
                </c:pt>
                <c:pt idx="496">
                  <c:v>0</c:v>
                </c:pt>
                <c:pt idx="497">
                  <c:v>0</c:v>
                </c:pt>
                <c:pt idx="498">
                  <c:v>0</c:v>
                </c:pt>
                <c:pt idx="499">
                  <c:v>0</c:v>
                </c:pt>
                <c:pt idx="500">
                  <c:v>0</c:v>
                </c:pt>
                <c:pt idx="501">
                  <c:v>0</c:v>
                </c:pt>
                <c:pt idx="502">
                  <c:v>0</c:v>
                </c:pt>
                <c:pt idx="503">
                  <c:v>0</c:v>
                </c:pt>
                <c:pt idx="504">
                  <c:v>0</c:v>
                </c:pt>
                <c:pt idx="505">
                  <c:v>0</c:v>
                </c:pt>
                <c:pt idx="506">
                  <c:v>0</c:v>
                </c:pt>
                <c:pt idx="507">
                  <c:v>0</c:v>
                </c:pt>
                <c:pt idx="508">
                  <c:v>0</c:v>
                </c:pt>
                <c:pt idx="509">
                  <c:v>0</c:v>
                </c:pt>
                <c:pt idx="510">
                  <c:v>0</c:v>
                </c:pt>
                <c:pt idx="511">
                  <c:v>0</c:v>
                </c:pt>
                <c:pt idx="512">
                  <c:v>0</c:v>
                </c:pt>
                <c:pt idx="513">
                  <c:v>0</c:v>
                </c:pt>
                <c:pt idx="514">
                  <c:v>0</c:v>
                </c:pt>
                <c:pt idx="515">
                  <c:v>0</c:v>
                </c:pt>
                <c:pt idx="516">
                  <c:v>0</c:v>
                </c:pt>
                <c:pt idx="517">
                  <c:v>0</c:v>
                </c:pt>
                <c:pt idx="518">
                  <c:v>0</c:v>
                </c:pt>
                <c:pt idx="519">
                  <c:v>0</c:v>
                </c:pt>
                <c:pt idx="520">
                  <c:v>0</c:v>
                </c:pt>
                <c:pt idx="521">
                  <c:v>0</c:v>
                </c:pt>
                <c:pt idx="522">
                  <c:v>0</c:v>
                </c:pt>
                <c:pt idx="523">
                  <c:v>0</c:v>
                </c:pt>
                <c:pt idx="524">
                  <c:v>0</c:v>
                </c:pt>
                <c:pt idx="525">
                  <c:v>0</c:v>
                </c:pt>
                <c:pt idx="526">
                  <c:v>0</c:v>
                </c:pt>
                <c:pt idx="527">
                  <c:v>0</c:v>
                </c:pt>
                <c:pt idx="528">
                  <c:v>0</c:v>
                </c:pt>
                <c:pt idx="529">
                  <c:v>0</c:v>
                </c:pt>
                <c:pt idx="530">
                  <c:v>0</c:v>
                </c:pt>
                <c:pt idx="531">
                  <c:v>0</c:v>
                </c:pt>
                <c:pt idx="532">
                  <c:v>0</c:v>
                </c:pt>
                <c:pt idx="533">
                  <c:v>0</c:v>
                </c:pt>
                <c:pt idx="534">
                  <c:v>0</c:v>
                </c:pt>
                <c:pt idx="535">
                  <c:v>0</c:v>
                </c:pt>
                <c:pt idx="536">
                  <c:v>0</c:v>
                </c:pt>
                <c:pt idx="537">
                  <c:v>0</c:v>
                </c:pt>
                <c:pt idx="538">
                  <c:v>0</c:v>
                </c:pt>
                <c:pt idx="539">
                  <c:v>0</c:v>
                </c:pt>
                <c:pt idx="540">
                  <c:v>0</c:v>
                </c:pt>
                <c:pt idx="541">
                  <c:v>0</c:v>
                </c:pt>
                <c:pt idx="542">
                  <c:v>0</c:v>
                </c:pt>
                <c:pt idx="543">
                  <c:v>0</c:v>
                </c:pt>
                <c:pt idx="544">
                  <c:v>0</c:v>
                </c:pt>
                <c:pt idx="545">
                  <c:v>0</c:v>
                </c:pt>
                <c:pt idx="546">
                  <c:v>0</c:v>
                </c:pt>
                <c:pt idx="547">
                  <c:v>0</c:v>
                </c:pt>
                <c:pt idx="548">
                  <c:v>0</c:v>
                </c:pt>
                <c:pt idx="549">
                  <c:v>0</c:v>
                </c:pt>
                <c:pt idx="550">
                  <c:v>0</c:v>
                </c:pt>
                <c:pt idx="551">
                  <c:v>0</c:v>
                </c:pt>
                <c:pt idx="552">
                  <c:v>0</c:v>
                </c:pt>
                <c:pt idx="553">
                  <c:v>0</c:v>
                </c:pt>
                <c:pt idx="554">
                  <c:v>0</c:v>
                </c:pt>
                <c:pt idx="555">
                  <c:v>0</c:v>
                </c:pt>
                <c:pt idx="556">
                  <c:v>0</c:v>
                </c:pt>
                <c:pt idx="557">
                  <c:v>0</c:v>
                </c:pt>
                <c:pt idx="558">
                  <c:v>0</c:v>
                </c:pt>
                <c:pt idx="559">
                  <c:v>0</c:v>
                </c:pt>
                <c:pt idx="560">
                  <c:v>0</c:v>
                </c:pt>
                <c:pt idx="561">
                  <c:v>0</c:v>
                </c:pt>
                <c:pt idx="562">
                  <c:v>0</c:v>
                </c:pt>
                <c:pt idx="563">
                  <c:v>0</c:v>
                </c:pt>
                <c:pt idx="564">
                  <c:v>0</c:v>
                </c:pt>
                <c:pt idx="565">
                  <c:v>0</c:v>
                </c:pt>
                <c:pt idx="566">
                  <c:v>0</c:v>
                </c:pt>
                <c:pt idx="567">
                  <c:v>0</c:v>
                </c:pt>
                <c:pt idx="568">
                  <c:v>0</c:v>
                </c:pt>
                <c:pt idx="569">
                  <c:v>0</c:v>
                </c:pt>
                <c:pt idx="570">
                  <c:v>0</c:v>
                </c:pt>
                <c:pt idx="571">
                  <c:v>0</c:v>
                </c:pt>
                <c:pt idx="572">
                  <c:v>0</c:v>
                </c:pt>
                <c:pt idx="573">
                  <c:v>0</c:v>
                </c:pt>
                <c:pt idx="574">
                  <c:v>0</c:v>
                </c:pt>
                <c:pt idx="575">
                  <c:v>0</c:v>
                </c:pt>
                <c:pt idx="576">
                  <c:v>0</c:v>
                </c:pt>
                <c:pt idx="577">
                  <c:v>0</c:v>
                </c:pt>
                <c:pt idx="578">
                  <c:v>0</c:v>
                </c:pt>
                <c:pt idx="579">
                  <c:v>0</c:v>
                </c:pt>
                <c:pt idx="580">
                  <c:v>0</c:v>
                </c:pt>
                <c:pt idx="581">
                  <c:v>0</c:v>
                </c:pt>
                <c:pt idx="582">
                  <c:v>0</c:v>
                </c:pt>
                <c:pt idx="583">
                  <c:v>0</c:v>
                </c:pt>
                <c:pt idx="584">
                  <c:v>0</c:v>
                </c:pt>
                <c:pt idx="585">
                  <c:v>0</c:v>
                </c:pt>
                <c:pt idx="586">
                  <c:v>0</c:v>
                </c:pt>
                <c:pt idx="587">
                  <c:v>0</c:v>
                </c:pt>
                <c:pt idx="588">
                  <c:v>0</c:v>
                </c:pt>
                <c:pt idx="589">
                  <c:v>0</c:v>
                </c:pt>
                <c:pt idx="590">
                  <c:v>0</c:v>
                </c:pt>
                <c:pt idx="591">
                  <c:v>0</c:v>
                </c:pt>
                <c:pt idx="592">
                  <c:v>0</c:v>
                </c:pt>
                <c:pt idx="593">
                  <c:v>0</c:v>
                </c:pt>
                <c:pt idx="594">
                  <c:v>0</c:v>
                </c:pt>
                <c:pt idx="595">
                  <c:v>0</c:v>
                </c:pt>
                <c:pt idx="596">
                  <c:v>0</c:v>
                </c:pt>
                <c:pt idx="597">
                  <c:v>0</c:v>
                </c:pt>
                <c:pt idx="598">
                  <c:v>0</c:v>
                </c:pt>
                <c:pt idx="599">
                  <c:v>0</c:v>
                </c:pt>
                <c:pt idx="600">
                  <c:v>0</c:v>
                </c:pt>
                <c:pt idx="601">
                  <c:v>0</c:v>
                </c:pt>
                <c:pt idx="602">
                  <c:v>0</c:v>
                </c:pt>
                <c:pt idx="603">
                  <c:v>0</c:v>
                </c:pt>
                <c:pt idx="604">
                  <c:v>0</c:v>
                </c:pt>
                <c:pt idx="605">
                  <c:v>0</c:v>
                </c:pt>
                <c:pt idx="606">
                  <c:v>0</c:v>
                </c:pt>
                <c:pt idx="607">
                  <c:v>0</c:v>
                </c:pt>
                <c:pt idx="608">
                  <c:v>0</c:v>
                </c:pt>
                <c:pt idx="609">
                  <c:v>0</c:v>
                </c:pt>
                <c:pt idx="610">
                  <c:v>0</c:v>
                </c:pt>
                <c:pt idx="611">
                  <c:v>0</c:v>
                </c:pt>
                <c:pt idx="612">
                  <c:v>0</c:v>
                </c:pt>
                <c:pt idx="613">
                  <c:v>0</c:v>
                </c:pt>
                <c:pt idx="614">
                  <c:v>0</c:v>
                </c:pt>
                <c:pt idx="615">
                  <c:v>0</c:v>
                </c:pt>
                <c:pt idx="616">
                  <c:v>0</c:v>
                </c:pt>
                <c:pt idx="617">
                  <c:v>0</c:v>
                </c:pt>
                <c:pt idx="618">
                  <c:v>0</c:v>
                </c:pt>
                <c:pt idx="619">
                  <c:v>0</c:v>
                </c:pt>
                <c:pt idx="620">
                  <c:v>0</c:v>
                </c:pt>
                <c:pt idx="621">
                  <c:v>0</c:v>
                </c:pt>
                <c:pt idx="622">
                  <c:v>0</c:v>
                </c:pt>
                <c:pt idx="623">
                  <c:v>0</c:v>
                </c:pt>
                <c:pt idx="624">
                  <c:v>0</c:v>
                </c:pt>
                <c:pt idx="625">
                  <c:v>0</c:v>
                </c:pt>
                <c:pt idx="626">
                  <c:v>0</c:v>
                </c:pt>
                <c:pt idx="627">
                  <c:v>0</c:v>
                </c:pt>
                <c:pt idx="628">
                  <c:v>0</c:v>
                </c:pt>
                <c:pt idx="629">
                  <c:v>0</c:v>
                </c:pt>
                <c:pt idx="630">
                  <c:v>0</c:v>
                </c:pt>
                <c:pt idx="631">
                  <c:v>0</c:v>
                </c:pt>
                <c:pt idx="632">
                  <c:v>0</c:v>
                </c:pt>
                <c:pt idx="633">
                  <c:v>0</c:v>
                </c:pt>
                <c:pt idx="634">
                  <c:v>0</c:v>
                </c:pt>
                <c:pt idx="635">
                  <c:v>0</c:v>
                </c:pt>
                <c:pt idx="636">
                  <c:v>0</c:v>
                </c:pt>
                <c:pt idx="637">
                  <c:v>0</c:v>
                </c:pt>
                <c:pt idx="638">
                  <c:v>0</c:v>
                </c:pt>
                <c:pt idx="639">
                  <c:v>0</c:v>
                </c:pt>
                <c:pt idx="640">
                  <c:v>0</c:v>
                </c:pt>
                <c:pt idx="641">
                  <c:v>0</c:v>
                </c:pt>
                <c:pt idx="642">
                  <c:v>0</c:v>
                </c:pt>
                <c:pt idx="643">
                  <c:v>0</c:v>
                </c:pt>
                <c:pt idx="644">
                  <c:v>0</c:v>
                </c:pt>
                <c:pt idx="645">
                  <c:v>0</c:v>
                </c:pt>
                <c:pt idx="646">
                  <c:v>0</c:v>
                </c:pt>
                <c:pt idx="647">
                  <c:v>0</c:v>
                </c:pt>
                <c:pt idx="648">
                  <c:v>0</c:v>
                </c:pt>
                <c:pt idx="649">
                  <c:v>0</c:v>
                </c:pt>
                <c:pt idx="650">
                  <c:v>0</c:v>
                </c:pt>
                <c:pt idx="651">
                  <c:v>0</c:v>
                </c:pt>
                <c:pt idx="652">
                  <c:v>0</c:v>
                </c:pt>
                <c:pt idx="653">
                  <c:v>0</c:v>
                </c:pt>
                <c:pt idx="654">
                  <c:v>0</c:v>
                </c:pt>
                <c:pt idx="655">
                  <c:v>0</c:v>
                </c:pt>
                <c:pt idx="656">
                  <c:v>0</c:v>
                </c:pt>
                <c:pt idx="657">
                  <c:v>0</c:v>
                </c:pt>
                <c:pt idx="658">
                  <c:v>0</c:v>
                </c:pt>
                <c:pt idx="659">
                  <c:v>0</c:v>
                </c:pt>
                <c:pt idx="660">
                  <c:v>0</c:v>
                </c:pt>
                <c:pt idx="661">
                  <c:v>0</c:v>
                </c:pt>
                <c:pt idx="662">
                  <c:v>0</c:v>
                </c:pt>
                <c:pt idx="663">
                  <c:v>0</c:v>
                </c:pt>
                <c:pt idx="664">
                  <c:v>0</c:v>
                </c:pt>
                <c:pt idx="665">
                  <c:v>0</c:v>
                </c:pt>
                <c:pt idx="666">
                  <c:v>0</c:v>
                </c:pt>
                <c:pt idx="667">
                  <c:v>0</c:v>
                </c:pt>
                <c:pt idx="668">
                  <c:v>0</c:v>
                </c:pt>
                <c:pt idx="669">
                  <c:v>0</c:v>
                </c:pt>
                <c:pt idx="670">
                  <c:v>0</c:v>
                </c:pt>
                <c:pt idx="671">
                  <c:v>0</c:v>
                </c:pt>
                <c:pt idx="672">
                  <c:v>0</c:v>
                </c:pt>
                <c:pt idx="673">
                  <c:v>0</c:v>
                </c:pt>
                <c:pt idx="674">
                  <c:v>0</c:v>
                </c:pt>
                <c:pt idx="675">
                  <c:v>0</c:v>
                </c:pt>
                <c:pt idx="676">
                  <c:v>0</c:v>
                </c:pt>
                <c:pt idx="677">
                  <c:v>0</c:v>
                </c:pt>
                <c:pt idx="678">
                  <c:v>0</c:v>
                </c:pt>
                <c:pt idx="679">
                  <c:v>0</c:v>
                </c:pt>
                <c:pt idx="680">
                  <c:v>0</c:v>
                </c:pt>
                <c:pt idx="681">
                  <c:v>0</c:v>
                </c:pt>
                <c:pt idx="682">
                  <c:v>0</c:v>
                </c:pt>
                <c:pt idx="683">
                  <c:v>0</c:v>
                </c:pt>
                <c:pt idx="684">
                  <c:v>0</c:v>
                </c:pt>
                <c:pt idx="685">
                  <c:v>0</c:v>
                </c:pt>
                <c:pt idx="686">
                  <c:v>0</c:v>
                </c:pt>
                <c:pt idx="687">
                  <c:v>0</c:v>
                </c:pt>
                <c:pt idx="688">
                  <c:v>0</c:v>
                </c:pt>
                <c:pt idx="689">
                  <c:v>0</c:v>
                </c:pt>
                <c:pt idx="690">
                  <c:v>0</c:v>
                </c:pt>
                <c:pt idx="691">
                  <c:v>0</c:v>
                </c:pt>
                <c:pt idx="692">
                  <c:v>0</c:v>
                </c:pt>
                <c:pt idx="693">
                  <c:v>0</c:v>
                </c:pt>
                <c:pt idx="694">
                  <c:v>0</c:v>
                </c:pt>
                <c:pt idx="695">
                  <c:v>0</c:v>
                </c:pt>
                <c:pt idx="696">
                  <c:v>0</c:v>
                </c:pt>
                <c:pt idx="697">
                  <c:v>0</c:v>
                </c:pt>
                <c:pt idx="698">
                  <c:v>0</c:v>
                </c:pt>
                <c:pt idx="699">
                  <c:v>0</c:v>
                </c:pt>
                <c:pt idx="700">
                  <c:v>0</c:v>
                </c:pt>
                <c:pt idx="701">
                  <c:v>0</c:v>
                </c:pt>
                <c:pt idx="702">
                  <c:v>0</c:v>
                </c:pt>
                <c:pt idx="703">
                  <c:v>0</c:v>
                </c:pt>
                <c:pt idx="704">
                  <c:v>0</c:v>
                </c:pt>
                <c:pt idx="705">
                  <c:v>0</c:v>
                </c:pt>
                <c:pt idx="706">
                  <c:v>0</c:v>
                </c:pt>
                <c:pt idx="707">
                  <c:v>0</c:v>
                </c:pt>
                <c:pt idx="708">
                  <c:v>0</c:v>
                </c:pt>
                <c:pt idx="709">
                  <c:v>0</c:v>
                </c:pt>
                <c:pt idx="710">
                  <c:v>0</c:v>
                </c:pt>
                <c:pt idx="711">
                  <c:v>0</c:v>
                </c:pt>
                <c:pt idx="712">
                  <c:v>0</c:v>
                </c:pt>
                <c:pt idx="713">
                  <c:v>0</c:v>
                </c:pt>
                <c:pt idx="714">
                  <c:v>0</c:v>
                </c:pt>
                <c:pt idx="715">
                  <c:v>0</c:v>
                </c:pt>
                <c:pt idx="716">
                  <c:v>0</c:v>
                </c:pt>
                <c:pt idx="717">
                  <c:v>0</c:v>
                </c:pt>
                <c:pt idx="718">
                  <c:v>0</c:v>
                </c:pt>
                <c:pt idx="719">
                  <c:v>0</c:v>
                </c:pt>
                <c:pt idx="720">
                  <c:v>0</c:v>
                </c:pt>
                <c:pt idx="721">
                  <c:v>0</c:v>
                </c:pt>
                <c:pt idx="722">
                  <c:v>0</c:v>
                </c:pt>
                <c:pt idx="723">
                  <c:v>0</c:v>
                </c:pt>
                <c:pt idx="724">
                  <c:v>0</c:v>
                </c:pt>
                <c:pt idx="725">
                  <c:v>0</c:v>
                </c:pt>
                <c:pt idx="726">
                  <c:v>0</c:v>
                </c:pt>
                <c:pt idx="727">
                  <c:v>0</c:v>
                </c:pt>
                <c:pt idx="728">
                  <c:v>0</c:v>
                </c:pt>
                <c:pt idx="729">
                  <c:v>0</c:v>
                </c:pt>
                <c:pt idx="730">
                  <c:v>0</c:v>
                </c:pt>
                <c:pt idx="731">
                  <c:v>0</c:v>
                </c:pt>
                <c:pt idx="732">
                  <c:v>0</c:v>
                </c:pt>
                <c:pt idx="733">
                  <c:v>0</c:v>
                </c:pt>
                <c:pt idx="734">
                  <c:v>0</c:v>
                </c:pt>
                <c:pt idx="735">
                  <c:v>0</c:v>
                </c:pt>
                <c:pt idx="736">
                  <c:v>0</c:v>
                </c:pt>
                <c:pt idx="737">
                  <c:v>0</c:v>
                </c:pt>
                <c:pt idx="738">
                  <c:v>0</c:v>
                </c:pt>
                <c:pt idx="739">
                  <c:v>0</c:v>
                </c:pt>
                <c:pt idx="740">
                  <c:v>0</c:v>
                </c:pt>
                <c:pt idx="741">
                  <c:v>0</c:v>
                </c:pt>
                <c:pt idx="742">
                  <c:v>0</c:v>
                </c:pt>
                <c:pt idx="743">
                  <c:v>0</c:v>
                </c:pt>
                <c:pt idx="744">
                  <c:v>0</c:v>
                </c:pt>
                <c:pt idx="745">
                  <c:v>0</c:v>
                </c:pt>
                <c:pt idx="746">
                  <c:v>0</c:v>
                </c:pt>
                <c:pt idx="747">
                  <c:v>0</c:v>
                </c:pt>
                <c:pt idx="748">
                  <c:v>0</c:v>
                </c:pt>
                <c:pt idx="749">
                  <c:v>0</c:v>
                </c:pt>
                <c:pt idx="750">
                  <c:v>0</c:v>
                </c:pt>
                <c:pt idx="751">
                  <c:v>0</c:v>
                </c:pt>
                <c:pt idx="752">
                  <c:v>0</c:v>
                </c:pt>
                <c:pt idx="753">
                  <c:v>0</c:v>
                </c:pt>
                <c:pt idx="754">
                  <c:v>0</c:v>
                </c:pt>
                <c:pt idx="755">
                  <c:v>0</c:v>
                </c:pt>
                <c:pt idx="756">
                  <c:v>0</c:v>
                </c:pt>
                <c:pt idx="757">
                  <c:v>0</c:v>
                </c:pt>
                <c:pt idx="758">
                  <c:v>0</c:v>
                </c:pt>
                <c:pt idx="759">
                  <c:v>0</c:v>
                </c:pt>
                <c:pt idx="760">
                  <c:v>0</c:v>
                </c:pt>
                <c:pt idx="761">
                  <c:v>0</c:v>
                </c:pt>
                <c:pt idx="762">
                  <c:v>0</c:v>
                </c:pt>
                <c:pt idx="763">
                  <c:v>0</c:v>
                </c:pt>
                <c:pt idx="764">
                  <c:v>0</c:v>
                </c:pt>
                <c:pt idx="765">
                  <c:v>0</c:v>
                </c:pt>
                <c:pt idx="766">
                  <c:v>0</c:v>
                </c:pt>
                <c:pt idx="767">
                  <c:v>0</c:v>
                </c:pt>
                <c:pt idx="768">
                  <c:v>0</c:v>
                </c:pt>
                <c:pt idx="769">
                  <c:v>0</c:v>
                </c:pt>
                <c:pt idx="770">
                  <c:v>0</c:v>
                </c:pt>
                <c:pt idx="771">
                  <c:v>0</c:v>
                </c:pt>
                <c:pt idx="772">
                  <c:v>0</c:v>
                </c:pt>
                <c:pt idx="773">
                  <c:v>0</c:v>
                </c:pt>
                <c:pt idx="774">
                  <c:v>0</c:v>
                </c:pt>
                <c:pt idx="775">
                  <c:v>0</c:v>
                </c:pt>
                <c:pt idx="776">
                  <c:v>0</c:v>
                </c:pt>
                <c:pt idx="777">
                  <c:v>0</c:v>
                </c:pt>
                <c:pt idx="778">
                  <c:v>0</c:v>
                </c:pt>
                <c:pt idx="779">
                  <c:v>0</c:v>
                </c:pt>
                <c:pt idx="780">
                  <c:v>0</c:v>
                </c:pt>
                <c:pt idx="781">
                  <c:v>0</c:v>
                </c:pt>
                <c:pt idx="782">
                  <c:v>0</c:v>
                </c:pt>
                <c:pt idx="783">
                  <c:v>0</c:v>
                </c:pt>
                <c:pt idx="784">
                  <c:v>0</c:v>
                </c:pt>
                <c:pt idx="785">
                  <c:v>0</c:v>
                </c:pt>
                <c:pt idx="786">
                  <c:v>0</c:v>
                </c:pt>
                <c:pt idx="787">
                  <c:v>0</c:v>
                </c:pt>
                <c:pt idx="788">
                  <c:v>0</c:v>
                </c:pt>
                <c:pt idx="789">
                  <c:v>0</c:v>
                </c:pt>
                <c:pt idx="790">
                  <c:v>0</c:v>
                </c:pt>
                <c:pt idx="791">
                  <c:v>0</c:v>
                </c:pt>
                <c:pt idx="792">
                  <c:v>0</c:v>
                </c:pt>
                <c:pt idx="793">
                  <c:v>0</c:v>
                </c:pt>
                <c:pt idx="794">
                  <c:v>0</c:v>
                </c:pt>
                <c:pt idx="795">
                  <c:v>0</c:v>
                </c:pt>
                <c:pt idx="796">
                  <c:v>0</c:v>
                </c:pt>
                <c:pt idx="797">
                  <c:v>0</c:v>
                </c:pt>
                <c:pt idx="798">
                  <c:v>0</c:v>
                </c:pt>
                <c:pt idx="799">
                  <c:v>0</c:v>
                </c:pt>
                <c:pt idx="800">
                  <c:v>0</c:v>
                </c:pt>
                <c:pt idx="801">
                  <c:v>0</c:v>
                </c:pt>
                <c:pt idx="802">
                  <c:v>0</c:v>
                </c:pt>
                <c:pt idx="803">
                  <c:v>0</c:v>
                </c:pt>
                <c:pt idx="804">
                  <c:v>0</c:v>
                </c:pt>
                <c:pt idx="805">
                  <c:v>0</c:v>
                </c:pt>
                <c:pt idx="806">
                  <c:v>0</c:v>
                </c:pt>
                <c:pt idx="807">
                  <c:v>0</c:v>
                </c:pt>
                <c:pt idx="808">
                  <c:v>0</c:v>
                </c:pt>
                <c:pt idx="809">
                  <c:v>0</c:v>
                </c:pt>
                <c:pt idx="810">
                  <c:v>0</c:v>
                </c:pt>
                <c:pt idx="811">
                  <c:v>0</c:v>
                </c:pt>
                <c:pt idx="812">
                  <c:v>0</c:v>
                </c:pt>
                <c:pt idx="813">
                  <c:v>0</c:v>
                </c:pt>
                <c:pt idx="814">
                  <c:v>0</c:v>
                </c:pt>
                <c:pt idx="815">
                  <c:v>0</c:v>
                </c:pt>
                <c:pt idx="816">
                  <c:v>0</c:v>
                </c:pt>
                <c:pt idx="817">
                  <c:v>0</c:v>
                </c:pt>
                <c:pt idx="818">
                  <c:v>0</c:v>
                </c:pt>
                <c:pt idx="819">
                  <c:v>0</c:v>
                </c:pt>
                <c:pt idx="820">
                  <c:v>0</c:v>
                </c:pt>
                <c:pt idx="821">
                  <c:v>0</c:v>
                </c:pt>
                <c:pt idx="822">
                  <c:v>0</c:v>
                </c:pt>
                <c:pt idx="823">
                  <c:v>0</c:v>
                </c:pt>
                <c:pt idx="824">
                  <c:v>0</c:v>
                </c:pt>
                <c:pt idx="825">
                  <c:v>0</c:v>
                </c:pt>
                <c:pt idx="826">
                  <c:v>0</c:v>
                </c:pt>
                <c:pt idx="827">
                  <c:v>0</c:v>
                </c:pt>
                <c:pt idx="828">
                  <c:v>0</c:v>
                </c:pt>
                <c:pt idx="829">
                  <c:v>0</c:v>
                </c:pt>
                <c:pt idx="830">
                  <c:v>0</c:v>
                </c:pt>
                <c:pt idx="831">
                  <c:v>0</c:v>
                </c:pt>
                <c:pt idx="832">
                  <c:v>0</c:v>
                </c:pt>
                <c:pt idx="833">
                  <c:v>0</c:v>
                </c:pt>
                <c:pt idx="834">
                  <c:v>0</c:v>
                </c:pt>
                <c:pt idx="835">
                  <c:v>0</c:v>
                </c:pt>
                <c:pt idx="836">
                  <c:v>0</c:v>
                </c:pt>
                <c:pt idx="837">
                  <c:v>0</c:v>
                </c:pt>
                <c:pt idx="838">
                  <c:v>0</c:v>
                </c:pt>
                <c:pt idx="839">
                  <c:v>0</c:v>
                </c:pt>
                <c:pt idx="840">
                  <c:v>0</c:v>
                </c:pt>
                <c:pt idx="841">
                  <c:v>0</c:v>
                </c:pt>
                <c:pt idx="842">
                  <c:v>0</c:v>
                </c:pt>
                <c:pt idx="843">
                  <c:v>0</c:v>
                </c:pt>
                <c:pt idx="844">
                  <c:v>0</c:v>
                </c:pt>
                <c:pt idx="845">
                  <c:v>0</c:v>
                </c:pt>
                <c:pt idx="846">
                  <c:v>0</c:v>
                </c:pt>
                <c:pt idx="847">
                  <c:v>0</c:v>
                </c:pt>
                <c:pt idx="848">
                  <c:v>0</c:v>
                </c:pt>
                <c:pt idx="849">
                  <c:v>0</c:v>
                </c:pt>
                <c:pt idx="850">
                  <c:v>0</c:v>
                </c:pt>
                <c:pt idx="851">
                  <c:v>0</c:v>
                </c:pt>
                <c:pt idx="852">
                  <c:v>0</c:v>
                </c:pt>
                <c:pt idx="853">
                  <c:v>0</c:v>
                </c:pt>
                <c:pt idx="854">
                  <c:v>0</c:v>
                </c:pt>
                <c:pt idx="855">
                  <c:v>0</c:v>
                </c:pt>
                <c:pt idx="856">
                  <c:v>0</c:v>
                </c:pt>
                <c:pt idx="857">
                  <c:v>0</c:v>
                </c:pt>
                <c:pt idx="858">
                  <c:v>0</c:v>
                </c:pt>
                <c:pt idx="859">
                  <c:v>0</c:v>
                </c:pt>
                <c:pt idx="860">
                  <c:v>0</c:v>
                </c:pt>
                <c:pt idx="861">
                  <c:v>0</c:v>
                </c:pt>
                <c:pt idx="862">
                  <c:v>0</c:v>
                </c:pt>
                <c:pt idx="863">
                  <c:v>0</c:v>
                </c:pt>
                <c:pt idx="864">
                  <c:v>0</c:v>
                </c:pt>
                <c:pt idx="865">
                  <c:v>0</c:v>
                </c:pt>
                <c:pt idx="866">
                  <c:v>0</c:v>
                </c:pt>
                <c:pt idx="867">
                  <c:v>0</c:v>
                </c:pt>
                <c:pt idx="868">
                  <c:v>0</c:v>
                </c:pt>
                <c:pt idx="869">
                  <c:v>0</c:v>
                </c:pt>
                <c:pt idx="870">
                  <c:v>0</c:v>
                </c:pt>
                <c:pt idx="871">
                  <c:v>0</c:v>
                </c:pt>
                <c:pt idx="872">
                  <c:v>0</c:v>
                </c:pt>
                <c:pt idx="873">
                  <c:v>0</c:v>
                </c:pt>
                <c:pt idx="874">
                  <c:v>0</c:v>
                </c:pt>
                <c:pt idx="875">
                  <c:v>0</c:v>
                </c:pt>
                <c:pt idx="876">
                  <c:v>0</c:v>
                </c:pt>
                <c:pt idx="877">
                  <c:v>0</c:v>
                </c:pt>
                <c:pt idx="878">
                  <c:v>0</c:v>
                </c:pt>
                <c:pt idx="879">
                  <c:v>0</c:v>
                </c:pt>
                <c:pt idx="880">
                  <c:v>0</c:v>
                </c:pt>
                <c:pt idx="881">
                  <c:v>0</c:v>
                </c:pt>
                <c:pt idx="882">
                  <c:v>0</c:v>
                </c:pt>
                <c:pt idx="883">
                  <c:v>0</c:v>
                </c:pt>
                <c:pt idx="884">
                  <c:v>0</c:v>
                </c:pt>
                <c:pt idx="885">
                  <c:v>0</c:v>
                </c:pt>
                <c:pt idx="886">
                  <c:v>0</c:v>
                </c:pt>
                <c:pt idx="887">
                  <c:v>0</c:v>
                </c:pt>
                <c:pt idx="888">
                  <c:v>0</c:v>
                </c:pt>
                <c:pt idx="889">
                  <c:v>0</c:v>
                </c:pt>
                <c:pt idx="890">
                  <c:v>0</c:v>
                </c:pt>
                <c:pt idx="891">
                  <c:v>0</c:v>
                </c:pt>
                <c:pt idx="892">
                  <c:v>0</c:v>
                </c:pt>
                <c:pt idx="893">
                  <c:v>0</c:v>
                </c:pt>
                <c:pt idx="894">
                  <c:v>0</c:v>
                </c:pt>
                <c:pt idx="895">
                  <c:v>0</c:v>
                </c:pt>
                <c:pt idx="896">
                  <c:v>0</c:v>
                </c:pt>
                <c:pt idx="897">
                  <c:v>0</c:v>
                </c:pt>
                <c:pt idx="898">
                  <c:v>0</c:v>
                </c:pt>
                <c:pt idx="899">
                  <c:v>0</c:v>
                </c:pt>
                <c:pt idx="900">
                  <c:v>0</c:v>
                </c:pt>
                <c:pt idx="901">
                  <c:v>0</c:v>
                </c:pt>
                <c:pt idx="902">
                  <c:v>0</c:v>
                </c:pt>
                <c:pt idx="903">
                  <c:v>0</c:v>
                </c:pt>
                <c:pt idx="904">
                  <c:v>0</c:v>
                </c:pt>
                <c:pt idx="905">
                  <c:v>0</c:v>
                </c:pt>
                <c:pt idx="906">
                  <c:v>0</c:v>
                </c:pt>
                <c:pt idx="907">
                  <c:v>0</c:v>
                </c:pt>
                <c:pt idx="908">
                  <c:v>0</c:v>
                </c:pt>
                <c:pt idx="909">
                  <c:v>0</c:v>
                </c:pt>
                <c:pt idx="910">
                  <c:v>0</c:v>
                </c:pt>
                <c:pt idx="911">
                  <c:v>0</c:v>
                </c:pt>
                <c:pt idx="912">
                  <c:v>0</c:v>
                </c:pt>
                <c:pt idx="913">
                  <c:v>0</c:v>
                </c:pt>
                <c:pt idx="914">
                  <c:v>0</c:v>
                </c:pt>
                <c:pt idx="915">
                  <c:v>0</c:v>
                </c:pt>
                <c:pt idx="916">
                  <c:v>0</c:v>
                </c:pt>
                <c:pt idx="917">
                  <c:v>0</c:v>
                </c:pt>
                <c:pt idx="918">
                  <c:v>0</c:v>
                </c:pt>
                <c:pt idx="919">
                  <c:v>0</c:v>
                </c:pt>
                <c:pt idx="920">
                  <c:v>0</c:v>
                </c:pt>
                <c:pt idx="921">
                  <c:v>0</c:v>
                </c:pt>
                <c:pt idx="922">
                  <c:v>0</c:v>
                </c:pt>
                <c:pt idx="923">
                  <c:v>0</c:v>
                </c:pt>
                <c:pt idx="924">
                  <c:v>0</c:v>
                </c:pt>
                <c:pt idx="925">
                  <c:v>0</c:v>
                </c:pt>
                <c:pt idx="926">
                  <c:v>0</c:v>
                </c:pt>
                <c:pt idx="927">
                  <c:v>0</c:v>
                </c:pt>
                <c:pt idx="928">
                  <c:v>0</c:v>
                </c:pt>
                <c:pt idx="929">
                  <c:v>0</c:v>
                </c:pt>
                <c:pt idx="930">
                  <c:v>0</c:v>
                </c:pt>
                <c:pt idx="931">
                  <c:v>0</c:v>
                </c:pt>
                <c:pt idx="932">
                  <c:v>0</c:v>
                </c:pt>
                <c:pt idx="933">
                  <c:v>0</c:v>
                </c:pt>
                <c:pt idx="934">
                  <c:v>0</c:v>
                </c:pt>
                <c:pt idx="935">
                  <c:v>0</c:v>
                </c:pt>
                <c:pt idx="936">
                  <c:v>0</c:v>
                </c:pt>
                <c:pt idx="937">
                  <c:v>0</c:v>
                </c:pt>
                <c:pt idx="938">
                  <c:v>0</c:v>
                </c:pt>
                <c:pt idx="939">
                  <c:v>0</c:v>
                </c:pt>
                <c:pt idx="940">
                  <c:v>0</c:v>
                </c:pt>
                <c:pt idx="941">
                  <c:v>0</c:v>
                </c:pt>
                <c:pt idx="942">
                  <c:v>0</c:v>
                </c:pt>
                <c:pt idx="943">
                  <c:v>0</c:v>
                </c:pt>
                <c:pt idx="944">
                  <c:v>0</c:v>
                </c:pt>
                <c:pt idx="945">
                  <c:v>0</c:v>
                </c:pt>
                <c:pt idx="946">
                  <c:v>0</c:v>
                </c:pt>
                <c:pt idx="947">
                  <c:v>0</c:v>
                </c:pt>
                <c:pt idx="948">
                  <c:v>0</c:v>
                </c:pt>
                <c:pt idx="949">
                  <c:v>0</c:v>
                </c:pt>
                <c:pt idx="950">
                  <c:v>0</c:v>
                </c:pt>
                <c:pt idx="951">
                  <c:v>0</c:v>
                </c:pt>
                <c:pt idx="952">
                  <c:v>0</c:v>
                </c:pt>
                <c:pt idx="953">
                  <c:v>0</c:v>
                </c:pt>
                <c:pt idx="954">
                  <c:v>0</c:v>
                </c:pt>
                <c:pt idx="955">
                  <c:v>0</c:v>
                </c:pt>
                <c:pt idx="956">
                  <c:v>0</c:v>
                </c:pt>
                <c:pt idx="957">
                  <c:v>0</c:v>
                </c:pt>
                <c:pt idx="958">
                  <c:v>0</c:v>
                </c:pt>
                <c:pt idx="959">
                  <c:v>0</c:v>
                </c:pt>
                <c:pt idx="960">
                  <c:v>0</c:v>
                </c:pt>
                <c:pt idx="961">
                  <c:v>0</c:v>
                </c:pt>
                <c:pt idx="962">
                  <c:v>0</c:v>
                </c:pt>
                <c:pt idx="963">
                  <c:v>0</c:v>
                </c:pt>
                <c:pt idx="964">
                  <c:v>0</c:v>
                </c:pt>
                <c:pt idx="965">
                  <c:v>0</c:v>
                </c:pt>
                <c:pt idx="966">
                  <c:v>0</c:v>
                </c:pt>
                <c:pt idx="967">
                  <c:v>0</c:v>
                </c:pt>
                <c:pt idx="968">
                  <c:v>0</c:v>
                </c:pt>
                <c:pt idx="969">
                  <c:v>0</c:v>
                </c:pt>
                <c:pt idx="970">
                  <c:v>0</c:v>
                </c:pt>
                <c:pt idx="971">
                  <c:v>0</c:v>
                </c:pt>
                <c:pt idx="972">
                  <c:v>0</c:v>
                </c:pt>
                <c:pt idx="973">
                  <c:v>0</c:v>
                </c:pt>
                <c:pt idx="974">
                  <c:v>0</c:v>
                </c:pt>
                <c:pt idx="975">
                  <c:v>0</c:v>
                </c:pt>
                <c:pt idx="976">
                  <c:v>0</c:v>
                </c:pt>
                <c:pt idx="977">
                  <c:v>0</c:v>
                </c:pt>
                <c:pt idx="978">
                  <c:v>0</c:v>
                </c:pt>
                <c:pt idx="979">
                  <c:v>0</c:v>
                </c:pt>
                <c:pt idx="980">
                  <c:v>0</c:v>
                </c:pt>
                <c:pt idx="981">
                  <c:v>0</c:v>
                </c:pt>
                <c:pt idx="982">
                  <c:v>0</c:v>
                </c:pt>
                <c:pt idx="983">
                  <c:v>0</c:v>
                </c:pt>
                <c:pt idx="984">
                  <c:v>0</c:v>
                </c:pt>
                <c:pt idx="985">
                  <c:v>0</c:v>
                </c:pt>
                <c:pt idx="986">
                  <c:v>0</c:v>
                </c:pt>
                <c:pt idx="987">
                  <c:v>0</c:v>
                </c:pt>
                <c:pt idx="988">
                  <c:v>0</c:v>
                </c:pt>
                <c:pt idx="989">
                  <c:v>0</c:v>
                </c:pt>
                <c:pt idx="990">
                  <c:v>0</c:v>
                </c:pt>
                <c:pt idx="991">
                  <c:v>0</c:v>
                </c:pt>
                <c:pt idx="992">
                  <c:v>0</c:v>
                </c:pt>
                <c:pt idx="993">
                  <c:v>0</c:v>
                </c:pt>
                <c:pt idx="994">
                  <c:v>0</c:v>
                </c:pt>
                <c:pt idx="995">
                  <c:v>0</c:v>
                </c:pt>
                <c:pt idx="996">
                  <c:v>0</c:v>
                </c:pt>
                <c:pt idx="997">
                  <c:v>0</c:v>
                </c:pt>
                <c:pt idx="998">
                  <c:v>0</c:v>
                </c:pt>
                <c:pt idx="999">
                  <c:v>0</c:v>
                </c:pt>
                <c:pt idx="1000">
                  <c:v>0</c:v>
                </c:pt>
                <c:pt idx="1001">
                  <c:v>0</c:v>
                </c:pt>
                <c:pt idx="1002">
                  <c:v>0</c:v>
                </c:pt>
                <c:pt idx="1003">
                  <c:v>0</c:v>
                </c:pt>
                <c:pt idx="1004">
                  <c:v>0</c:v>
                </c:pt>
                <c:pt idx="1005">
                  <c:v>0</c:v>
                </c:pt>
                <c:pt idx="1006">
                  <c:v>0</c:v>
                </c:pt>
                <c:pt idx="1007">
                  <c:v>0</c:v>
                </c:pt>
                <c:pt idx="1008">
                  <c:v>0</c:v>
                </c:pt>
                <c:pt idx="1009">
                  <c:v>0</c:v>
                </c:pt>
                <c:pt idx="1010">
                  <c:v>0</c:v>
                </c:pt>
                <c:pt idx="1011">
                  <c:v>0</c:v>
                </c:pt>
                <c:pt idx="1012">
                  <c:v>0</c:v>
                </c:pt>
                <c:pt idx="1013">
                  <c:v>0</c:v>
                </c:pt>
                <c:pt idx="1014">
                  <c:v>0</c:v>
                </c:pt>
                <c:pt idx="1015">
                  <c:v>0</c:v>
                </c:pt>
                <c:pt idx="1016">
                  <c:v>0</c:v>
                </c:pt>
                <c:pt idx="1017">
                  <c:v>0</c:v>
                </c:pt>
                <c:pt idx="1018">
                  <c:v>0</c:v>
                </c:pt>
                <c:pt idx="1019">
                  <c:v>0</c:v>
                </c:pt>
                <c:pt idx="1020">
                  <c:v>0</c:v>
                </c:pt>
                <c:pt idx="1021">
                  <c:v>0</c:v>
                </c:pt>
                <c:pt idx="1022">
                  <c:v>0</c:v>
                </c:pt>
                <c:pt idx="1023">
                  <c:v>0</c:v>
                </c:pt>
                <c:pt idx="1024">
                  <c:v>0</c:v>
                </c:pt>
                <c:pt idx="1025">
                  <c:v>0</c:v>
                </c:pt>
                <c:pt idx="1026">
                  <c:v>0</c:v>
                </c:pt>
                <c:pt idx="1027">
                  <c:v>0</c:v>
                </c:pt>
                <c:pt idx="1028">
                  <c:v>0</c:v>
                </c:pt>
                <c:pt idx="1029">
                  <c:v>0</c:v>
                </c:pt>
                <c:pt idx="1030">
                  <c:v>0</c:v>
                </c:pt>
                <c:pt idx="1031">
                  <c:v>0</c:v>
                </c:pt>
                <c:pt idx="1032">
                  <c:v>0</c:v>
                </c:pt>
                <c:pt idx="1033">
                  <c:v>0</c:v>
                </c:pt>
                <c:pt idx="1034">
                  <c:v>0</c:v>
                </c:pt>
                <c:pt idx="1035">
                  <c:v>0</c:v>
                </c:pt>
                <c:pt idx="1036">
                  <c:v>0</c:v>
                </c:pt>
                <c:pt idx="1037">
                  <c:v>0</c:v>
                </c:pt>
                <c:pt idx="1038">
                  <c:v>0</c:v>
                </c:pt>
                <c:pt idx="1039">
                  <c:v>0</c:v>
                </c:pt>
                <c:pt idx="1040">
                  <c:v>0</c:v>
                </c:pt>
                <c:pt idx="1041">
                  <c:v>0</c:v>
                </c:pt>
                <c:pt idx="1042">
                  <c:v>0</c:v>
                </c:pt>
                <c:pt idx="1043">
                  <c:v>0</c:v>
                </c:pt>
                <c:pt idx="1044">
                  <c:v>0</c:v>
                </c:pt>
                <c:pt idx="1045">
                  <c:v>0</c:v>
                </c:pt>
                <c:pt idx="1046">
                  <c:v>0</c:v>
                </c:pt>
                <c:pt idx="1047">
                  <c:v>0</c:v>
                </c:pt>
                <c:pt idx="1048">
                  <c:v>0</c:v>
                </c:pt>
                <c:pt idx="1049">
                  <c:v>0</c:v>
                </c:pt>
                <c:pt idx="1050">
                  <c:v>0</c:v>
                </c:pt>
                <c:pt idx="1051">
                  <c:v>0</c:v>
                </c:pt>
                <c:pt idx="1052">
                  <c:v>0</c:v>
                </c:pt>
                <c:pt idx="1053">
                  <c:v>0</c:v>
                </c:pt>
                <c:pt idx="1054">
                  <c:v>0</c:v>
                </c:pt>
                <c:pt idx="1055">
                  <c:v>0</c:v>
                </c:pt>
                <c:pt idx="1056">
                  <c:v>0</c:v>
                </c:pt>
                <c:pt idx="1057">
                  <c:v>0</c:v>
                </c:pt>
                <c:pt idx="1058">
                  <c:v>0</c:v>
                </c:pt>
                <c:pt idx="1059">
                  <c:v>0</c:v>
                </c:pt>
                <c:pt idx="1060">
                  <c:v>0</c:v>
                </c:pt>
                <c:pt idx="1061">
                  <c:v>0</c:v>
                </c:pt>
                <c:pt idx="1062">
                  <c:v>0</c:v>
                </c:pt>
                <c:pt idx="1063">
                  <c:v>0</c:v>
                </c:pt>
                <c:pt idx="1064">
                  <c:v>0</c:v>
                </c:pt>
                <c:pt idx="1065">
                  <c:v>0</c:v>
                </c:pt>
                <c:pt idx="1066">
                  <c:v>0</c:v>
                </c:pt>
                <c:pt idx="1067">
                  <c:v>0</c:v>
                </c:pt>
                <c:pt idx="1068">
                  <c:v>0</c:v>
                </c:pt>
                <c:pt idx="1069">
                  <c:v>0</c:v>
                </c:pt>
                <c:pt idx="1070">
                  <c:v>0</c:v>
                </c:pt>
                <c:pt idx="1071">
                  <c:v>0</c:v>
                </c:pt>
                <c:pt idx="1072">
                  <c:v>0</c:v>
                </c:pt>
                <c:pt idx="1073">
                  <c:v>0</c:v>
                </c:pt>
                <c:pt idx="1074">
                  <c:v>0</c:v>
                </c:pt>
                <c:pt idx="1075">
                  <c:v>0</c:v>
                </c:pt>
                <c:pt idx="1076">
                  <c:v>0</c:v>
                </c:pt>
                <c:pt idx="1077">
                  <c:v>0</c:v>
                </c:pt>
                <c:pt idx="1078">
                  <c:v>0</c:v>
                </c:pt>
                <c:pt idx="1079">
                  <c:v>0</c:v>
                </c:pt>
                <c:pt idx="1080">
                  <c:v>0</c:v>
                </c:pt>
                <c:pt idx="1081">
                  <c:v>0</c:v>
                </c:pt>
                <c:pt idx="1082">
                  <c:v>0</c:v>
                </c:pt>
                <c:pt idx="1083">
                  <c:v>0</c:v>
                </c:pt>
                <c:pt idx="1084">
                  <c:v>0</c:v>
                </c:pt>
                <c:pt idx="1085">
                  <c:v>0</c:v>
                </c:pt>
                <c:pt idx="1086">
                  <c:v>0</c:v>
                </c:pt>
                <c:pt idx="1087">
                  <c:v>0</c:v>
                </c:pt>
                <c:pt idx="1088">
                  <c:v>0</c:v>
                </c:pt>
                <c:pt idx="1089">
                  <c:v>0</c:v>
                </c:pt>
                <c:pt idx="1090">
                  <c:v>0</c:v>
                </c:pt>
                <c:pt idx="1091">
                  <c:v>0</c:v>
                </c:pt>
                <c:pt idx="1092">
                  <c:v>0</c:v>
                </c:pt>
                <c:pt idx="1093">
                  <c:v>0</c:v>
                </c:pt>
                <c:pt idx="1094">
                  <c:v>0</c:v>
                </c:pt>
                <c:pt idx="1095">
                  <c:v>0</c:v>
                </c:pt>
                <c:pt idx="1096">
                  <c:v>0</c:v>
                </c:pt>
                <c:pt idx="1097">
                  <c:v>0</c:v>
                </c:pt>
                <c:pt idx="1098">
                  <c:v>0</c:v>
                </c:pt>
                <c:pt idx="1099">
                  <c:v>0</c:v>
                </c:pt>
                <c:pt idx="1100">
                  <c:v>0</c:v>
                </c:pt>
                <c:pt idx="1101">
                  <c:v>0</c:v>
                </c:pt>
                <c:pt idx="1102">
                  <c:v>0</c:v>
                </c:pt>
                <c:pt idx="1103">
                  <c:v>0</c:v>
                </c:pt>
                <c:pt idx="1104">
                  <c:v>0</c:v>
                </c:pt>
                <c:pt idx="1105">
                  <c:v>0</c:v>
                </c:pt>
                <c:pt idx="1106">
                  <c:v>0</c:v>
                </c:pt>
                <c:pt idx="1107">
                  <c:v>0</c:v>
                </c:pt>
                <c:pt idx="1108">
                  <c:v>0</c:v>
                </c:pt>
                <c:pt idx="1109">
                  <c:v>0</c:v>
                </c:pt>
                <c:pt idx="1110">
                  <c:v>0</c:v>
                </c:pt>
                <c:pt idx="1111">
                  <c:v>0</c:v>
                </c:pt>
                <c:pt idx="1112">
                  <c:v>0</c:v>
                </c:pt>
                <c:pt idx="1113">
                  <c:v>0</c:v>
                </c:pt>
                <c:pt idx="1114">
                  <c:v>0</c:v>
                </c:pt>
                <c:pt idx="1115">
                  <c:v>0</c:v>
                </c:pt>
                <c:pt idx="1116">
                  <c:v>0</c:v>
                </c:pt>
                <c:pt idx="1117">
                  <c:v>0</c:v>
                </c:pt>
                <c:pt idx="1118">
                  <c:v>0</c:v>
                </c:pt>
                <c:pt idx="1119">
                  <c:v>0</c:v>
                </c:pt>
                <c:pt idx="1120">
                  <c:v>0</c:v>
                </c:pt>
                <c:pt idx="1121">
                  <c:v>0</c:v>
                </c:pt>
                <c:pt idx="1122">
                  <c:v>0</c:v>
                </c:pt>
                <c:pt idx="1123">
                  <c:v>0</c:v>
                </c:pt>
                <c:pt idx="1124">
                  <c:v>0</c:v>
                </c:pt>
                <c:pt idx="1125">
                  <c:v>0</c:v>
                </c:pt>
                <c:pt idx="1126">
                  <c:v>0</c:v>
                </c:pt>
                <c:pt idx="1127">
                  <c:v>0</c:v>
                </c:pt>
                <c:pt idx="1128">
                  <c:v>0</c:v>
                </c:pt>
                <c:pt idx="1129">
                  <c:v>0</c:v>
                </c:pt>
                <c:pt idx="1130">
                  <c:v>0</c:v>
                </c:pt>
                <c:pt idx="1131">
                  <c:v>0</c:v>
                </c:pt>
                <c:pt idx="1132">
                  <c:v>0</c:v>
                </c:pt>
                <c:pt idx="1133">
                  <c:v>0</c:v>
                </c:pt>
                <c:pt idx="1134">
                  <c:v>0</c:v>
                </c:pt>
                <c:pt idx="1135">
                  <c:v>0</c:v>
                </c:pt>
                <c:pt idx="1136">
                  <c:v>0</c:v>
                </c:pt>
                <c:pt idx="1137">
                  <c:v>0</c:v>
                </c:pt>
                <c:pt idx="1138">
                  <c:v>0</c:v>
                </c:pt>
                <c:pt idx="1139">
                  <c:v>0</c:v>
                </c:pt>
                <c:pt idx="1140">
                  <c:v>0</c:v>
                </c:pt>
                <c:pt idx="1141">
                  <c:v>0</c:v>
                </c:pt>
                <c:pt idx="1142">
                  <c:v>0</c:v>
                </c:pt>
                <c:pt idx="1143">
                  <c:v>0</c:v>
                </c:pt>
                <c:pt idx="1144">
                  <c:v>0</c:v>
                </c:pt>
                <c:pt idx="1145">
                  <c:v>0</c:v>
                </c:pt>
                <c:pt idx="1146">
                  <c:v>0</c:v>
                </c:pt>
                <c:pt idx="1147">
                  <c:v>0</c:v>
                </c:pt>
                <c:pt idx="1148">
                  <c:v>0</c:v>
                </c:pt>
                <c:pt idx="1149">
                  <c:v>0</c:v>
                </c:pt>
                <c:pt idx="1150">
                  <c:v>0</c:v>
                </c:pt>
                <c:pt idx="1151">
                  <c:v>0</c:v>
                </c:pt>
                <c:pt idx="1152">
                  <c:v>0</c:v>
                </c:pt>
                <c:pt idx="1153">
                  <c:v>0</c:v>
                </c:pt>
                <c:pt idx="1154">
                  <c:v>0</c:v>
                </c:pt>
                <c:pt idx="1155">
                  <c:v>0</c:v>
                </c:pt>
                <c:pt idx="1156">
                  <c:v>0</c:v>
                </c:pt>
                <c:pt idx="1157">
                  <c:v>0</c:v>
                </c:pt>
                <c:pt idx="1158">
                  <c:v>0</c:v>
                </c:pt>
                <c:pt idx="1159">
                  <c:v>0</c:v>
                </c:pt>
                <c:pt idx="1160">
                  <c:v>0</c:v>
                </c:pt>
                <c:pt idx="1161">
                  <c:v>0</c:v>
                </c:pt>
                <c:pt idx="1162">
                  <c:v>0</c:v>
                </c:pt>
                <c:pt idx="1163">
                  <c:v>0</c:v>
                </c:pt>
                <c:pt idx="1164">
                  <c:v>0</c:v>
                </c:pt>
                <c:pt idx="1165">
                  <c:v>0</c:v>
                </c:pt>
                <c:pt idx="1166">
                  <c:v>0</c:v>
                </c:pt>
                <c:pt idx="1167">
                  <c:v>0</c:v>
                </c:pt>
                <c:pt idx="1168">
                  <c:v>0</c:v>
                </c:pt>
                <c:pt idx="1169">
                  <c:v>0</c:v>
                </c:pt>
                <c:pt idx="1170">
                  <c:v>0</c:v>
                </c:pt>
                <c:pt idx="1171">
                  <c:v>0</c:v>
                </c:pt>
                <c:pt idx="1172">
                  <c:v>0</c:v>
                </c:pt>
                <c:pt idx="1173">
                  <c:v>0</c:v>
                </c:pt>
                <c:pt idx="1174">
                  <c:v>0</c:v>
                </c:pt>
                <c:pt idx="1175">
                  <c:v>0</c:v>
                </c:pt>
                <c:pt idx="1176">
                  <c:v>0</c:v>
                </c:pt>
                <c:pt idx="1177">
                  <c:v>0</c:v>
                </c:pt>
                <c:pt idx="1178">
                  <c:v>0</c:v>
                </c:pt>
                <c:pt idx="1179">
                  <c:v>0</c:v>
                </c:pt>
                <c:pt idx="1180">
                  <c:v>0</c:v>
                </c:pt>
                <c:pt idx="1181">
                  <c:v>0</c:v>
                </c:pt>
                <c:pt idx="1182">
                  <c:v>0</c:v>
                </c:pt>
                <c:pt idx="1183">
                  <c:v>0</c:v>
                </c:pt>
                <c:pt idx="1184">
                  <c:v>0</c:v>
                </c:pt>
                <c:pt idx="1185">
                  <c:v>0</c:v>
                </c:pt>
                <c:pt idx="1186">
                  <c:v>0</c:v>
                </c:pt>
                <c:pt idx="1187">
                  <c:v>0</c:v>
                </c:pt>
                <c:pt idx="1188">
                  <c:v>0</c:v>
                </c:pt>
                <c:pt idx="1189">
                  <c:v>0</c:v>
                </c:pt>
                <c:pt idx="1190">
                  <c:v>0</c:v>
                </c:pt>
                <c:pt idx="1191">
                  <c:v>0</c:v>
                </c:pt>
                <c:pt idx="1192">
                  <c:v>0</c:v>
                </c:pt>
                <c:pt idx="1193">
                  <c:v>0</c:v>
                </c:pt>
                <c:pt idx="1194">
                  <c:v>0</c:v>
                </c:pt>
                <c:pt idx="1195">
                  <c:v>0</c:v>
                </c:pt>
                <c:pt idx="1196">
                  <c:v>0</c:v>
                </c:pt>
                <c:pt idx="1197">
                  <c:v>0</c:v>
                </c:pt>
                <c:pt idx="1198">
                  <c:v>0</c:v>
                </c:pt>
                <c:pt idx="1199">
                  <c:v>0</c:v>
                </c:pt>
                <c:pt idx="1200">
                  <c:v>0</c:v>
                </c:pt>
                <c:pt idx="1201">
                  <c:v>0</c:v>
                </c:pt>
                <c:pt idx="1202">
                  <c:v>0</c:v>
                </c:pt>
                <c:pt idx="1203">
                  <c:v>0</c:v>
                </c:pt>
                <c:pt idx="1204">
                  <c:v>0</c:v>
                </c:pt>
                <c:pt idx="1205">
                  <c:v>0</c:v>
                </c:pt>
                <c:pt idx="1206">
                  <c:v>0</c:v>
                </c:pt>
                <c:pt idx="1207">
                  <c:v>0</c:v>
                </c:pt>
                <c:pt idx="1208">
                  <c:v>0</c:v>
                </c:pt>
                <c:pt idx="1209">
                  <c:v>0</c:v>
                </c:pt>
                <c:pt idx="1210">
                  <c:v>0</c:v>
                </c:pt>
                <c:pt idx="1211">
                  <c:v>0</c:v>
                </c:pt>
                <c:pt idx="1212">
                  <c:v>0</c:v>
                </c:pt>
                <c:pt idx="1213">
                  <c:v>0</c:v>
                </c:pt>
                <c:pt idx="1214">
                  <c:v>0</c:v>
                </c:pt>
                <c:pt idx="1215">
                  <c:v>0</c:v>
                </c:pt>
                <c:pt idx="1216">
                  <c:v>0</c:v>
                </c:pt>
                <c:pt idx="1217">
                  <c:v>0</c:v>
                </c:pt>
                <c:pt idx="1218">
                  <c:v>0</c:v>
                </c:pt>
                <c:pt idx="1219">
                  <c:v>0</c:v>
                </c:pt>
                <c:pt idx="1220">
                  <c:v>0</c:v>
                </c:pt>
                <c:pt idx="1221">
                  <c:v>0</c:v>
                </c:pt>
                <c:pt idx="1222">
                  <c:v>0</c:v>
                </c:pt>
                <c:pt idx="1223">
                  <c:v>0</c:v>
                </c:pt>
                <c:pt idx="1224">
                  <c:v>0</c:v>
                </c:pt>
                <c:pt idx="1225">
                  <c:v>0</c:v>
                </c:pt>
                <c:pt idx="1226">
                  <c:v>0</c:v>
                </c:pt>
                <c:pt idx="1227">
                  <c:v>0</c:v>
                </c:pt>
                <c:pt idx="1228">
                  <c:v>0</c:v>
                </c:pt>
                <c:pt idx="1229">
                  <c:v>0</c:v>
                </c:pt>
                <c:pt idx="1230">
                  <c:v>0</c:v>
                </c:pt>
                <c:pt idx="1231">
                  <c:v>0</c:v>
                </c:pt>
                <c:pt idx="1232">
                  <c:v>0</c:v>
                </c:pt>
                <c:pt idx="1233">
                  <c:v>0</c:v>
                </c:pt>
                <c:pt idx="1234">
                  <c:v>0</c:v>
                </c:pt>
                <c:pt idx="1235">
                  <c:v>0</c:v>
                </c:pt>
                <c:pt idx="1236">
                  <c:v>0</c:v>
                </c:pt>
                <c:pt idx="1237">
                  <c:v>0</c:v>
                </c:pt>
                <c:pt idx="1238">
                  <c:v>0</c:v>
                </c:pt>
                <c:pt idx="1239">
                  <c:v>0</c:v>
                </c:pt>
                <c:pt idx="1240">
                  <c:v>0</c:v>
                </c:pt>
                <c:pt idx="1241">
                  <c:v>0</c:v>
                </c:pt>
                <c:pt idx="1242">
                  <c:v>0</c:v>
                </c:pt>
                <c:pt idx="1243">
                  <c:v>0</c:v>
                </c:pt>
                <c:pt idx="1244">
                  <c:v>0</c:v>
                </c:pt>
                <c:pt idx="1245">
                  <c:v>0</c:v>
                </c:pt>
                <c:pt idx="1246">
                  <c:v>0</c:v>
                </c:pt>
                <c:pt idx="1247">
                  <c:v>0</c:v>
                </c:pt>
                <c:pt idx="1248">
                  <c:v>0</c:v>
                </c:pt>
                <c:pt idx="1249">
                  <c:v>0</c:v>
                </c:pt>
                <c:pt idx="1250">
                  <c:v>0</c:v>
                </c:pt>
                <c:pt idx="1251">
                  <c:v>0</c:v>
                </c:pt>
                <c:pt idx="1252">
                  <c:v>0</c:v>
                </c:pt>
                <c:pt idx="1253">
                  <c:v>0</c:v>
                </c:pt>
                <c:pt idx="1254">
                  <c:v>0</c:v>
                </c:pt>
                <c:pt idx="1255">
                  <c:v>0</c:v>
                </c:pt>
                <c:pt idx="1256">
                  <c:v>0</c:v>
                </c:pt>
                <c:pt idx="1257">
                  <c:v>0</c:v>
                </c:pt>
                <c:pt idx="1258">
                  <c:v>0</c:v>
                </c:pt>
                <c:pt idx="1259">
                  <c:v>0</c:v>
                </c:pt>
                <c:pt idx="1260">
                  <c:v>0</c:v>
                </c:pt>
                <c:pt idx="1261">
                  <c:v>0</c:v>
                </c:pt>
                <c:pt idx="1262">
                  <c:v>0</c:v>
                </c:pt>
                <c:pt idx="1263">
                  <c:v>0</c:v>
                </c:pt>
                <c:pt idx="1264">
                  <c:v>0</c:v>
                </c:pt>
                <c:pt idx="1265">
                  <c:v>0</c:v>
                </c:pt>
                <c:pt idx="1266">
                  <c:v>0</c:v>
                </c:pt>
                <c:pt idx="1267">
                  <c:v>0</c:v>
                </c:pt>
                <c:pt idx="1268">
                  <c:v>0</c:v>
                </c:pt>
                <c:pt idx="1269">
                  <c:v>0</c:v>
                </c:pt>
                <c:pt idx="1270">
                  <c:v>0</c:v>
                </c:pt>
                <c:pt idx="1271">
                  <c:v>0</c:v>
                </c:pt>
                <c:pt idx="1272">
                  <c:v>0</c:v>
                </c:pt>
                <c:pt idx="1273">
                  <c:v>0</c:v>
                </c:pt>
                <c:pt idx="1274">
                  <c:v>0</c:v>
                </c:pt>
                <c:pt idx="1275">
                  <c:v>0</c:v>
                </c:pt>
                <c:pt idx="1276">
                  <c:v>0</c:v>
                </c:pt>
                <c:pt idx="1277">
                  <c:v>0</c:v>
                </c:pt>
                <c:pt idx="1278">
                  <c:v>0</c:v>
                </c:pt>
                <c:pt idx="1279">
                  <c:v>0</c:v>
                </c:pt>
                <c:pt idx="1280">
                  <c:v>0</c:v>
                </c:pt>
                <c:pt idx="1281">
                  <c:v>0</c:v>
                </c:pt>
                <c:pt idx="1282">
                  <c:v>0</c:v>
                </c:pt>
                <c:pt idx="1283">
                  <c:v>0</c:v>
                </c:pt>
                <c:pt idx="1284">
                  <c:v>0</c:v>
                </c:pt>
                <c:pt idx="1285">
                  <c:v>0</c:v>
                </c:pt>
                <c:pt idx="1286">
                  <c:v>0</c:v>
                </c:pt>
                <c:pt idx="1287">
                  <c:v>0</c:v>
                </c:pt>
                <c:pt idx="1288">
                  <c:v>0</c:v>
                </c:pt>
                <c:pt idx="1289">
                  <c:v>0</c:v>
                </c:pt>
                <c:pt idx="1290">
                  <c:v>0</c:v>
                </c:pt>
                <c:pt idx="1291">
                  <c:v>0</c:v>
                </c:pt>
                <c:pt idx="1292">
                  <c:v>0</c:v>
                </c:pt>
                <c:pt idx="1293">
                  <c:v>0</c:v>
                </c:pt>
                <c:pt idx="1294">
                  <c:v>0</c:v>
                </c:pt>
                <c:pt idx="1295">
                  <c:v>0</c:v>
                </c:pt>
                <c:pt idx="1296">
                  <c:v>0</c:v>
                </c:pt>
                <c:pt idx="1297">
                  <c:v>0</c:v>
                </c:pt>
                <c:pt idx="1298">
                  <c:v>0</c:v>
                </c:pt>
                <c:pt idx="1299">
                  <c:v>0</c:v>
                </c:pt>
                <c:pt idx="1300">
                  <c:v>0</c:v>
                </c:pt>
                <c:pt idx="1301">
                  <c:v>0</c:v>
                </c:pt>
                <c:pt idx="1302">
                  <c:v>0</c:v>
                </c:pt>
                <c:pt idx="1303">
                  <c:v>0</c:v>
                </c:pt>
                <c:pt idx="1304">
                  <c:v>0</c:v>
                </c:pt>
                <c:pt idx="1305">
                  <c:v>0</c:v>
                </c:pt>
                <c:pt idx="1306">
                  <c:v>0</c:v>
                </c:pt>
                <c:pt idx="1307">
                  <c:v>0</c:v>
                </c:pt>
                <c:pt idx="1308">
                  <c:v>0</c:v>
                </c:pt>
                <c:pt idx="1309">
                  <c:v>0</c:v>
                </c:pt>
                <c:pt idx="1310">
                  <c:v>0</c:v>
                </c:pt>
                <c:pt idx="1311">
                  <c:v>0</c:v>
                </c:pt>
                <c:pt idx="1312">
                  <c:v>0</c:v>
                </c:pt>
                <c:pt idx="1313">
                  <c:v>0</c:v>
                </c:pt>
                <c:pt idx="1314">
                  <c:v>0</c:v>
                </c:pt>
                <c:pt idx="1315">
                  <c:v>0</c:v>
                </c:pt>
                <c:pt idx="1316">
                  <c:v>0</c:v>
                </c:pt>
                <c:pt idx="1317">
                  <c:v>0</c:v>
                </c:pt>
                <c:pt idx="1318">
                  <c:v>0</c:v>
                </c:pt>
                <c:pt idx="1319">
                  <c:v>0</c:v>
                </c:pt>
                <c:pt idx="1320">
                  <c:v>0</c:v>
                </c:pt>
                <c:pt idx="1321">
                  <c:v>0</c:v>
                </c:pt>
                <c:pt idx="1322">
                  <c:v>0</c:v>
                </c:pt>
                <c:pt idx="1323">
                  <c:v>0</c:v>
                </c:pt>
                <c:pt idx="1324">
                  <c:v>0</c:v>
                </c:pt>
                <c:pt idx="1325">
                  <c:v>0</c:v>
                </c:pt>
                <c:pt idx="1326">
                  <c:v>0</c:v>
                </c:pt>
                <c:pt idx="1327">
                  <c:v>0</c:v>
                </c:pt>
                <c:pt idx="1328">
                  <c:v>0</c:v>
                </c:pt>
                <c:pt idx="1329">
                  <c:v>0</c:v>
                </c:pt>
                <c:pt idx="1330">
                  <c:v>0</c:v>
                </c:pt>
                <c:pt idx="1331">
                  <c:v>0</c:v>
                </c:pt>
                <c:pt idx="1332">
                  <c:v>0</c:v>
                </c:pt>
                <c:pt idx="1333">
                  <c:v>0</c:v>
                </c:pt>
                <c:pt idx="1334">
                  <c:v>0</c:v>
                </c:pt>
                <c:pt idx="1335">
                  <c:v>0</c:v>
                </c:pt>
                <c:pt idx="1336">
                  <c:v>0</c:v>
                </c:pt>
                <c:pt idx="1337">
                  <c:v>0</c:v>
                </c:pt>
                <c:pt idx="1338">
                  <c:v>0</c:v>
                </c:pt>
                <c:pt idx="1339">
                  <c:v>0</c:v>
                </c:pt>
                <c:pt idx="1340">
                  <c:v>0</c:v>
                </c:pt>
                <c:pt idx="1341">
                  <c:v>0</c:v>
                </c:pt>
                <c:pt idx="1342">
                  <c:v>0</c:v>
                </c:pt>
                <c:pt idx="1343">
                  <c:v>0</c:v>
                </c:pt>
                <c:pt idx="1344">
                  <c:v>0</c:v>
                </c:pt>
                <c:pt idx="1345">
                  <c:v>0</c:v>
                </c:pt>
                <c:pt idx="1346">
                  <c:v>0</c:v>
                </c:pt>
                <c:pt idx="1347">
                  <c:v>0</c:v>
                </c:pt>
                <c:pt idx="1348">
                  <c:v>0</c:v>
                </c:pt>
                <c:pt idx="1349">
                  <c:v>0</c:v>
                </c:pt>
                <c:pt idx="1350">
                  <c:v>0</c:v>
                </c:pt>
                <c:pt idx="1351">
                  <c:v>0</c:v>
                </c:pt>
                <c:pt idx="1352">
                  <c:v>0</c:v>
                </c:pt>
                <c:pt idx="1353">
                  <c:v>0</c:v>
                </c:pt>
                <c:pt idx="1354">
                  <c:v>0</c:v>
                </c:pt>
                <c:pt idx="1355">
                  <c:v>0</c:v>
                </c:pt>
                <c:pt idx="1356">
                  <c:v>0</c:v>
                </c:pt>
                <c:pt idx="1357">
                  <c:v>0</c:v>
                </c:pt>
                <c:pt idx="1358">
                  <c:v>0</c:v>
                </c:pt>
                <c:pt idx="1359">
                  <c:v>0</c:v>
                </c:pt>
                <c:pt idx="1360">
                  <c:v>0</c:v>
                </c:pt>
                <c:pt idx="1361">
                  <c:v>0</c:v>
                </c:pt>
                <c:pt idx="1362">
                  <c:v>0</c:v>
                </c:pt>
                <c:pt idx="1363">
                  <c:v>0</c:v>
                </c:pt>
                <c:pt idx="1364">
                  <c:v>0</c:v>
                </c:pt>
                <c:pt idx="1365">
                  <c:v>0</c:v>
                </c:pt>
                <c:pt idx="1366">
                  <c:v>0</c:v>
                </c:pt>
                <c:pt idx="1367">
                  <c:v>0</c:v>
                </c:pt>
                <c:pt idx="1368">
                  <c:v>0</c:v>
                </c:pt>
                <c:pt idx="1369">
                  <c:v>0</c:v>
                </c:pt>
                <c:pt idx="1370">
                  <c:v>0</c:v>
                </c:pt>
                <c:pt idx="1371">
                  <c:v>0</c:v>
                </c:pt>
                <c:pt idx="1372">
                  <c:v>0</c:v>
                </c:pt>
                <c:pt idx="1373">
                  <c:v>0</c:v>
                </c:pt>
                <c:pt idx="1374">
                  <c:v>0</c:v>
                </c:pt>
                <c:pt idx="1375">
                  <c:v>0</c:v>
                </c:pt>
                <c:pt idx="1376">
                  <c:v>0</c:v>
                </c:pt>
                <c:pt idx="1377">
                  <c:v>0</c:v>
                </c:pt>
                <c:pt idx="1378">
                  <c:v>0</c:v>
                </c:pt>
                <c:pt idx="1379">
                  <c:v>0</c:v>
                </c:pt>
                <c:pt idx="1380">
                  <c:v>0</c:v>
                </c:pt>
                <c:pt idx="1381">
                  <c:v>0</c:v>
                </c:pt>
                <c:pt idx="1382">
                  <c:v>0</c:v>
                </c:pt>
                <c:pt idx="1383">
                  <c:v>0</c:v>
                </c:pt>
                <c:pt idx="1384">
                  <c:v>0</c:v>
                </c:pt>
                <c:pt idx="1385">
                  <c:v>0</c:v>
                </c:pt>
                <c:pt idx="1386">
                  <c:v>0</c:v>
                </c:pt>
                <c:pt idx="1387">
                  <c:v>0</c:v>
                </c:pt>
                <c:pt idx="1388">
                  <c:v>0</c:v>
                </c:pt>
                <c:pt idx="1389">
                  <c:v>0</c:v>
                </c:pt>
                <c:pt idx="1390">
                  <c:v>0</c:v>
                </c:pt>
                <c:pt idx="1391">
                  <c:v>0</c:v>
                </c:pt>
                <c:pt idx="1392">
                  <c:v>0</c:v>
                </c:pt>
                <c:pt idx="1393">
                  <c:v>0</c:v>
                </c:pt>
                <c:pt idx="1394">
                  <c:v>0</c:v>
                </c:pt>
                <c:pt idx="1395">
                  <c:v>0</c:v>
                </c:pt>
                <c:pt idx="1396">
                  <c:v>0</c:v>
                </c:pt>
                <c:pt idx="1397">
                  <c:v>0</c:v>
                </c:pt>
                <c:pt idx="1398">
                  <c:v>0</c:v>
                </c:pt>
                <c:pt idx="1399">
                  <c:v>0</c:v>
                </c:pt>
                <c:pt idx="1400">
                  <c:v>0</c:v>
                </c:pt>
                <c:pt idx="1401">
                  <c:v>0</c:v>
                </c:pt>
                <c:pt idx="1402">
                  <c:v>0</c:v>
                </c:pt>
                <c:pt idx="1403">
                  <c:v>0</c:v>
                </c:pt>
                <c:pt idx="1404">
                  <c:v>0</c:v>
                </c:pt>
                <c:pt idx="1405">
                  <c:v>0</c:v>
                </c:pt>
                <c:pt idx="1406">
                  <c:v>0</c:v>
                </c:pt>
                <c:pt idx="1407">
                  <c:v>0</c:v>
                </c:pt>
                <c:pt idx="1408">
                  <c:v>0</c:v>
                </c:pt>
                <c:pt idx="1409">
                  <c:v>0</c:v>
                </c:pt>
                <c:pt idx="1410">
                  <c:v>0</c:v>
                </c:pt>
                <c:pt idx="1411">
                  <c:v>0</c:v>
                </c:pt>
                <c:pt idx="1412">
                  <c:v>0</c:v>
                </c:pt>
                <c:pt idx="1413">
                  <c:v>0</c:v>
                </c:pt>
                <c:pt idx="1414">
                  <c:v>0</c:v>
                </c:pt>
                <c:pt idx="1415">
                  <c:v>0</c:v>
                </c:pt>
                <c:pt idx="1416">
                  <c:v>0</c:v>
                </c:pt>
                <c:pt idx="1417">
                  <c:v>0</c:v>
                </c:pt>
                <c:pt idx="1418">
                  <c:v>0</c:v>
                </c:pt>
                <c:pt idx="1419">
                  <c:v>0</c:v>
                </c:pt>
                <c:pt idx="1420">
                  <c:v>0</c:v>
                </c:pt>
                <c:pt idx="1421">
                  <c:v>0</c:v>
                </c:pt>
                <c:pt idx="1422">
                  <c:v>0</c:v>
                </c:pt>
                <c:pt idx="1423">
                  <c:v>0</c:v>
                </c:pt>
                <c:pt idx="1424">
                  <c:v>0</c:v>
                </c:pt>
                <c:pt idx="1425">
                  <c:v>0</c:v>
                </c:pt>
                <c:pt idx="1426">
                  <c:v>0</c:v>
                </c:pt>
                <c:pt idx="1427">
                  <c:v>0</c:v>
                </c:pt>
                <c:pt idx="1428">
                  <c:v>0</c:v>
                </c:pt>
                <c:pt idx="1429">
                  <c:v>0</c:v>
                </c:pt>
                <c:pt idx="1430">
                  <c:v>0</c:v>
                </c:pt>
                <c:pt idx="1431">
                  <c:v>0</c:v>
                </c:pt>
                <c:pt idx="1432">
                  <c:v>0</c:v>
                </c:pt>
                <c:pt idx="1433">
                  <c:v>0</c:v>
                </c:pt>
                <c:pt idx="1434">
                  <c:v>0</c:v>
                </c:pt>
                <c:pt idx="1435">
                  <c:v>0</c:v>
                </c:pt>
                <c:pt idx="1436">
                  <c:v>0</c:v>
                </c:pt>
                <c:pt idx="1437">
                  <c:v>0</c:v>
                </c:pt>
                <c:pt idx="1438">
                  <c:v>0</c:v>
                </c:pt>
                <c:pt idx="1439">
                  <c:v>0</c:v>
                </c:pt>
                <c:pt idx="1440">
                  <c:v>0</c:v>
                </c:pt>
                <c:pt idx="1441">
                  <c:v>0</c:v>
                </c:pt>
                <c:pt idx="1442">
                  <c:v>0</c:v>
                </c:pt>
                <c:pt idx="1443">
                  <c:v>0</c:v>
                </c:pt>
                <c:pt idx="1444">
                  <c:v>0</c:v>
                </c:pt>
                <c:pt idx="1445">
                  <c:v>0</c:v>
                </c:pt>
                <c:pt idx="1446">
                  <c:v>0</c:v>
                </c:pt>
                <c:pt idx="1447">
                  <c:v>0</c:v>
                </c:pt>
                <c:pt idx="1448">
                  <c:v>0</c:v>
                </c:pt>
                <c:pt idx="1449">
                  <c:v>0</c:v>
                </c:pt>
                <c:pt idx="1450">
                  <c:v>0</c:v>
                </c:pt>
                <c:pt idx="1451">
                  <c:v>0</c:v>
                </c:pt>
                <c:pt idx="1452">
                  <c:v>0</c:v>
                </c:pt>
                <c:pt idx="1453">
                  <c:v>0</c:v>
                </c:pt>
                <c:pt idx="1454">
                  <c:v>0</c:v>
                </c:pt>
                <c:pt idx="1455">
                  <c:v>0</c:v>
                </c:pt>
                <c:pt idx="1456">
                  <c:v>0</c:v>
                </c:pt>
                <c:pt idx="1457">
                  <c:v>0</c:v>
                </c:pt>
                <c:pt idx="1458">
                  <c:v>0</c:v>
                </c:pt>
                <c:pt idx="1459">
                  <c:v>0</c:v>
                </c:pt>
                <c:pt idx="1460">
                  <c:v>0</c:v>
                </c:pt>
                <c:pt idx="1461">
                  <c:v>0</c:v>
                </c:pt>
                <c:pt idx="1462">
                  <c:v>0</c:v>
                </c:pt>
                <c:pt idx="1463">
                  <c:v>0</c:v>
                </c:pt>
                <c:pt idx="1464">
                  <c:v>0</c:v>
                </c:pt>
                <c:pt idx="1465">
                  <c:v>0</c:v>
                </c:pt>
                <c:pt idx="1466">
                  <c:v>0</c:v>
                </c:pt>
                <c:pt idx="1467">
                  <c:v>0</c:v>
                </c:pt>
                <c:pt idx="1468">
                  <c:v>0</c:v>
                </c:pt>
                <c:pt idx="1469">
                  <c:v>0</c:v>
                </c:pt>
                <c:pt idx="1470">
                  <c:v>0</c:v>
                </c:pt>
                <c:pt idx="1471">
                  <c:v>0</c:v>
                </c:pt>
                <c:pt idx="1472">
                  <c:v>0</c:v>
                </c:pt>
                <c:pt idx="1473">
                  <c:v>0</c:v>
                </c:pt>
                <c:pt idx="1474">
                  <c:v>0</c:v>
                </c:pt>
                <c:pt idx="1475">
                  <c:v>0</c:v>
                </c:pt>
                <c:pt idx="1476">
                  <c:v>0</c:v>
                </c:pt>
                <c:pt idx="1477">
                  <c:v>0</c:v>
                </c:pt>
                <c:pt idx="1478">
                  <c:v>0</c:v>
                </c:pt>
                <c:pt idx="1479">
                  <c:v>0</c:v>
                </c:pt>
                <c:pt idx="1480">
                  <c:v>0</c:v>
                </c:pt>
                <c:pt idx="1481">
                  <c:v>0</c:v>
                </c:pt>
                <c:pt idx="1482">
                  <c:v>0</c:v>
                </c:pt>
                <c:pt idx="1483">
                  <c:v>0</c:v>
                </c:pt>
                <c:pt idx="1484">
                  <c:v>0</c:v>
                </c:pt>
                <c:pt idx="1485">
                  <c:v>0</c:v>
                </c:pt>
                <c:pt idx="1486">
                  <c:v>0</c:v>
                </c:pt>
                <c:pt idx="1487">
                  <c:v>0</c:v>
                </c:pt>
                <c:pt idx="1488">
                  <c:v>0</c:v>
                </c:pt>
                <c:pt idx="1489">
                  <c:v>0</c:v>
                </c:pt>
                <c:pt idx="1490">
                  <c:v>0</c:v>
                </c:pt>
                <c:pt idx="1491">
                  <c:v>0</c:v>
                </c:pt>
                <c:pt idx="1492">
                  <c:v>0</c:v>
                </c:pt>
                <c:pt idx="1493">
                  <c:v>0</c:v>
                </c:pt>
                <c:pt idx="1494">
                  <c:v>0</c:v>
                </c:pt>
                <c:pt idx="1495">
                  <c:v>0</c:v>
                </c:pt>
                <c:pt idx="1496">
                  <c:v>0</c:v>
                </c:pt>
                <c:pt idx="1497">
                  <c:v>0</c:v>
                </c:pt>
                <c:pt idx="1498">
                  <c:v>0</c:v>
                </c:pt>
                <c:pt idx="1499">
                  <c:v>0</c:v>
                </c:pt>
                <c:pt idx="1500">
                  <c:v>0</c:v>
                </c:pt>
                <c:pt idx="1501">
                  <c:v>0</c:v>
                </c:pt>
                <c:pt idx="1502">
                  <c:v>0</c:v>
                </c:pt>
                <c:pt idx="1503">
                  <c:v>0</c:v>
                </c:pt>
                <c:pt idx="1504">
                  <c:v>0</c:v>
                </c:pt>
                <c:pt idx="1505">
                  <c:v>0</c:v>
                </c:pt>
                <c:pt idx="1506">
                  <c:v>0</c:v>
                </c:pt>
                <c:pt idx="1507">
                  <c:v>0</c:v>
                </c:pt>
                <c:pt idx="1508">
                  <c:v>0</c:v>
                </c:pt>
                <c:pt idx="1509">
                  <c:v>0</c:v>
                </c:pt>
                <c:pt idx="1510">
                  <c:v>0</c:v>
                </c:pt>
                <c:pt idx="1511">
                  <c:v>0</c:v>
                </c:pt>
                <c:pt idx="1512">
                  <c:v>0</c:v>
                </c:pt>
                <c:pt idx="1513">
                  <c:v>0</c:v>
                </c:pt>
                <c:pt idx="1514">
                  <c:v>0</c:v>
                </c:pt>
                <c:pt idx="1515">
                  <c:v>0</c:v>
                </c:pt>
                <c:pt idx="1516">
                  <c:v>0</c:v>
                </c:pt>
                <c:pt idx="1517">
                  <c:v>0</c:v>
                </c:pt>
                <c:pt idx="1518">
                  <c:v>0</c:v>
                </c:pt>
                <c:pt idx="1519">
                  <c:v>0</c:v>
                </c:pt>
                <c:pt idx="1520">
                  <c:v>0</c:v>
                </c:pt>
                <c:pt idx="1521">
                  <c:v>0</c:v>
                </c:pt>
                <c:pt idx="1522">
                  <c:v>0</c:v>
                </c:pt>
                <c:pt idx="1523">
                  <c:v>0</c:v>
                </c:pt>
                <c:pt idx="1524">
                  <c:v>0</c:v>
                </c:pt>
                <c:pt idx="1525">
                  <c:v>0</c:v>
                </c:pt>
                <c:pt idx="1526">
                  <c:v>0</c:v>
                </c:pt>
                <c:pt idx="1527">
                  <c:v>0</c:v>
                </c:pt>
                <c:pt idx="1528">
                  <c:v>0</c:v>
                </c:pt>
                <c:pt idx="1529">
                  <c:v>0</c:v>
                </c:pt>
                <c:pt idx="1530">
                  <c:v>0</c:v>
                </c:pt>
                <c:pt idx="1531">
                  <c:v>0</c:v>
                </c:pt>
                <c:pt idx="1532">
                  <c:v>0</c:v>
                </c:pt>
                <c:pt idx="1533">
                  <c:v>0</c:v>
                </c:pt>
                <c:pt idx="1534">
                  <c:v>0</c:v>
                </c:pt>
                <c:pt idx="1535">
                  <c:v>0</c:v>
                </c:pt>
                <c:pt idx="1536">
                  <c:v>0</c:v>
                </c:pt>
                <c:pt idx="1537">
                  <c:v>0</c:v>
                </c:pt>
                <c:pt idx="1538">
                  <c:v>0</c:v>
                </c:pt>
                <c:pt idx="1539">
                  <c:v>0</c:v>
                </c:pt>
                <c:pt idx="1540">
                  <c:v>0</c:v>
                </c:pt>
                <c:pt idx="1541">
                  <c:v>0</c:v>
                </c:pt>
                <c:pt idx="1542">
                  <c:v>0</c:v>
                </c:pt>
                <c:pt idx="1543">
                  <c:v>0</c:v>
                </c:pt>
                <c:pt idx="1544">
                  <c:v>0</c:v>
                </c:pt>
                <c:pt idx="1545">
                  <c:v>0</c:v>
                </c:pt>
                <c:pt idx="1546">
                  <c:v>0</c:v>
                </c:pt>
                <c:pt idx="1547">
                  <c:v>0</c:v>
                </c:pt>
                <c:pt idx="1548">
                  <c:v>0</c:v>
                </c:pt>
                <c:pt idx="1549">
                  <c:v>0</c:v>
                </c:pt>
                <c:pt idx="1550">
                  <c:v>0</c:v>
                </c:pt>
                <c:pt idx="1551">
                  <c:v>0</c:v>
                </c:pt>
                <c:pt idx="1552">
                  <c:v>0</c:v>
                </c:pt>
                <c:pt idx="1553">
                  <c:v>0</c:v>
                </c:pt>
                <c:pt idx="1554">
                  <c:v>0</c:v>
                </c:pt>
                <c:pt idx="1555">
                  <c:v>0</c:v>
                </c:pt>
                <c:pt idx="1556">
                  <c:v>0</c:v>
                </c:pt>
                <c:pt idx="1557">
                  <c:v>0</c:v>
                </c:pt>
                <c:pt idx="1558">
                  <c:v>0</c:v>
                </c:pt>
                <c:pt idx="1559">
                  <c:v>0</c:v>
                </c:pt>
                <c:pt idx="1560">
                  <c:v>0</c:v>
                </c:pt>
                <c:pt idx="1561">
                  <c:v>0</c:v>
                </c:pt>
                <c:pt idx="1562">
                  <c:v>0</c:v>
                </c:pt>
                <c:pt idx="1563">
                  <c:v>0</c:v>
                </c:pt>
                <c:pt idx="1564">
                  <c:v>0</c:v>
                </c:pt>
                <c:pt idx="1565">
                  <c:v>0</c:v>
                </c:pt>
                <c:pt idx="1566">
                  <c:v>0</c:v>
                </c:pt>
                <c:pt idx="1567">
                  <c:v>0</c:v>
                </c:pt>
                <c:pt idx="1568">
                  <c:v>0</c:v>
                </c:pt>
                <c:pt idx="1569">
                  <c:v>0</c:v>
                </c:pt>
                <c:pt idx="1570">
                  <c:v>0</c:v>
                </c:pt>
                <c:pt idx="1571">
                  <c:v>0</c:v>
                </c:pt>
                <c:pt idx="1572">
                  <c:v>0</c:v>
                </c:pt>
                <c:pt idx="1573">
                  <c:v>0</c:v>
                </c:pt>
                <c:pt idx="1574">
                  <c:v>0</c:v>
                </c:pt>
                <c:pt idx="1575">
                  <c:v>0</c:v>
                </c:pt>
                <c:pt idx="1576">
                  <c:v>0</c:v>
                </c:pt>
                <c:pt idx="1577">
                  <c:v>0</c:v>
                </c:pt>
                <c:pt idx="1578">
                  <c:v>0</c:v>
                </c:pt>
                <c:pt idx="1579">
                  <c:v>0</c:v>
                </c:pt>
                <c:pt idx="1580">
                  <c:v>0</c:v>
                </c:pt>
                <c:pt idx="1581">
                  <c:v>0</c:v>
                </c:pt>
                <c:pt idx="1582">
                  <c:v>0</c:v>
                </c:pt>
                <c:pt idx="1583">
                  <c:v>0</c:v>
                </c:pt>
                <c:pt idx="1584">
                  <c:v>0</c:v>
                </c:pt>
                <c:pt idx="1585">
                  <c:v>0</c:v>
                </c:pt>
                <c:pt idx="1586">
                  <c:v>0</c:v>
                </c:pt>
                <c:pt idx="1587">
                  <c:v>0</c:v>
                </c:pt>
                <c:pt idx="1588">
                  <c:v>0</c:v>
                </c:pt>
                <c:pt idx="1589">
                  <c:v>0</c:v>
                </c:pt>
                <c:pt idx="1590">
                  <c:v>0</c:v>
                </c:pt>
                <c:pt idx="1591">
                  <c:v>0</c:v>
                </c:pt>
                <c:pt idx="1592">
                  <c:v>0</c:v>
                </c:pt>
                <c:pt idx="1593">
                  <c:v>0</c:v>
                </c:pt>
                <c:pt idx="1594">
                  <c:v>0</c:v>
                </c:pt>
                <c:pt idx="1595">
                  <c:v>0</c:v>
                </c:pt>
                <c:pt idx="1596">
                  <c:v>0</c:v>
                </c:pt>
                <c:pt idx="1597">
                  <c:v>0</c:v>
                </c:pt>
                <c:pt idx="1598">
                  <c:v>0</c:v>
                </c:pt>
                <c:pt idx="1599">
                  <c:v>0</c:v>
                </c:pt>
                <c:pt idx="1600">
                  <c:v>0</c:v>
                </c:pt>
                <c:pt idx="1601">
                  <c:v>0</c:v>
                </c:pt>
                <c:pt idx="1602">
                  <c:v>0</c:v>
                </c:pt>
                <c:pt idx="1603">
                  <c:v>0</c:v>
                </c:pt>
                <c:pt idx="1604">
                  <c:v>0</c:v>
                </c:pt>
                <c:pt idx="1605">
                  <c:v>0</c:v>
                </c:pt>
                <c:pt idx="1606">
                  <c:v>0</c:v>
                </c:pt>
                <c:pt idx="1607">
                  <c:v>0</c:v>
                </c:pt>
                <c:pt idx="1608">
                  <c:v>0</c:v>
                </c:pt>
                <c:pt idx="1609">
                  <c:v>0</c:v>
                </c:pt>
                <c:pt idx="1610">
                  <c:v>0</c:v>
                </c:pt>
                <c:pt idx="1611">
                  <c:v>0</c:v>
                </c:pt>
                <c:pt idx="1612">
                  <c:v>0</c:v>
                </c:pt>
                <c:pt idx="1613">
                  <c:v>0</c:v>
                </c:pt>
                <c:pt idx="1614">
                  <c:v>0</c:v>
                </c:pt>
                <c:pt idx="1615">
                  <c:v>0</c:v>
                </c:pt>
                <c:pt idx="1616">
                  <c:v>0</c:v>
                </c:pt>
                <c:pt idx="1617">
                  <c:v>0</c:v>
                </c:pt>
                <c:pt idx="1618">
                  <c:v>0</c:v>
                </c:pt>
                <c:pt idx="1619">
                  <c:v>0</c:v>
                </c:pt>
                <c:pt idx="1620">
                  <c:v>0</c:v>
                </c:pt>
                <c:pt idx="1621">
                  <c:v>0</c:v>
                </c:pt>
                <c:pt idx="1622">
                  <c:v>0</c:v>
                </c:pt>
                <c:pt idx="1623">
                  <c:v>0</c:v>
                </c:pt>
                <c:pt idx="1624">
                  <c:v>0</c:v>
                </c:pt>
                <c:pt idx="1625">
                  <c:v>0</c:v>
                </c:pt>
                <c:pt idx="1626">
                  <c:v>0</c:v>
                </c:pt>
                <c:pt idx="1627">
                  <c:v>0</c:v>
                </c:pt>
                <c:pt idx="1628">
                  <c:v>0</c:v>
                </c:pt>
                <c:pt idx="1629">
                  <c:v>0</c:v>
                </c:pt>
                <c:pt idx="1630">
                  <c:v>0</c:v>
                </c:pt>
                <c:pt idx="1631">
                  <c:v>0</c:v>
                </c:pt>
                <c:pt idx="1632">
                  <c:v>0</c:v>
                </c:pt>
                <c:pt idx="1633">
                  <c:v>0</c:v>
                </c:pt>
                <c:pt idx="1634">
                  <c:v>0</c:v>
                </c:pt>
                <c:pt idx="1635">
                  <c:v>0</c:v>
                </c:pt>
                <c:pt idx="1636">
                  <c:v>0</c:v>
                </c:pt>
                <c:pt idx="1637">
                  <c:v>0</c:v>
                </c:pt>
                <c:pt idx="1638">
                  <c:v>0</c:v>
                </c:pt>
                <c:pt idx="1639">
                  <c:v>0</c:v>
                </c:pt>
                <c:pt idx="1640">
                  <c:v>0</c:v>
                </c:pt>
                <c:pt idx="1641">
                  <c:v>0</c:v>
                </c:pt>
                <c:pt idx="1642">
                  <c:v>0</c:v>
                </c:pt>
                <c:pt idx="1643">
                  <c:v>0</c:v>
                </c:pt>
                <c:pt idx="1644">
                  <c:v>0</c:v>
                </c:pt>
                <c:pt idx="1645">
                  <c:v>0</c:v>
                </c:pt>
                <c:pt idx="1646">
                  <c:v>0</c:v>
                </c:pt>
                <c:pt idx="1647">
                  <c:v>0</c:v>
                </c:pt>
                <c:pt idx="1648">
                  <c:v>0</c:v>
                </c:pt>
                <c:pt idx="1649">
                  <c:v>0</c:v>
                </c:pt>
                <c:pt idx="1650">
                  <c:v>0</c:v>
                </c:pt>
                <c:pt idx="1651">
                  <c:v>0</c:v>
                </c:pt>
                <c:pt idx="1652">
                  <c:v>0</c:v>
                </c:pt>
                <c:pt idx="1653">
                  <c:v>0</c:v>
                </c:pt>
                <c:pt idx="1654">
                  <c:v>0</c:v>
                </c:pt>
                <c:pt idx="1655">
                  <c:v>0</c:v>
                </c:pt>
                <c:pt idx="1656">
                  <c:v>0</c:v>
                </c:pt>
                <c:pt idx="1657">
                  <c:v>0</c:v>
                </c:pt>
                <c:pt idx="1658">
                  <c:v>0</c:v>
                </c:pt>
                <c:pt idx="1659">
                  <c:v>0</c:v>
                </c:pt>
                <c:pt idx="1660">
                  <c:v>0</c:v>
                </c:pt>
                <c:pt idx="1661">
                  <c:v>0</c:v>
                </c:pt>
                <c:pt idx="1662">
                  <c:v>0</c:v>
                </c:pt>
                <c:pt idx="1663">
                  <c:v>0</c:v>
                </c:pt>
                <c:pt idx="1664">
                  <c:v>0</c:v>
                </c:pt>
                <c:pt idx="1665">
                  <c:v>0</c:v>
                </c:pt>
                <c:pt idx="1666">
                  <c:v>0</c:v>
                </c:pt>
                <c:pt idx="1667">
                  <c:v>0</c:v>
                </c:pt>
                <c:pt idx="1668">
                  <c:v>0</c:v>
                </c:pt>
                <c:pt idx="1669">
                  <c:v>0</c:v>
                </c:pt>
                <c:pt idx="1670">
                  <c:v>0</c:v>
                </c:pt>
                <c:pt idx="1671">
                  <c:v>0</c:v>
                </c:pt>
                <c:pt idx="1672">
                  <c:v>0</c:v>
                </c:pt>
                <c:pt idx="1673">
                  <c:v>0</c:v>
                </c:pt>
                <c:pt idx="1674">
                  <c:v>0</c:v>
                </c:pt>
                <c:pt idx="1675">
                  <c:v>0</c:v>
                </c:pt>
                <c:pt idx="1676">
                  <c:v>0</c:v>
                </c:pt>
                <c:pt idx="1677">
                  <c:v>0</c:v>
                </c:pt>
                <c:pt idx="1678">
                  <c:v>0</c:v>
                </c:pt>
                <c:pt idx="1679">
                  <c:v>0</c:v>
                </c:pt>
                <c:pt idx="1680">
                  <c:v>0</c:v>
                </c:pt>
                <c:pt idx="1681">
                  <c:v>0</c:v>
                </c:pt>
                <c:pt idx="1682">
                  <c:v>0</c:v>
                </c:pt>
                <c:pt idx="1683">
                  <c:v>0</c:v>
                </c:pt>
                <c:pt idx="1684">
                  <c:v>0</c:v>
                </c:pt>
                <c:pt idx="1685">
                  <c:v>0</c:v>
                </c:pt>
                <c:pt idx="1686">
                  <c:v>0</c:v>
                </c:pt>
                <c:pt idx="1687">
                  <c:v>0</c:v>
                </c:pt>
                <c:pt idx="1688">
                  <c:v>0</c:v>
                </c:pt>
                <c:pt idx="1689">
                  <c:v>0</c:v>
                </c:pt>
                <c:pt idx="1690">
                  <c:v>0</c:v>
                </c:pt>
                <c:pt idx="1691">
                  <c:v>0</c:v>
                </c:pt>
                <c:pt idx="1692">
                  <c:v>0</c:v>
                </c:pt>
                <c:pt idx="1693">
                  <c:v>0</c:v>
                </c:pt>
                <c:pt idx="1694">
                  <c:v>0</c:v>
                </c:pt>
                <c:pt idx="1695">
                  <c:v>0</c:v>
                </c:pt>
                <c:pt idx="1696">
                  <c:v>0</c:v>
                </c:pt>
                <c:pt idx="1697">
                  <c:v>0</c:v>
                </c:pt>
                <c:pt idx="1698">
                  <c:v>0</c:v>
                </c:pt>
                <c:pt idx="1699">
                  <c:v>0</c:v>
                </c:pt>
                <c:pt idx="1700">
                  <c:v>0</c:v>
                </c:pt>
                <c:pt idx="1701">
                  <c:v>0</c:v>
                </c:pt>
                <c:pt idx="1702">
                  <c:v>0</c:v>
                </c:pt>
                <c:pt idx="1703">
                  <c:v>0</c:v>
                </c:pt>
                <c:pt idx="1704">
                  <c:v>0</c:v>
                </c:pt>
                <c:pt idx="1705">
                  <c:v>0</c:v>
                </c:pt>
                <c:pt idx="1706">
                  <c:v>0</c:v>
                </c:pt>
                <c:pt idx="1707">
                  <c:v>0</c:v>
                </c:pt>
                <c:pt idx="1708">
                  <c:v>0</c:v>
                </c:pt>
                <c:pt idx="1709">
                  <c:v>0</c:v>
                </c:pt>
                <c:pt idx="1710">
                  <c:v>0</c:v>
                </c:pt>
                <c:pt idx="1711">
                  <c:v>0</c:v>
                </c:pt>
                <c:pt idx="1712">
                  <c:v>0</c:v>
                </c:pt>
                <c:pt idx="1713">
                  <c:v>0</c:v>
                </c:pt>
                <c:pt idx="1714">
                  <c:v>0</c:v>
                </c:pt>
                <c:pt idx="1715">
                  <c:v>0</c:v>
                </c:pt>
                <c:pt idx="1716">
                  <c:v>0</c:v>
                </c:pt>
                <c:pt idx="1717">
                  <c:v>0</c:v>
                </c:pt>
                <c:pt idx="1718">
                  <c:v>0</c:v>
                </c:pt>
                <c:pt idx="1719">
                  <c:v>0</c:v>
                </c:pt>
                <c:pt idx="1720">
                  <c:v>0</c:v>
                </c:pt>
                <c:pt idx="1721">
                  <c:v>0</c:v>
                </c:pt>
                <c:pt idx="1722">
                  <c:v>0</c:v>
                </c:pt>
                <c:pt idx="1723">
                  <c:v>0</c:v>
                </c:pt>
                <c:pt idx="1724">
                  <c:v>0</c:v>
                </c:pt>
                <c:pt idx="1725">
                  <c:v>0</c:v>
                </c:pt>
                <c:pt idx="1726">
                  <c:v>0</c:v>
                </c:pt>
                <c:pt idx="1727">
                  <c:v>0</c:v>
                </c:pt>
                <c:pt idx="1728">
                  <c:v>0</c:v>
                </c:pt>
                <c:pt idx="1729">
                  <c:v>0</c:v>
                </c:pt>
                <c:pt idx="1730">
                  <c:v>0</c:v>
                </c:pt>
                <c:pt idx="1731">
                  <c:v>0</c:v>
                </c:pt>
                <c:pt idx="1732">
                  <c:v>0</c:v>
                </c:pt>
                <c:pt idx="1733">
                  <c:v>0</c:v>
                </c:pt>
                <c:pt idx="1734">
                  <c:v>0</c:v>
                </c:pt>
                <c:pt idx="1735">
                  <c:v>0</c:v>
                </c:pt>
                <c:pt idx="1736">
                  <c:v>0</c:v>
                </c:pt>
                <c:pt idx="1737">
                  <c:v>0</c:v>
                </c:pt>
                <c:pt idx="1738">
                  <c:v>0</c:v>
                </c:pt>
                <c:pt idx="1739">
                  <c:v>0</c:v>
                </c:pt>
                <c:pt idx="1740">
                  <c:v>0</c:v>
                </c:pt>
                <c:pt idx="1741">
                  <c:v>0</c:v>
                </c:pt>
                <c:pt idx="1742">
                  <c:v>0</c:v>
                </c:pt>
                <c:pt idx="1743">
                  <c:v>0</c:v>
                </c:pt>
                <c:pt idx="1744">
                  <c:v>0</c:v>
                </c:pt>
                <c:pt idx="1745">
                  <c:v>0</c:v>
                </c:pt>
                <c:pt idx="1746">
                  <c:v>0</c:v>
                </c:pt>
                <c:pt idx="1747">
                  <c:v>0</c:v>
                </c:pt>
                <c:pt idx="1748">
                  <c:v>0</c:v>
                </c:pt>
                <c:pt idx="1749">
                  <c:v>0</c:v>
                </c:pt>
                <c:pt idx="1750">
                  <c:v>0</c:v>
                </c:pt>
                <c:pt idx="1751">
                  <c:v>0</c:v>
                </c:pt>
                <c:pt idx="1752">
                  <c:v>0</c:v>
                </c:pt>
                <c:pt idx="1753">
                  <c:v>0</c:v>
                </c:pt>
                <c:pt idx="1754">
                  <c:v>0</c:v>
                </c:pt>
                <c:pt idx="1755">
                  <c:v>0</c:v>
                </c:pt>
                <c:pt idx="1756">
                  <c:v>0</c:v>
                </c:pt>
                <c:pt idx="1757">
                  <c:v>0</c:v>
                </c:pt>
                <c:pt idx="1758">
                  <c:v>0</c:v>
                </c:pt>
                <c:pt idx="1759">
                  <c:v>0</c:v>
                </c:pt>
                <c:pt idx="1760">
                  <c:v>0</c:v>
                </c:pt>
                <c:pt idx="1761">
                  <c:v>0</c:v>
                </c:pt>
                <c:pt idx="1762">
                  <c:v>0</c:v>
                </c:pt>
                <c:pt idx="1763">
                  <c:v>0</c:v>
                </c:pt>
                <c:pt idx="1764">
                  <c:v>0</c:v>
                </c:pt>
                <c:pt idx="1765">
                  <c:v>0</c:v>
                </c:pt>
                <c:pt idx="1766">
                  <c:v>0</c:v>
                </c:pt>
                <c:pt idx="1767">
                  <c:v>0</c:v>
                </c:pt>
                <c:pt idx="1768">
                  <c:v>0</c:v>
                </c:pt>
                <c:pt idx="1769">
                  <c:v>0</c:v>
                </c:pt>
                <c:pt idx="1770">
                  <c:v>0</c:v>
                </c:pt>
                <c:pt idx="1771">
                  <c:v>0</c:v>
                </c:pt>
                <c:pt idx="1772">
                  <c:v>0</c:v>
                </c:pt>
                <c:pt idx="1773">
                  <c:v>0</c:v>
                </c:pt>
                <c:pt idx="1774">
                  <c:v>0</c:v>
                </c:pt>
                <c:pt idx="1775">
                  <c:v>0</c:v>
                </c:pt>
                <c:pt idx="1776">
                  <c:v>0</c:v>
                </c:pt>
                <c:pt idx="1777">
                  <c:v>0</c:v>
                </c:pt>
                <c:pt idx="1778">
                  <c:v>0</c:v>
                </c:pt>
                <c:pt idx="1779">
                  <c:v>0</c:v>
                </c:pt>
                <c:pt idx="1780">
                  <c:v>0</c:v>
                </c:pt>
                <c:pt idx="1781">
                  <c:v>0</c:v>
                </c:pt>
                <c:pt idx="1782">
                  <c:v>0</c:v>
                </c:pt>
                <c:pt idx="1783">
                  <c:v>0</c:v>
                </c:pt>
                <c:pt idx="1784">
                  <c:v>0</c:v>
                </c:pt>
                <c:pt idx="1785">
                  <c:v>0</c:v>
                </c:pt>
                <c:pt idx="1786">
                  <c:v>0</c:v>
                </c:pt>
                <c:pt idx="1787">
                  <c:v>0</c:v>
                </c:pt>
                <c:pt idx="1788">
                  <c:v>0</c:v>
                </c:pt>
                <c:pt idx="1789">
                  <c:v>0</c:v>
                </c:pt>
                <c:pt idx="1790">
                  <c:v>0</c:v>
                </c:pt>
                <c:pt idx="1791">
                  <c:v>0</c:v>
                </c:pt>
                <c:pt idx="1792">
                  <c:v>0</c:v>
                </c:pt>
                <c:pt idx="1793">
                  <c:v>0</c:v>
                </c:pt>
                <c:pt idx="1794">
                  <c:v>0</c:v>
                </c:pt>
                <c:pt idx="1795">
                  <c:v>0</c:v>
                </c:pt>
                <c:pt idx="1796">
                  <c:v>0</c:v>
                </c:pt>
                <c:pt idx="1797">
                  <c:v>0</c:v>
                </c:pt>
                <c:pt idx="1798">
                  <c:v>0</c:v>
                </c:pt>
                <c:pt idx="1799">
                  <c:v>0</c:v>
                </c:pt>
                <c:pt idx="1800">
                  <c:v>0</c:v>
                </c:pt>
                <c:pt idx="1801">
                  <c:v>0</c:v>
                </c:pt>
                <c:pt idx="1802">
                  <c:v>0</c:v>
                </c:pt>
                <c:pt idx="1803">
                  <c:v>0</c:v>
                </c:pt>
                <c:pt idx="1804">
                  <c:v>0</c:v>
                </c:pt>
                <c:pt idx="1805">
                  <c:v>0</c:v>
                </c:pt>
                <c:pt idx="1806">
                  <c:v>0</c:v>
                </c:pt>
                <c:pt idx="1807">
                  <c:v>0</c:v>
                </c:pt>
                <c:pt idx="1808">
                  <c:v>0</c:v>
                </c:pt>
                <c:pt idx="1809">
                  <c:v>0</c:v>
                </c:pt>
                <c:pt idx="1810">
                  <c:v>0</c:v>
                </c:pt>
                <c:pt idx="1811">
                  <c:v>0</c:v>
                </c:pt>
                <c:pt idx="1812">
                  <c:v>0</c:v>
                </c:pt>
                <c:pt idx="1813">
                  <c:v>0</c:v>
                </c:pt>
                <c:pt idx="1814">
                  <c:v>0</c:v>
                </c:pt>
                <c:pt idx="1815">
                  <c:v>0</c:v>
                </c:pt>
                <c:pt idx="1816">
                  <c:v>0</c:v>
                </c:pt>
                <c:pt idx="1817">
                  <c:v>0</c:v>
                </c:pt>
                <c:pt idx="1818">
                  <c:v>0</c:v>
                </c:pt>
                <c:pt idx="1819">
                  <c:v>0</c:v>
                </c:pt>
                <c:pt idx="1820">
                  <c:v>0</c:v>
                </c:pt>
                <c:pt idx="1821">
                  <c:v>0</c:v>
                </c:pt>
                <c:pt idx="1822">
                  <c:v>0</c:v>
                </c:pt>
                <c:pt idx="1823">
                  <c:v>0</c:v>
                </c:pt>
                <c:pt idx="1824">
                  <c:v>0</c:v>
                </c:pt>
                <c:pt idx="1825">
                  <c:v>0</c:v>
                </c:pt>
                <c:pt idx="1826">
                  <c:v>0</c:v>
                </c:pt>
                <c:pt idx="1827">
                  <c:v>0</c:v>
                </c:pt>
                <c:pt idx="1828">
                  <c:v>0</c:v>
                </c:pt>
                <c:pt idx="1829">
                  <c:v>0</c:v>
                </c:pt>
                <c:pt idx="1830">
                  <c:v>0</c:v>
                </c:pt>
                <c:pt idx="1831">
                  <c:v>0</c:v>
                </c:pt>
                <c:pt idx="1832">
                  <c:v>0</c:v>
                </c:pt>
                <c:pt idx="1833">
                  <c:v>0</c:v>
                </c:pt>
                <c:pt idx="1834">
                  <c:v>0</c:v>
                </c:pt>
                <c:pt idx="1835">
                  <c:v>0</c:v>
                </c:pt>
                <c:pt idx="1836">
                  <c:v>0</c:v>
                </c:pt>
                <c:pt idx="1837">
                  <c:v>0</c:v>
                </c:pt>
                <c:pt idx="1838">
                  <c:v>0</c:v>
                </c:pt>
                <c:pt idx="1839">
                  <c:v>0</c:v>
                </c:pt>
                <c:pt idx="1840">
                  <c:v>0</c:v>
                </c:pt>
                <c:pt idx="1841">
                  <c:v>0</c:v>
                </c:pt>
                <c:pt idx="1842">
                  <c:v>0</c:v>
                </c:pt>
                <c:pt idx="1843">
                  <c:v>0</c:v>
                </c:pt>
                <c:pt idx="1844">
                  <c:v>0</c:v>
                </c:pt>
                <c:pt idx="1845">
                  <c:v>0</c:v>
                </c:pt>
                <c:pt idx="1846">
                  <c:v>0</c:v>
                </c:pt>
                <c:pt idx="1847">
                  <c:v>0</c:v>
                </c:pt>
                <c:pt idx="1848">
                  <c:v>0</c:v>
                </c:pt>
                <c:pt idx="1849">
                  <c:v>0</c:v>
                </c:pt>
                <c:pt idx="1850">
                  <c:v>0</c:v>
                </c:pt>
                <c:pt idx="1851">
                  <c:v>0</c:v>
                </c:pt>
                <c:pt idx="1852">
                  <c:v>0</c:v>
                </c:pt>
                <c:pt idx="1853">
                  <c:v>0</c:v>
                </c:pt>
                <c:pt idx="1854">
                  <c:v>0</c:v>
                </c:pt>
                <c:pt idx="1855">
                  <c:v>0</c:v>
                </c:pt>
                <c:pt idx="1856">
                  <c:v>0</c:v>
                </c:pt>
                <c:pt idx="1857">
                  <c:v>0</c:v>
                </c:pt>
                <c:pt idx="1858">
                  <c:v>0</c:v>
                </c:pt>
                <c:pt idx="1859">
                  <c:v>0</c:v>
                </c:pt>
                <c:pt idx="1860">
                  <c:v>0</c:v>
                </c:pt>
                <c:pt idx="1861">
                  <c:v>0</c:v>
                </c:pt>
                <c:pt idx="1862">
                  <c:v>0</c:v>
                </c:pt>
                <c:pt idx="1863">
                  <c:v>0</c:v>
                </c:pt>
                <c:pt idx="1864">
                  <c:v>0</c:v>
                </c:pt>
                <c:pt idx="1865">
                  <c:v>0</c:v>
                </c:pt>
                <c:pt idx="1866">
                  <c:v>0</c:v>
                </c:pt>
                <c:pt idx="1867">
                  <c:v>0</c:v>
                </c:pt>
                <c:pt idx="1868">
                  <c:v>0</c:v>
                </c:pt>
                <c:pt idx="1869">
                  <c:v>0</c:v>
                </c:pt>
                <c:pt idx="1870">
                  <c:v>0</c:v>
                </c:pt>
                <c:pt idx="1871">
                  <c:v>0</c:v>
                </c:pt>
                <c:pt idx="1872">
                  <c:v>0</c:v>
                </c:pt>
                <c:pt idx="1873">
                  <c:v>0</c:v>
                </c:pt>
                <c:pt idx="1874">
                  <c:v>0</c:v>
                </c:pt>
                <c:pt idx="1875">
                  <c:v>0</c:v>
                </c:pt>
                <c:pt idx="1876">
                  <c:v>0</c:v>
                </c:pt>
                <c:pt idx="1877">
                  <c:v>0</c:v>
                </c:pt>
                <c:pt idx="1878">
                  <c:v>0</c:v>
                </c:pt>
                <c:pt idx="1879">
                  <c:v>0</c:v>
                </c:pt>
                <c:pt idx="1880">
                  <c:v>0</c:v>
                </c:pt>
                <c:pt idx="1881">
                  <c:v>0</c:v>
                </c:pt>
                <c:pt idx="1882">
                  <c:v>0</c:v>
                </c:pt>
                <c:pt idx="1883">
                  <c:v>0</c:v>
                </c:pt>
                <c:pt idx="1884">
                  <c:v>0</c:v>
                </c:pt>
                <c:pt idx="1885">
                  <c:v>0</c:v>
                </c:pt>
                <c:pt idx="1886">
                  <c:v>0</c:v>
                </c:pt>
                <c:pt idx="1887">
                  <c:v>0</c:v>
                </c:pt>
                <c:pt idx="1888">
                  <c:v>0</c:v>
                </c:pt>
                <c:pt idx="1889">
                  <c:v>0</c:v>
                </c:pt>
                <c:pt idx="1890">
                  <c:v>0</c:v>
                </c:pt>
                <c:pt idx="1891">
                  <c:v>0</c:v>
                </c:pt>
                <c:pt idx="1892">
                  <c:v>0</c:v>
                </c:pt>
                <c:pt idx="1893">
                  <c:v>0</c:v>
                </c:pt>
                <c:pt idx="1894">
                  <c:v>0</c:v>
                </c:pt>
                <c:pt idx="1895">
                  <c:v>0</c:v>
                </c:pt>
                <c:pt idx="1896">
                  <c:v>0</c:v>
                </c:pt>
                <c:pt idx="1897">
                  <c:v>0</c:v>
                </c:pt>
                <c:pt idx="1898">
                  <c:v>0</c:v>
                </c:pt>
                <c:pt idx="1899">
                  <c:v>0</c:v>
                </c:pt>
                <c:pt idx="1900">
                  <c:v>0</c:v>
                </c:pt>
                <c:pt idx="1901">
                  <c:v>0</c:v>
                </c:pt>
                <c:pt idx="1902">
                  <c:v>0</c:v>
                </c:pt>
                <c:pt idx="1903">
                  <c:v>0</c:v>
                </c:pt>
                <c:pt idx="1904">
                  <c:v>0</c:v>
                </c:pt>
                <c:pt idx="1905">
                  <c:v>0</c:v>
                </c:pt>
                <c:pt idx="1906">
                  <c:v>0</c:v>
                </c:pt>
                <c:pt idx="1907">
                  <c:v>0</c:v>
                </c:pt>
                <c:pt idx="1908">
                  <c:v>0</c:v>
                </c:pt>
                <c:pt idx="1909">
                  <c:v>0</c:v>
                </c:pt>
                <c:pt idx="1910">
                  <c:v>0</c:v>
                </c:pt>
                <c:pt idx="1911">
                  <c:v>0</c:v>
                </c:pt>
                <c:pt idx="1912">
                  <c:v>0</c:v>
                </c:pt>
                <c:pt idx="1913">
                  <c:v>0</c:v>
                </c:pt>
                <c:pt idx="1914">
                  <c:v>0</c:v>
                </c:pt>
                <c:pt idx="1915">
                  <c:v>0</c:v>
                </c:pt>
                <c:pt idx="1916">
                  <c:v>0</c:v>
                </c:pt>
                <c:pt idx="1917">
                  <c:v>0</c:v>
                </c:pt>
                <c:pt idx="1918">
                  <c:v>0</c:v>
                </c:pt>
                <c:pt idx="1919">
                  <c:v>0</c:v>
                </c:pt>
                <c:pt idx="1920">
                  <c:v>0</c:v>
                </c:pt>
                <c:pt idx="1921">
                  <c:v>0</c:v>
                </c:pt>
                <c:pt idx="1922">
                  <c:v>0</c:v>
                </c:pt>
                <c:pt idx="1923">
                  <c:v>0</c:v>
                </c:pt>
                <c:pt idx="1924">
                  <c:v>0</c:v>
                </c:pt>
                <c:pt idx="1925">
                  <c:v>0</c:v>
                </c:pt>
                <c:pt idx="1926">
                  <c:v>0</c:v>
                </c:pt>
                <c:pt idx="1927">
                  <c:v>0</c:v>
                </c:pt>
                <c:pt idx="1928">
                  <c:v>0</c:v>
                </c:pt>
                <c:pt idx="1929">
                  <c:v>0</c:v>
                </c:pt>
                <c:pt idx="1930">
                  <c:v>0</c:v>
                </c:pt>
                <c:pt idx="1931">
                  <c:v>0</c:v>
                </c:pt>
                <c:pt idx="1932">
                  <c:v>0</c:v>
                </c:pt>
                <c:pt idx="1933">
                  <c:v>0</c:v>
                </c:pt>
                <c:pt idx="1934">
                  <c:v>0</c:v>
                </c:pt>
                <c:pt idx="1935">
                  <c:v>0</c:v>
                </c:pt>
                <c:pt idx="1936">
                  <c:v>0</c:v>
                </c:pt>
                <c:pt idx="1937">
                  <c:v>0</c:v>
                </c:pt>
                <c:pt idx="1938">
                  <c:v>0</c:v>
                </c:pt>
                <c:pt idx="1939">
                  <c:v>0</c:v>
                </c:pt>
                <c:pt idx="1940">
                  <c:v>0</c:v>
                </c:pt>
                <c:pt idx="1941">
                  <c:v>0</c:v>
                </c:pt>
                <c:pt idx="1942">
                  <c:v>0</c:v>
                </c:pt>
                <c:pt idx="1943">
                  <c:v>0</c:v>
                </c:pt>
                <c:pt idx="1944">
                  <c:v>0</c:v>
                </c:pt>
                <c:pt idx="1945">
                  <c:v>0</c:v>
                </c:pt>
                <c:pt idx="1946">
                  <c:v>0</c:v>
                </c:pt>
                <c:pt idx="1947">
                  <c:v>0</c:v>
                </c:pt>
                <c:pt idx="1948">
                  <c:v>0</c:v>
                </c:pt>
                <c:pt idx="1949">
                  <c:v>0</c:v>
                </c:pt>
                <c:pt idx="1950">
                  <c:v>0</c:v>
                </c:pt>
                <c:pt idx="1951">
                  <c:v>0</c:v>
                </c:pt>
                <c:pt idx="1952">
                  <c:v>0</c:v>
                </c:pt>
                <c:pt idx="1953">
                  <c:v>0</c:v>
                </c:pt>
                <c:pt idx="1954">
                  <c:v>0</c:v>
                </c:pt>
                <c:pt idx="1955">
                  <c:v>0</c:v>
                </c:pt>
                <c:pt idx="1956">
                  <c:v>0</c:v>
                </c:pt>
                <c:pt idx="1957">
                  <c:v>0</c:v>
                </c:pt>
                <c:pt idx="1958">
                  <c:v>0</c:v>
                </c:pt>
                <c:pt idx="1959">
                  <c:v>0</c:v>
                </c:pt>
                <c:pt idx="1960">
                  <c:v>0</c:v>
                </c:pt>
                <c:pt idx="1961">
                  <c:v>0</c:v>
                </c:pt>
                <c:pt idx="1962">
                  <c:v>0</c:v>
                </c:pt>
                <c:pt idx="1963">
                  <c:v>0</c:v>
                </c:pt>
                <c:pt idx="1964">
                  <c:v>0</c:v>
                </c:pt>
                <c:pt idx="1965">
                  <c:v>0</c:v>
                </c:pt>
                <c:pt idx="1966">
                  <c:v>0</c:v>
                </c:pt>
                <c:pt idx="1967">
                  <c:v>0</c:v>
                </c:pt>
                <c:pt idx="1968">
                  <c:v>0</c:v>
                </c:pt>
                <c:pt idx="1969">
                  <c:v>0</c:v>
                </c:pt>
                <c:pt idx="1970">
                  <c:v>0</c:v>
                </c:pt>
                <c:pt idx="1971">
                  <c:v>0</c:v>
                </c:pt>
                <c:pt idx="1972">
                  <c:v>0</c:v>
                </c:pt>
                <c:pt idx="1973">
                  <c:v>0</c:v>
                </c:pt>
                <c:pt idx="1974">
                  <c:v>0</c:v>
                </c:pt>
                <c:pt idx="1975">
                  <c:v>0</c:v>
                </c:pt>
                <c:pt idx="1976">
                  <c:v>0</c:v>
                </c:pt>
                <c:pt idx="1977">
                  <c:v>0</c:v>
                </c:pt>
                <c:pt idx="1978">
                  <c:v>0</c:v>
                </c:pt>
                <c:pt idx="1979">
                  <c:v>0</c:v>
                </c:pt>
                <c:pt idx="1980">
                  <c:v>0</c:v>
                </c:pt>
                <c:pt idx="1981">
                  <c:v>0</c:v>
                </c:pt>
                <c:pt idx="1982">
                  <c:v>0</c:v>
                </c:pt>
                <c:pt idx="1983">
                  <c:v>0</c:v>
                </c:pt>
                <c:pt idx="1984">
                  <c:v>0</c:v>
                </c:pt>
                <c:pt idx="1985">
                  <c:v>0</c:v>
                </c:pt>
                <c:pt idx="1986">
                  <c:v>0</c:v>
                </c:pt>
                <c:pt idx="1987">
                  <c:v>0</c:v>
                </c:pt>
                <c:pt idx="1988">
                  <c:v>0</c:v>
                </c:pt>
                <c:pt idx="1989">
                  <c:v>0</c:v>
                </c:pt>
                <c:pt idx="1990">
                  <c:v>0</c:v>
                </c:pt>
                <c:pt idx="1991">
                  <c:v>0</c:v>
                </c:pt>
                <c:pt idx="1992">
                  <c:v>0</c:v>
                </c:pt>
                <c:pt idx="1993">
                  <c:v>0</c:v>
                </c:pt>
                <c:pt idx="1994">
                  <c:v>0</c:v>
                </c:pt>
                <c:pt idx="1995">
                  <c:v>0</c:v>
                </c:pt>
                <c:pt idx="1996">
                  <c:v>0</c:v>
                </c:pt>
                <c:pt idx="1997">
                  <c:v>0</c:v>
                </c:pt>
                <c:pt idx="1998">
                  <c:v>0</c:v>
                </c:pt>
                <c:pt idx="1999">
                  <c:v>0</c:v>
                </c:pt>
                <c:pt idx="2000">
                  <c:v>0</c:v>
                </c:pt>
                <c:pt idx="2001">
                  <c:v>0</c:v>
                </c:pt>
                <c:pt idx="2002">
                  <c:v>0</c:v>
                </c:pt>
                <c:pt idx="2003">
                  <c:v>0</c:v>
                </c:pt>
                <c:pt idx="2004">
                  <c:v>0</c:v>
                </c:pt>
                <c:pt idx="2005">
                  <c:v>0</c:v>
                </c:pt>
                <c:pt idx="2006">
                  <c:v>0</c:v>
                </c:pt>
                <c:pt idx="2007">
                  <c:v>0</c:v>
                </c:pt>
                <c:pt idx="2008">
                  <c:v>0</c:v>
                </c:pt>
                <c:pt idx="2009">
                  <c:v>0</c:v>
                </c:pt>
                <c:pt idx="2010">
                  <c:v>0</c:v>
                </c:pt>
                <c:pt idx="2011">
                  <c:v>0</c:v>
                </c:pt>
                <c:pt idx="2012">
                  <c:v>0</c:v>
                </c:pt>
                <c:pt idx="2013">
                  <c:v>0</c:v>
                </c:pt>
                <c:pt idx="2014">
                  <c:v>0</c:v>
                </c:pt>
                <c:pt idx="2015">
                  <c:v>0</c:v>
                </c:pt>
                <c:pt idx="2016">
                  <c:v>0</c:v>
                </c:pt>
                <c:pt idx="2017">
                  <c:v>0</c:v>
                </c:pt>
                <c:pt idx="2018">
                  <c:v>0</c:v>
                </c:pt>
                <c:pt idx="2019">
                  <c:v>0</c:v>
                </c:pt>
                <c:pt idx="2020">
                  <c:v>0</c:v>
                </c:pt>
                <c:pt idx="2021">
                  <c:v>0</c:v>
                </c:pt>
                <c:pt idx="2022">
                  <c:v>0</c:v>
                </c:pt>
                <c:pt idx="2023">
                  <c:v>0</c:v>
                </c:pt>
                <c:pt idx="2024">
                  <c:v>0</c:v>
                </c:pt>
                <c:pt idx="2025">
                  <c:v>0</c:v>
                </c:pt>
                <c:pt idx="2026">
                  <c:v>0</c:v>
                </c:pt>
                <c:pt idx="2027">
                  <c:v>0</c:v>
                </c:pt>
                <c:pt idx="2028">
                  <c:v>0</c:v>
                </c:pt>
                <c:pt idx="2029">
                  <c:v>0</c:v>
                </c:pt>
                <c:pt idx="2030">
                  <c:v>0</c:v>
                </c:pt>
                <c:pt idx="2031">
                  <c:v>0</c:v>
                </c:pt>
                <c:pt idx="2032">
                  <c:v>0</c:v>
                </c:pt>
                <c:pt idx="2033">
                  <c:v>0</c:v>
                </c:pt>
                <c:pt idx="2034">
                  <c:v>0</c:v>
                </c:pt>
                <c:pt idx="2035">
                  <c:v>0</c:v>
                </c:pt>
                <c:pt idx="2036">
                  <c:v>0</c:v>
                </c:pt>
                <c:pt idx="2037">
                  <c:v>0</c:v>
                </c:pt>
                <c:pt idx="2038">
                  <c:v>0</c:v>
                </c:pt>
                <c:pt idx="2039">
                  <c:v>0</c:v>
                </c:pt>
                <c:pt idx="2040">
                  <c:v>0</c:v>
                </c:pt>
                <c:pt idx="2041">
                  <c:v>0</c:v>
                </c:pt>
                <c:pt idx="2042">
                  <c:v>0</c:v>
                </c:pt>
                <c:pt idx="2043">
                  <c:v>0</c:v>
                </c:pt>
                <c:pt idx="2044">
                  <c:v>0</c:v>
                </c:pt>
                <c:pt idx="2045">
                  <c:v>0</c:v>
                </c:pt>
                <c:pt idx="2046">
                  <c:v>0</c:v>
                </c:pt>
                <c:pt idx="2047">
                  <c:v>0</c:v>
                </c:pt>
                <c:pt idx="2048">
                  <c:v>0</c:v>
                </c:pt>
                <c:pt idx="2049">
                  <c:v>0</c:v>
                </c:pt>
                <c:pt idx="2050">
                  <c:v>0</c:v>
                </c:pt>
                <c:pt idx="2051">
                  <c:v>0</c:v>
                </c:pt>
                <c:pt idx="2052">
                  <c:v>0</c:v>
                </c:pt>
                <c:pt idx="2053">
                  <c:v>0</c:v>
                </c:pt>
                <c:pt idx="2054">
                  <c:v>0</c:v>
                </c:pt>
                <c:pt idx="2055">
                  <c:v>0</c:v>
                </c:pt>
                <c:pt idx="2056">
                  <c:v>0</c:v>
                </c:pt>
                <c:pt idx="2057">
                  <c:v>0</c:v>
                </c:pt>
                <c:pt idx="2058">
                  <c:v>0</c:v>
                </c:pt>
                <c:pt idx="2059">
                  <c:v>0</c:v>
                </c:pt>
                <c:pt idx="2060">
                  <c:v>0</c:v>
                </c:pt>
                <c:pt idx="2061">
                  <c:v>0</c:v>
                </c:pt>
                <c:pt idx="2062">
                  <c:v>0</c:v>
                </c:pt>
                <c:pt idx="2063">
                  <c:v>0</c:v>
                </c:pt>
                <c:pt idx="2064">
                  <c:v>0</c:v>
                </c:pt>
                <c:pt idx="2065">
                  <c:v>0</c:v>
                </c:pt>
                <c:pt idx="2066">
                  <c:v>0</c:v>
                </c:pt>
                <c:pt idx="2067">
                  <c:v>0</c:v>
                </c:pt>
                <c:pt idx="2068">
                  <c:v>0</c:v>
                </c:pt>
                <c:pt idx="2069">
                  <c:v>0</c:v>
                </c:pt>
                <c:pt idx="2070">
                  <c:v>0</c:v>
                </c:pt>
                <c:pt idx="2071">
                  <c:v>0</c:v>
                </c:pt>
                <c:pt idx="2072">
                  <c:v>0</c:v>
                </c:pt>
                <c:pt idx="2073">
                  <c:v>0</c:v>
                </c:pt>
                <c:pt idx="2074">
                  <c:v>0</c:v>
                </c:pt>
                <c:pt idx="2075">
                  <c:v>0</c:v>
                </c:pt>
                <c:pt idx="2076">
                  <c:v>0</c:v>
                </c:pt>
                <c:pt idx="2077">
                  <c:v>0</c:v>
                </c:pt>
                <c:pt idx="2078">
                  <c:v>0</c:v>
                </c:pt>
                <c:pt idx="2079">
                  <c:v>0</c:v>
                </c:pt>
                <c:pt idx="2080">
                  <c:v>0</c:v>
                </c:pt>
                <c:pt idx="2081">
                  <c:v>0</c:v>
                </c:pt>
                <c:pt idx="2082">
                  <c:v>0</c:v>
                </c:pt>
                <c:pt idx="2083">
                  <c:v>0</c:v>
                </c:pt>
                <c:pt idx="2084">
                  <c:v>0</c:v>
                </c:pt>
                <c:pt idx="2085">
                  <c:v>0</c:v>
                </c:pt>
                <c:pt idx="2086">
                  <c:v>0</c:v>
                </c:pt>
                <c:pt idx="2087">
                  <c:v>0</c:v>
                </c:pt>
                <c:pt idx="2088">
                  <c:v>0</c:v>
                </c:pt>
                <c:pt idx="2089">
                  <c:v>0</c:v>
                </c:pt>
                <c:pt idx="2090">
                  <c:v>0</c:v>
                </c:pt>
                <c:pt idx="2091">
                  <c:v>0</c:v>
                </c:pt>
                <c:pt idx="2092">
                  <c:v>0</c:v>
                </c:pt>
                <c:pt idx="2093">
                  <c:v>0</c:v>
                </c:pt>
                <c:pt idx="2094">
                  <c:v>0</c:v>
                </c:pt>
                <c:pt idx="2095">
                  <c:v>0</c:v>
                </c:pt>
                <c:pt idx="2096">
                  <c:v>0</c:v>
                </c:pt>
                <c:pt idx="2097">
                  <c:v>0</c:v>
                </c:pt>
                <c:pt idx="2098">
                  <c:v>0</c:v>
                </c:pt>
                <c:pt idx="2099">
                  <c:v>0</c:v>
                </c:pt>
                <c:pt idx="2100">
                  <c:v>0</c:v>
                </c:pt>
                <c:pt idx="2101">
                  <c:v>0</c:v>
                </c:pt>
                <c:pt idx="2102">
                  <c:v>0</c:v>
                </c:pt>
                <c:pt idx="2103">
                  <c:v>0</c:v>
                </c:pt>
                <c:pt idx="2104">
                  <c:v>0</c:v>
                </c:pt>
                <c:pt idx="2105">
                  <c:v>0</c:v>
                </c:pt>
                <c:pt idx="2106">
                  <c:v>0</c:v>
                </c:pt>
                <c:pt idx="2107">
                  <c:v>0</c:v>
                </c:pt>
                <c:pt idx="2108">
                  <c:v>0</c:v>
                </c:pt>
                <c:pt idx="2109">
                  <c:v>0</c:v>
                </c:pt>
                <c:pt idx="2110">
                  <c:v>0</c:v>
                </c:pt>
                <c:pt idx="2111">
                  <c:v>0</c:v>
                </c:pt>
                <c:pt idx="2112">
                  <c:v>0</c:v>
                </c:pt>
                <c:pt idx="2113">
                  <c:v>0</c:v>
                </c:pt>
                <c:pt idx="2114">
                  <c:v>0</c:v>
                </c:pt>
                <c:pt idx="2115">
                  <c:v>0</c:v>
                </c:pt>
                <c:pt idx="2116">
                  <c:v>0</c:v>
                </c:pt>
                <c:pt idx="2117">
                  <c:v>0</c:v>
                </c:pt>
                <c:pt idx="2118">
                  <c:v>0</c:v>
                </c:pt>
                <c:pt idx="2119">
                  <c:v>0</c:v>
                </c:pt>
                <c:pt idx="2120">
                  <c:v>0</c:v>
                </c:pt>
                <c:pt idx="2121">
                  <c:v>0</c:v>
                </c:pt>
                <c:pt idx="2122">
                  <c:v>0</c:v>
                </c:pt>
                <c:pt idx="2123">
                  <c:v>0</c:v>
                </c:pt>
                <c:pt idx="2124">
                  <c:v>0</c:v>
                </c:pt>
                <c:pt idx="2125">
                  <c:v>0</c:v>
                </c:pt>
                <c:pt idx="2126">
                  <c:v>0</c:v>
                </c:pt>
                <c:pt idx="2127">
                  <c:v>0</c:v>
                </c:pt>
                <c:pt idx="2128">
                  <c:v>0</c:v>
                </c:pt>
                <c:pt idx="2129">
                  <c:v>0</c:v>
                </c:pt>
                <c:pt idx="2130">
                  <c:v>0</c:v>
                </c:pt>
                <c:pt idx="2131">
                  <c:v>0</c:v>
                </c:pt>
                <c:pt idx="2132">
                  <c:v>0</c:v>
                </c:pt>
                <c:pt idx="2133">
                  <c:v>0</c:v>
                </c:pt>
                <c:pt idx="2134">
                  <c:v>0</c:v>
                </c:pt>
                <c:pt idx="2135">
                  <c:v>0</c:v>
                </c:pt>
                <c:pt idx="2136">
                  <c:v>0</c:v>
                </c:pt>
                <c:pt idx="2137">
                  <c:v>0</c:v>
                </c:pt>
                <c:pt idx="2138">
                  <c:v>0</c:v>
                </c:pt>
                <c:pt idx="2139">
                  <c:v>0</c:v>
                </c:pt>
                <c:pt idx="2140">
                  <c:v>0</c:v>
                </c:pt>
                <c:pt idx="2141">
                  <c:v>0</c:v>
                </c:pt>
                <c:pt idx="2142">
                  <c:v>0</c:v>
                </c:pt>
                <c:pt idx="2143">
                  <c:v>0</c:v>
                </c:pt>
                <c:pt idx="2144">
                  <c:v>0</c:v>
                </c:pt>
                <c:pt idx="2145">
                  <c:v>0</c:v>
                </c:pt>
                <c:pt idx="2146">
                  <c:v>0</c:v>
                </c:pt>
                <c:pt idx="2147">
                  <c:v>0</c:v>
                </c:pt>
                <c:pt idx="2148">
                  <c:v>0</c:v>
                </c:pt>
                <c:pt idx="2149">
                  <c:v>0</c:v>
                </c:pt>
                <c:pt idx="2150">
                  <c:v>0</c:v>
                </c:pt>
                <c:pt idx="2151">
                  <c:v>0</c:v>
                </c:pt>
                <c:pt idx="2152">
                  <c:v>0</c:v>
                </c:pt>
                <c:pt idx="2153">
                  <c:v>0</c:v>
                </c:pt>
                <c:pt idx="2154">
                  <c:v>0</c:v>
                </c:pt>
                <c:pt idx="2155">
                  <c:v>0</c:v>
                </c:pt>
                <c:pt idx="2156">
                  <c:v>0</c:v>
                </c:pt>
                <c:pt idx="2157">
                  <c:v>0</c:v>
                </c:pt>
                <c:pt idx="2158">
                  <c:v>0</c:v>
                </c:pt>
                <c:pt idx="2159">
                  <c:v>0</c:v>
                </c:pt>
                <c:pt idx="2160">
                  <c:v>0</c:v>
                </c:pt>
                <c:pt idx="2161">
                  <c:v>0</c:v>
                </c:pt>
                <c:pt idx="2162">
                  <c:v>0</c:v>
                </c:pt>
                <c:pt idx="2163">
                  <c:v>0</c:v>
                </c:pt>
                <c:pt idx="2164">
                  <c:v>0</c:v>
                </c:pt>
                <c:pt idx="2165">
                  <c:v>0</c:v>
                </c:pt>
                <c:pt idx="2166">
                  <c:v>0</c:v>
                </c:pt>
                <c:pt idx="2167">
                  <c:v>0</c:v>
                </c:pt>
                <c:pt idx="2168">
                  <c:v>0</c:v>
                </c:pt>
                <c:pt idx="2169">
                  <c:v>0</c:v>
                </c:pt>
                <c:pt idx="2170">
                  <c:v>0</c:v>
                </c:pt>
                <c:pt idx="2171">
                  <c:v>0</c:v>
                </c:pt>
                <c:pt idx="2172">
                  <c:v>0</c:v>
                </c:pt>
                <c:pt idx="2173">
                  <c:v>0</c:v>
                </c:pt>
                <c:pt idx="2174">
                  <c:v>0</c:v>
                </c:pt>
                <c:pt idx="2175">
                  <c:v>0</c:v>
                </c:pt>
                <c:pt idx="2176">
                  <c:v>0</c:v>
                </c:pt>
                <c:pt idx="2177">
                  <c:v>0</c:v>
                </c:pt>
                <c:pt idx="2178">
                  <c:v>0</c:v>
                </c:pt>
                <c:pt idx="2179">
                  <c:v>0</c:v>
                </c:pt>
                <c:pt idx="2180">
                  <c:v>0</c:v>
                </c:pt>
                <c:pt idx="2181">
                  <c:v>0</c:v>
                </c:pt>
                <c:pt idx="2182">
                  <c:v>0</c:v>
                </c:pt>
                <c:pt idx="2183">
                  <c:v>0</c:v>
                </c:pt>
                <c:pt idx="2184">
                  <c:v>0</c:v>
                </c:pt>
                <c:pt idx="2185">
                  <c:v>0</c:v>
                </c:pt>
                <c:pt idx="2186">
                  <c:v>0</c:v>
                </c:pt>
                <c:pt idx="2187">
                  <c:v>0</c:v>
                </c:pt>
                <c:pt idx="2188">
                  <c:v>0</c:v>
                </c:pt>
                <c:pt idx="2189">
                  <c:v>0</c:v>
                </c:pt>
                <c:pt idx="2190">
                  <c:v>0</c:v>
                </c:pt>
                <c:pt idx="2191">
                  <c:v>0</c:v>
                </c:pt>
                <c:pt idx="2192">
                  <c:v>0</c:v>
                </c:pt>
                <c:pt idx="2193">
                  <c:v>0</c:v>
                </c:pt>
                <c:pt idx="2194">
                  <c:v>0</c:v>
                </c:pt>
                <c:pt idx="2195">
                  <c:v>0</c:v>
                </c:pt>
                <c:pt idx="2196">
                  <c:v>0</c:v>
                </c:pt>
                <c:pt idx="2197">
                  <c:v>0</c:v>
                </c:pt>
                <c:pt idx="2198">
                  <c:v>0</c:v>
                </c:pt>
                <c:pt idx="2199">
                  <c:v>0</c:v>
                </c:pt>
                <c:pt idx="2200">
                  <c:v>0</c:v>
                </c:pt>
                <c:pt idx="2201">
                  <c:v>0</c:v>
                </c:pt>
                <c:pt idx="2202">
                  <c:v>0</c:v>
                </c:pt>
                <c:pt idx="2203">
                  <c:v>0</c:v>
                </c:pt>
                <c:pt idx="2204">
                  <c:v>0</c:v>
                </c:pt>
                <c:pt idx="2205">
                  <c:v>0</c:v>
                </c:pt>
                <c:pt idx="2206">
                  <c:v>0</c:v>
                </c:pt>
                <c:pt idx="2207">
                  <c:v>0</c:v>
                </c:pt>
                <c:pt idx="2208">
                  <c:v>0</c:v>
                </c:pt>
                <c:pt idx="2209">
                  <c:v>0</c:v>
                </c:pt>
                <c:pt idx="2210">
                  <c:v>0</c:v>
                </c:pt>
                <c:pt idx="2211">
                  <c:v>0</c:v>
                </c:pt>
                <c:pt idx="2212">
                  <c:v>0</c:v>
                </c:pt>
                <c:pt idx="2213">
                  <c:v>0</c:v>
                </c:pt>
                <c:pt idx="2214">
                  <c:v>0</c:v>
                </c:pt>
                <c:pt idx="2215">
                  <c:v>0</c:v>
                </c:pt>
                <c:pt idx="2216">
                  <c:v>0</c:v>
                </c:pt>
                <c:pt idx="2217">
                  <c:v>0</c:v>
                </c:pt>
                <c:pt idx="2218">
                  <c:v>0</c:v>
                </c:pt>
                <c:pt idx="2219">
                  <c:v>0</c:v>
                </c:pt>
                <c:pt idx="2220">
                  <c:v>0</c:v>
                </c:pt>
                <c:pt idx="2221">
                  <c:v>0</c:v>
                </c:pt>
                <c:pt idx="2222">
                  <c:v>0</c:v>
                </c:pt>
                <c:pt idx="2223">
                  <c:v>0</c:v>
                </c:pt>
                <c:pt idx="2224">
                  <c:v>0</c:v>
                </c:pt>
                <c:pt idx="2225">
                  <c:v>0</c:v>
                </c:pt>
                <c:pt idx="2226">
                  <c:v>0</c:v>
                </c:pt>
                <c:pt idx="2227">
                  <c:v>0</c:v>
                </c:pt>
                <c:pt idx="2228">
                  <c:v>0</c:v>
                </c:pt>
                <c:pt idx="2229">
                  <c:v>0</c:v>
                </c:pt>
                <c:pt idx="2230">
                  <c:v>0</c:v>
                </c:pt>
                <c:pt idx="2231">
                  <c:v>0</c:v>
                </c:pt>
                <c:pt idx="2232">
                  <c:v>0</c:v>
                </c:pt>
                <c:pt idx="2233">
                  <c:v>0</c:v>
                </c:pt>
                <c:pt idx="2234">
                  <c:v>0</c:v>
                </c:pt>
                <c:pt idx="2235">
                  <c:v>0</c:v>
                </c:pt>
                <c:pt idx="2236">
                  <c:v>0</c:v>
                </c:pt>
                <c:pt idx="2237">
                  <c:v>0</c:v>
                </c:pt>
                <c:pt idx="2238">
                  <c:v>0</c:v>
                </c:pt>
                <c:pt idx="2239">
                  <c:v>0</c:v>
                </c:pt>
                <c:pt idx="2240">
                  <c:v>0</c:v>
                </c:pt>
                <c:pt idx="2241">
                  <c:v>0</c:v>
                </c:pt>
                <c:pt idx="2242">
                  <c:v>0</c:v>
                </c:pt>
                <c:pt idx="2243">
                  <c:v>0</c:v>
                </c:pt>
                <c:pt idx="2244">
                  <c:v>0</c:v>
                </c:pt>
                <c:pt idx="2245">
                  <c:v>0</c:v>
                </c:pt>
                <c:pt idx="2246">
                  <c:v>0</c:v>
                </c:pt>
                <c:pt idx="2247">
                  <c:v>0</c:v>
                </c:pt>
                <c:pt idx="2248">
                  <c:v>0</c:v>
                </c:pt>
                <c:pt idx="2249">
                  <c:v>0</c:v>
                </c:pt>
                <c:pt idx="2250">
                  <c:v>0</c:v>
                </c:pt>
                <c:pt idx="2251">
                  <c:v>0</c:v>
                </c:pt>
                <c:pt idx="2252">
                  <c:v>0</c:v>
                </c:pt>
                <c:pt idx="2253">
                  <c:v>0</c:v>
                </c:pt>
                <c:pt idx="2254">
                  <c:v>0</c:v>
                </c:pt>
                <c:pt idx="2255">
                  <c:v>0</c:v>
                </c:pt>
                <c:pt idx="2256">
                  <c:v>0</c:v>
                </c:pt>
                <c:pt idx="2257">
                  <c:v>0</c:v>
                </c:pt>
                <c:pt idx="2258">
                  <c:v>0</c:v>
                </c:pt>
                <c:pt idx="2259">
                  <c:v>0</c:v>
                </c:pt>
                <c:pt idx="2260">
                  <c:v>0</c:v>
                </c:pt>
                <c:pt idx="2261">
                  <c:v>0</c:v>
                </c:pt>
                <c:pt idx="2262">
                  <c:v>0</c:v>
                </c:pt>
                <c:pt idx="2263">
                  <c:v>0</c:v>
                </c:pt>
                <c:pt idx="2264">
                  <c:v>0</c:v>
                </c:pt>
                <c:pt idx="2265">
                  <c:v>0</c:v>
                </c:pt>
                <c:pt idx="2266">
                  <c:v>0</c:v>
                </c:pt>
                <c:pt idx="2267">
                  <c:v>0</c:v>
                </c:pt>
                <c:pt idx="2268">
                  <c:v>0</c:v>
                </c:pt>
                <c:pt idx="2269">
                  <c:v>0</c:v>
                </c:pt>
                <c:pt idx="2270">
                  <c:v>0</c:v>
                </c:pt>
                <c:pt idx="2271">
                  <c:v>0</c:v>
                </c:pt>
                <c:pt idx="2272">
                  <c:v>0</c:v>
                </c:pt>
                <c:pt idx="2273">
                  <c:v>0</c:v>
                </c:pt>
                <c:pt idx="2274">
                  <c:v>0</c:v>
                </c:pt>
                <c:pt idx="2275">
                  <c:v>0</c:v>
                </c:pt>
                <c:pt idx="2276">
                  <c:v>0</c:v>
                </c:pt>
                <c:pt idx="2277">
                  <c:v>0</c:v>
                </c:pt>
                <c:pt idx="2278">
                  <c:v>0</c:v>
                </c:pt>
                <c:pt idx="2279">
                  <c:v>0</c:v>
                </c:pt>
                <c:pt idx="2280">
                  <c:v>0</c:v>
                </c:pt>
                <c:pt idx="2281">
                  <c:v>0</c:v>
                </c:pt>
                <c:pt idx="2282">
                  <c:v>0</c:v>
                </c:pt>
                <c:pt idx="2283">
                  <c:v>0</c:v>
                </c:pt>
                <c:pt idx="2284">
                  <c:v>0</c:v>
                </c:pt>
                <c:pt idx="2285">
                  <c:v>0</c:v>
                </c:pt>
                <c:pt idx="2286">
                  <c:v>0</c:v>
                </c:pt>
                <c:pt idx="2287">
                  <c:v>0</c:v>
                </c:pt>
                <c:pt idx="2288">
                  <c:v>0</c:v>
                </c:pt>
                <c:pt idx="2289">
                  <c:v>0</c:v>
                </c:pt>
                <c:pt idx="2290">
                  <c:v>0</c:v>
                </c:pt>
                <c:pt idx="2291">
                  <c:v>0</c:v>
                </c:pt>
                <c:pt idx="2292">
                  <c:v>0</c:v>
                </c:pt>
                <c:pt idx="2293">
                  <c:v>0</c:v>
                </c:pt>
                <c:pt idx="2294">
                  <c:v>0</c:v>
                </c:pt>
                <c:pt idx="2295">
                  <c:v>0</c:v>
                </c:pt>
                <c:pt idx="2296">
                  <c:v>0</c:v>
                </c:pt>
                <c:pt idx="2297">
                  <c:v>0</c:v>
                </c:pt>
                <c:pt idx="2298">
                  <c:v>0</c:v>
                </c:pt>
                <c:pt idx="2299">
                  <c:v>0</c:v>
                </c:pt>
                <c:pt idx="2300">
                  <c:v>0</c:v>
                </c:pt>
                <c:pt idx="2301">
                  <c:v>0</c:v>
                </c:pt>
                <c:pt idx="2302">
                  <c:v>0</c:v>
                </c:pt>
                <c:pt idx="2303">
                  <c:v>0</c:v>
                </c:pt>
                <c:pt idx="2304">
                  <c:v>0</c:v>
                </c:pt>
                <c:pt idx="2305">
                  <c:v>0</c:v>
                </c:pt>
                <c:pt idx="2306">
                  <c:v>0</c:v>
                </c:pt>
                <c:pt idx="2307">
                  <c:v>0</c:v>
                </c:pt>
                <c:pt idx="2308">
                  <c:v>0</c:v>
                </c:pt>
                <c:pt idx="2309">
                  <c:v>0</c:v>
                </c:pt>
                <c:pt idx="2310">
                  <c:v>0</c:v>
                </c:pt>
                <c:pt idx="2311">
                  <c:v>0</c:v>
                </c:pt>
                <c:pt idx="2312">
                  <c:v>0</c:v>
                </c:pt>
                <c:pt idx="2313">
                  <c:v>0</c:v>
                </c:pt>
                <c:pt idx="2314">
                  <c:v>0</c:v>
                </c:pt>
                <c:pt idx="2315">
                  <c:v>0</c:v>
                </c:pt>
                <c:pt idx="2316">
                  <c:v>0</c:v>
                </c:pt>
                <c:pt idx="2317">
                  <c:v>0</c:v>
                </c:pt>
                <c:pt idx="2318">
                  <c:v>0</c:v>
                </c:pt>
                <c:pt idx="2319">
                  <c:v>0</c:v>
                </c:pt>
                <c:pt idx="2320">
                  <c:v>0</c:v>
                </c:pt>
                <c:pt idx="2321">
                  <c:v>0</c:v>
                </c:pt>
                <c:pt idx="2322">
                  <c:v>0</c:v>
                </c:pt>
                <c:pt idx="2323">
                  <c:v>0</c:v>
                </c:pt>
                <c:pt idx="2324">
                  <c:v>0</c:v>
                </c:pt>
                <c:pt idx="2325">
                  <c:v>0</c:v>
                </c:pt>
                <c:pt idx="2326">
                  <c:v>0</c:v>
                </c:pt>
                <c:pt idx="2327">
                  <c:v>0</c:v>
                </c:pt>
                <c:pt idx="2328">
                  <c:v>0</c:v>
                </c:pt>
                <c:pt idx="2329">
                  <c:v>0</c:v>
                </c:pt>
                <c:pt idx="2330">
                  <c:v>0</c:v>
                </c:pt>
                <c:pt idx="2331">
                  <c:v>0</c:v>
                </c:pt>
                <c:pt idx="2332">
                  <c:v>0</c:v>
                </c:pt>
                <c:pt idx="2333">
                  <c:v>0</c:v>
                </c:pt>
                <c:pt idx="2334">
                  <c:v>0</c:v>
                </c:pt>
                <c:pt idx="2335">
                  <c:v>0</c:v>
                </c:pt>
                <c:pt idx="2336">
                  <c:v>0</c:v>
                </c:pt>
                <c:pt idx="2337">
                  <c:v>0</c:v>
                </c:pt>
                <c:pt idx="2338">
                  <c:v>0</c:v>
                </c:pt>
                <c:pt idx="2339">
                  <c:v>0</c:v>
                </c:pt>
                <c:pt idx="2340">
                  <c:v>0</c:v>
                </c:pt>
                <c:pt idx="2341">
                  <c:v>0</c:v>
                </c:pt>
                <c:pt idx="2342">
                  <c:v>0</c:v>
                </c:pt>
                <c:pt idx="2343">
                  <c:v>0</c:v>
                </c:pt>
                <c:pt idx="2344">
                  <c:v>0</c:v>
                </c:pt>
                <c:pt idx="2345">
                  <c:v>0</c:v>
                </c:pt>
                <c:pt idx="2346">
                  <c:v>0</c:v>
                </c:pt>
                <c:pt idx="2347">
                  <c:v>0</c:v>
                </c:pt>
                <c:pt idx="2348">
                  <c:v>0</c:v>
                </c:pt>
                <c:pt idx="2349">
                  <c:v>0</c:v>
                </c:pt>
                <c:pt idx="2350">
                  <c:v>0</c:v>
                </c:pt>
                <c:pt idx="2351">
                  <c:v>0</c:v>
                </c:pt>
                <c:pt idx="2352">
                  <c:v>0</c:v>
                </c:pt>
                <c:pt idx="2353">
                  <c:v>0</c:v>
                </c:pt>
                <c:pt idx="2354">
                  <c:v>0</c:v>
                </c:pt>
                <c:pt idx="2355">
                  <c:v>0</c:v>
                </c:pt>
                <c:pt idx="2356">
                  <c:v>0</c:v>
                </c:pt>
                <c:pt idx="2357">
                  <c:v>0</c:v>
                </c:pt>
                <c:pt idx="2358">
                  <c:v>0</c:v>
                </c:pt>
                <c:pt idx="2359">
                  <c:v>0</c:v>
                </c:pt>
                <c:pt idx="2360">
                  <c:v>0</c:v>
                </c:pt>
                <c:pt idx="2361">
                  <c:v>0</c:v>
                </c:pt>
                <c:pt idx="2362">
                  <c:v>0</c:v>
                </c:pt>
                <c:pt idx="2363">
                  <c:v>0</c:v>
                </c:pt>
                <c:pt idx="2364">
                  <c:v>0</c:v>
                </c:pt>
                <c:pt idx="2365">
                  <c:v>0</c:v>
                </c:pt>
                <c:pt idx="2366">
                  <c:v>0</c:v>
                </c:pt>
                <c:pt idx="2367">
                  <c:v>0</c:v>
                </c:pt>
                <c:pt idx="2368">
                  <c:v>0</c:v>
                </c:pt>
                <c:pt idx="2369">
                  <c:v>0</c:v>
                </c:pt>
                <c:pt idx="2370">
                  <c:v>0</c:v>
                </c:pt>
                <c:pt idx="2371">
                  <c:v>0</c:v>
                </c:pt>
                <c:pt idx="2372">
                  <c:v>0</c:v>
                </c:pt>
                <c:pt idx="2373">
                  <c:v>0</c:v>
                </c:pt>
                <c:pt idx="2374">
                  <c:v>0</c:v>
                </c:pt>
                <c:pt idx="2375">
                  <c:v>0</c:v>
                </c:pt>
                <c:pt idx="2376">
                  <c:v>0</c:v>
                </c:pt>
                <c:pt idx="2377">
                  <c:v>0</c:v>
                </c:pt>
                <c:pt idx="2378">
                  <c:v>0</c:v>
                </c:pt>
                <c:pt idx="2379">
                  <c:v>0</c:v>
                </c:pt>
                <c:pt idx="2380">
                  <c:v>0</c:v>
                </c:pt>
                <c:pt idx="2381">
                  <c:v>0</c:v>
                </c:pt>
                <c:pt idx="2382">
                  <c:v>0</c:v>
                </c:pt>
                <c:pt idx="2383">
                  <c:v>0</c:v>
                </c:pt>
                <c:pt idx="2384">
                  <c:v>0</c:v>
                </c:pt>
                <c:pt idx="2385">
                  <c:v>0</c:v>
                </c:pt>
                <c:pt idx="2386">
                  <c:v>0</c:v>
                </c:pt>
                <c:pt idx="2387">
                  <c:v>0</c:v>
                </c:pt>
                <c:pt idx="2388">
                  <c:v>0</c:v>
                </c:pt>
                <c:pt idx="2389">
                  <c:v>0</c:v>
                </c:pt>
                <c:pt idx="2390">
                  <c:v>0</c:v>
                </c:pt>
                <c:pt idx="2391">
                  <c:v>0</c:v>
                </c:pt>
                <c:pt idx="2392">
                  <c:v>0</c:v>
                </c:pt>
                <c:pt idx="2393">
                  <c:v>0</c:v>
                </c:pt>
                <c:pt idx="2394">
                  <c:v>0</c:v>
                </c:pt>
                <c:pt idx="2395">
                  <c:v>0</c:v>
                </c:pt>
                <c:pt idx="2396">
                  <c:v>0</c:v>
                </c:pt>
                <c:pt idx="2397">
                  <c:v>0</c:v>
                </c:pt>
                <c:pt idx="2398">
                  <c:v>0</c:v>
                </c:pt>
                <c:pt idx="2399">
                  <c:v>0</c:v>
                </c:pt>
                <c:pt idx="2400">
                  <c:v>0</c:v>
                </c:pt>
                <c:pt idx="2401">
                  <c:v>0</c:v>
                </c:pt>
                <c:pt idx="2402">
                  <c:v>0</c:v>
                </c:pt>
                <c:pt idx="2403">
                  <c:v>0</c:v>
                </c:pt>
                <c:pt idx="2404">
                  <c:v>0</c:v>
                </c:pt>
                <c:pt idx="2405">
                  <c:v>0</c:v>
                </c:pt>
                <c:pt idx="2406">
                  <c:v>0</c:v>
                </c:pt>
                <c:pt idx="2407">
                  <c:v>0</c:v>
                </c:pt>
                <c:pt idx="2408">
                  <c:v>0</c:v>
                </c:pt>
                <c:pt idx="2409">
                  <c:v>0</c:v>
                </c:pt>
                <c:pt idx="2410">
                  <c:v>0</c:v>
                </c:pt>
                <c:pt idx="2411">
                  <c:v>0</c:v>
                </c:pt>
                <c:pt idx="2412">
                  <c:v>0</c:v>
                </c:pt>
                <c:pt idx="2413">
                  <c:v>0</c:v>
                </c:pt>
                <c:pt idx="2414">
                  <c:v>0</c:v>
                </c:pt>
                <c:pt idx="2415">
                  <c:v>0</c:v>
                </c:pt>
                <c:pt idx="2416">
                  <c:v>0</c:v>
                </c:pt>
                <c:pt idx="2417">
                  <c:v>0</c:v>
                </c:pt>
                <c:pt idx="2418">
                  <c:v>0</c:v>
                </c:pt>
                <c:pt idx="2419">
                  <c:v>0</c:v>
                </c:pt>
                <c:pt idx="2420">
                  <c:v>0</c:v>
                </c:pt>
                <c:pt idx="2421">
                  <c:v>0</c:v>
                </c:pt>
                <c:pt idx="2422">
                  <c:v>0</c:v>
                </c:pt>
                <c:pt idx="2423">
                  <c:v>0</c:v>
                </c:pt>
                <c:pt idx="2424">
                  <c:v>0</c:v>
                </c:pt>
                <c:pt idx="2425">
                  <c:v>0</c:v>
                </c:pt>
                <c:pt idx="2426">
                  <c:v>0</c:v>
                </c:pt>
                <c:pt idx="2427">
                  <c:v>0</c:v>
                </c:pt>
                <c:pt idx="2428">
                  <c:v>0</c:v>
                </c:pt>
                <c:pt idx="2429">
                  <c:v>0</c:v>
                </c:pt>
                <c:pt idx="2430">
                  <c:v>0</c:v>
                </c:pt>
                <c:pt idx="2431">
                  <c:v>0</c:v>
                </c:pt>
                <c:pt idx="2432">
                  <c:v>0</c:v>
                </c:pt>
                <c:pt idx="2433">
                  <c:v>0</c:v>
                </c:pt>
                <c:pt idx="2434">
                  <c:v>0</c:v>
                </c:pt>
                <c:pt idx="2435">
                  <c:v>0</c:v>
                </c:pt>
                <c:pt idx="2436">
                  <c:v>0</c:v>
                </c:pt>
                <c:pt idx="2437">
                  <c:v>0</c:v>
                </c:pt>
                <c:pt idx="2438">
                  <c:v>0</c:v>
                </c:pt>
                <c:pt idx="2439">
                  <c:v>0</c:v>
                </c:pt>
                <c:pt idx="2440">
                  <c:v>0</c:v>
                </c:pt>
                <c:pt idx="2441">
                  <c:v>0</c:v>
                </c:pt>
                <c:pt idx="2442">
                  <c:v>0</c:v>
                </c:pt>
                <c:pt idx="2443">
                  <c:v>0</c:v>
                </c:pt>
                <c:pt idx="2444">
                  <c:v>0</c:v>
                </c:pt>
                <c:pt idx="2445">
                  <c:v>0</c:v>
                </c:pt>
                <c:pt idx="2446">
                  <c:v>0</c:v>
                </c:pt>
                <c:pt idx="2447">
                  <c:v>0</c:v>
                </c:pt>
                <c:pt idx="2448">
                  <c:v>0</c:v>
                </c:pt>
                <c:pt idx="2449">
                  <c:v>0</c:v>
                </c:pt>
                <c:pt idx="2450">
                  <c:v>0</c:v>
                </c:pt>
                <c:pt idx="2451">
                  <c:v>0</c:v>
                </c:pt>
                <c:pt idx="2452">
                  <c:v>0</c:v>
                </c:pt>
                <c:pt idx="2453">
                  <c:v>0</c:v>
                </c:pt>
                <c:pt idx="2454">
                  <c:v>0</c:v>
                </c:pt>
                <c:pt idx="2455">
                  <c:v>0</c:v>
                </c:pt>
                <c:pt idx="2456">
                  <c:v>0</c:v>
                </c:pt>
                <c:pt idx="2457">
                  <c:v>0</c:v>
                </c:pt>
                <c:pt idx="2458">
                  <c:v>0</c:v>
                </c:pt>
                <c:pt idx="2459">
                  <c:v>0</c:v>
                </c:pt>
                <c:pt idx="2460">
                  <c:v>0</c:v>
                </c:pt>
                <c:pt idx="2461">
                  <c:v>0</c:v>
                </c:pt>
                <c:pt idx="2462">
                  <c:v>0</c:v>
                </c:pt>
                <c:pt idx="2463">
                  <c:v>0</c:v>
                </c:pt>
                <c:pt idx="2464">
                  <c:v>0</c:v>
                </c:pt>
                <c:pt idx="2465">
                  <c:v>0</c:v>
                </c:pt>
                <c:pt idx="2466">
                  <c:v>0</c:v>
                </c:pt>
                <c:pt idx="2467">
                  <c:v>0</c:v>
                </c:pt>
                <c:pt idx="2468">
                  <c:v>0</c:v>
                </c:pt>
                <c:pt idx="2469">
                  <c:v>0</c:v>
                </c:pt>
                <c:pt idx="2470">
                  <c:v>0</c:v>
                </c:pt>
                <c:pt idx="2471">
                  <c:v>0</c:v>
                </c:pt>
                <c:pt idx="2472">
                  <c:v>0</c:v>
                </c:pt>
                <c:pt idx="2473">
                  <c:v>0</c:v>
                </c:pt>
                <c:pt idx="2474">
                  <c:v>0</c:v>
                </c:pt>
                <c:pt idx="2475">
                  <c:v>0</c:v>
                </c:pt>
                <c:pt idx="2476">
                  <c:v>0</c:v>
                </c:pt>
                <c:pt idx="2477">
                  <c:v>0</c:v>
                </c:pt>
                <c:pt idx="2478">
                  <c:v>0</c:v>
                </c:pt>
                <c:pt idx="2479">
                  <c:v>0</c:v>
                </c:pt>
                <c:pt idx="2480">
                  <c:v>0</c:v>
                </c:pt>
                <c:pt idx="2481">
                  <c:v>0</c:v>
                </c:pt>
                <c:pt idx="2482">
                  <c:v>0</c:v>
                </c:pt>
                <c:pt idx="2483">
                  <c:v>0</c:v>
                </c:pt>
                <c:pt idx="2484">
                  <c:v>0</c:v>
                </c:pt>
                <c:pt idx="2485">
                  <c:v>0</c:v>
                </c:pt>
                <c:pt idx="2486">
                  <c:v>0</c:v>
                </c:pt>
                <c:pt idx="2487">
                  <c:v>0</c:v>
                </c:pt>
                <c:pt idx="2488">
                  <c:v>0</c:v>
                </c:pt>
                <c:pt idx="2489">
                  <c:v>0</c:v>
                </c:pt>
                <c:pt idx="2490">
                  <c:v>0</c:v>
                </c:pt>
                <c:pt idx="2491">
                  <c:v>0</c:v>
                </c:pt>
                <c:pt idx="2492">
                  <c:v>0</c:v>
                </c:pt>
                <c:pt idx="2493">
                  <c:v>0</c:v>
                </c:pt>
                <c:pt idx="2494">
                  <c:v>0</c:v>
                </c:pt>
                <c:pt idx="2495">
                  <c:v>0</c:v>
                </c:pt>
                <c:pt idx="2496">
                  <c:v>0</c:v>
                </c:pt>
                <c:pt idx="2497">
                  <c:v>0</c:v>
                </c:pt>
                <c:pt idx="2498">
                  <c:v>0</c:v>
                </c:pt>
                <c:pt idx="2499">
                  <c:v>0</c:v>
                </c:pt>
                <c:pt idx="2500">
                  <c:v>0</c:v>
                </c:pt>
                <c:pt idx="2501">
                  <c:v>0</c:v>
                </c:pt>
                <c:pt idx="2502">
                  <c:v>0</c:v>
                </c:pt>
                <c:pt idx="2503">
                  <c:v>0</c:v>
                </c:pt>
                <c:pt idx="2504">
                  <c:v>0</c:v>
                </c:pt>
                <c:pt idx="2505">
                  <c:v>0</c:v>
                </c:pt>
                <c:pt idx="2506">
                  <c:v>0</c:v>
                </c:pt>
                <c:pt idx="2507">
                  <c:v>0</c:v>
                </c:pt>
                <c:pt idx="2508">
                  <c:v>0</c:v>
                </c:pt>
                <c:pt idx="2509">
                  <c:v>0</c:v>
                </c:pt>
                <c:pt idx="2510">
                  <c:v>0</c:v>
                </c:pt>
                <c:pt idx="2511">
                  <c:v>0</c:v>
                </c:pt>
                <c:pt idx="2512">
                  <c:v>0</c:v>
                </c:pt>
                <c:pt idx="2513">
                  <c:v>0</c:v>
                </c:pt>
                <c:pt idx="2514">
                  <c:v>0</c:v>
                </c:pt>
                <c:pt idx="2515">
                  <c:v>0</c:v>
                </c:pt>
                <c:pt idx="2516">
                  <c:v>0</c:v>
                </c:pt>
                <c:pt idx="2517">
                  <c:v>0</c:v>
                </c:pt>
                <c:pt idx="2518">
                  <c:v>0</c:v>
                </c:pt>
                <c:pt idx="2519">
                  <c:v>0</c:v>
                </c:pt>
                <c:pt idx="2520">
                  <c:v>0</c:v>
                </c:pt>
                <c:pt idx="2521">
                  <c:v>0</c:v>
                </c:pt>
                <c:pt idx="2522">
                  <c:v>0</c:v>
                </c:pt>
                <c:pt idx="2523">
                  <c:v>0</c:v>
                </c:pt>
                <c:pt idx="2524">
                  <c:v>0</c:v>
                </c:pt>
                <c:pt idx="2525">
                  <c:v>0</c:v>
                </c:pt>
                <c:pt idx="2526">
                  <c:v>0</c:v>
                </c:pt>
                <c:pt idx="2527">
                  <c:v>0</c:v>
                </c:pt>
                <c:pt idx="2528">
                  <c:v>0</c:v>
                </c:pt>
                <c:pt idx="2529">
                  <c:v>0</c:v>
                </c:pt>
                <c:pt idx="2530">
                  <c:v>0</c:v>
                </c:pt>
                <c:pt idx="2531">
                  <c:v>0</c:v>
                </c:pt>
                <c:pt idx="2532">
                  <c:v>0</c:v>
                </c:pt>
                <c:pt idx="2533">
                  <c:v>0</c:v>
                </c:pt>
                <c:pt idx="2534">
                  <c:v>0</c:v>
                </c:pt>
                <c:pt idx="2535">
                  <c:v>0</c:v>
                </c:pt>
                <c:pt idx="2536">
                  <c:v>0</c:v>
                </c:pt>
                <c:pt idx="2537">
                  <c:v>0</c:v>
                </c:pt>
                <c:pt idx="2538">
                  <c:v>0</c:v>
                </c:pt>
                <c:pt idx="2539">
                  <c:v>0</c:v>
                </c:pt>
                <c:pt idx="2540">
                  <c:v>0</c:v>
                </c:pt>
                <c:pt idx="2541">
                  <c:v>0</c:v>
                </c:pt>
                <c:pt idx="2542">
                  <c:v>0</c:v>
                </c:pt>
                <c:pt idx="2543">
                  <c:v>0</c:v>
                </c:pt>
                <c:pt idx="2544">
                  <c:v>0</c:v>
                </c:pt>
                <c:pt idx="2545">
                  <c:v>0</c:v>
                </c:pt>
                <c:pt idx="2546">
                  <c:v>0</c:v>
                </c:pt>
                <c:pt idx="2547">
                  <c:v>0</c:v>
                </c:pt>
                <c:pt idx="2548">
                  <c:v>0</c:v>
                </c:pt>
                <c:pt idx="2549">
                  <c:v>0</c:v>
                </c:pt>
                <c:pt idx="2550">
                  <c:v>0</c:v>
                </c:pt>
                <c:pt idx="2551">
                  <c:v>0</c:v>
                </c:pt>
                <c:pt idx="2552">
                  <c:v>0</c:v>
                </c:pt>
                <c:pt idx="2553">
                  <c:v>0</c:v>
                </c:pt>
                <c:pt idx="2554">
                  <c:v>0</c:v>
                </c:pt>
                <c:pt idx="2555">
                  <c:v>0</c:v>
                </c:pt>
                <c:pt idx="2556">
                  <c:v>0</c:v>
                </c:pt>
                <c:pt idx="2557">
                  <c:v>0</c:v>
                </c:pt>
                <c:pt idx="2558">
                  <c:v>0</c:v>
                </c:pt>
                <c:pt idx="2559">
                  <c:v>0</c:v>
                </c:pt>
                <c:pt idx="2560">
                  <c:v>0</c:v>
                </c:pt>
                <c:pt idx="2561">
                  <c:v>0</c:v>
                </c:pt>
                <c:pt idx="2562">
                  <c:v>0</c:v>
                </c:pt>
                <c:pt idx="2563">
                  <c:v>0</c:v>
                </c:pt>
                <c:pt idx="2564">
                  <c:v>0</c:v>
                </c:pt>
                <c:pt idx="2565">
                  <c:v>0</c:v>
                </c:pt>
                <c:pt idx="2566">
                  <c:v>0</c:v>
                </c:pt>
                <c:pt idx="2567">
                  <c:v>0</c:v>
                </c:pt>
                <c:pt idx="2568">
                  <c:v>0</c:v>
                </c:pt>
                <c:pt idx="2569">
                  <c:v>0</c:v>
                </c:pt>
                <c:pt idx="2570">
                  <c:v>0</c:v>
                </c:pt>
                <c:pt idx="2571">
                  <c:v>0</c:v>
                </c:pt>
                <c:pt idx="2572">
                  <c:v>0</c:v>
                </c:pt>
                <c:pt idx="2573">
                  <c:v>0</c:v>
                </c:pt>
                <c:pt idx="2574">
                  <c:v>0</c:v>
                </c:pt>
                <c:pt idx="2575">
                  <c:v>0</c:v>
                </c:pt>
                <c:pt idx="2576">
                  <c:v>0</c:v>
                </c:pt>
                <c:pt idx="2577">
                  <c:v>0</c:v>
                </c:pt>
                <c:pt idx="2578">
                  <c:v>0</c:v>
                </c:pt>
                <c:pt idx="2579">
                  <c:v>0</c:v>
                </c:pt>
                <c:pt idx="2580">
                  <c:v>0</c:v>
                </c:pt>
                <c:pt idx="2581">
                  <c:v>0</c:v>
                </c:pt>
                <c:pt idx="2582">
                  <c:v>0</c:v>
                </c:pt>
                <c:pt idx="2583">
                  <c:v>0</c:v>
                </c:pt>
                <c:pt idx="2584">
                  <c:v>0</c:v>
                </c:pt>
                <c:pt idx="2585">
                  <c:v>0</c:v>
                </c:pt>
                <c:pt idx="2586">
                  <c:v>0</c:v>
                </c:pt>
                <c:pt idx="2587">
                  <c:v>0</c:v>
                </c:pt>
                <c:pt idx="2588">
                  <c:v>0</c:v>
                </c:pt>
                <c:pt idx="2589">
                  <c:v>0</c:v>
                </c:pt>
                <c:pt idx="2590">
                  <c:v>0</c:v>
                </c:pt>
                <c:pt idx="2591">
                  <c:v>0</c:v>
                </c:pt>
                <c:pt idx="2592">
                  <c:v>0</c:v>
                </c:pt>
                <c:pt idx="2593">
                  <c:v>0</c:v>
                </c:pt>
                <c:pt idx="2594">
                  <c:v>0</c:v>
                </c:pt>
                <c:pt idx="2595">
                  <c:v>0</c:v>
                </c:pt>
                <c:pt idx="2596">
                  <c:v>0</c:v>
                </c:pt>
                <c:pt idx="2597">
                  <c:v>0</c:v>
                </c:pt>
                <c:pt idx="2598">
                  <c:v>0</c:v>
                </c:pt>
                <c:pt idx="2599">
                  <c:v>0</c:v>
                </c:pt>
                <c:pt idx="2600">
                  <c:v>0</c:v>
                </c:pt>
                <c:pt idx="2601">
                  <c:v>0</c:v>
                </c:pt>
                <c:pt idx="2602">
                  <c:v>0</c:v>
                </c:pt>
                <c:pt idx="2603">
                  <c:v>0</c:v>
                </c:pt>
                <c:pt idx="2604">
                  <c:v>0</c:v>
                </c:pt>
                <c:pt idx="2605">
                  <c:v>0</c:v>
                </c:pt>
                <c:pt idx="2606">
                  <c:v>0</c:v>
                </c:pt>
                <c:pt idx="2607">
                  <c:v>0</c:v>
                </c:pt>
                <c:pt idx="2608">
                  <c:v>0</c:v>
                </c:pt>
                <c:pt idx="2609">
                  <c:v>0</c:v>
                </c:pt>
                <c:pt idx="2610">
                  <c:v>0</c:v>
                </c:pt>
                <c:pt idx="2611">
                  <c:v>0</c:v>
                </c:pt>
                <c:pt idx="2612">
                  <c:v>0</c:v>
                </c:pt>
                <c:pt idx="2613">
                  <c:v>0</c:v>
                </c:pt>
                <c:pt idx="2614">
                  <c:v>0</c:v>
                </c:pt>
                <c:pt idx="2615">
                  <c:v>0</c:v>
                </c:pt>
                <c:pt idx="2616">
                  <c:v>0</c:v>
                </c:pt>
                <c:pt idx="2617">
                  <c:v>0</c:v>
                </c:pt>
                <c:pt idx="2618">
                  <c:v>0</c:v>
                </c:pt>
                <c:pt idx="2619">
                  <c:v>0</c:v>
                </c:pt>
                <c:pt idx="2620">
                  <c:v>0</c:v>
                </c:pt>
                <c:pt idx="2621">
                  <c:v>0</c:v>
                </c:pt>
                <c:pt idx="2622">
                  <c:v>0</c:v>
                </c:pt>
                <c:pt idx="2623">
                  <c:v>0</c:v>
                </c:pt>
                <c:pt idx="2624">
                  <c:v>0</c:v>
                </c:pt>
                <c:pt idx="2625">
                  <c:v>0</c:v>
                </c:pt>
                <c:pt idx="2626">
                  <c:v>0</c:v>
                </c:pt>
                <c:pt idx="2627">
                  <c:v>0</c:v>
                </c:pt>
                <c:pt idx="2628">
                  <c:v>0</c:v>
                </c:pt>
                <c:pt idx="2629">
                  <c:v>0</c:v>
                </c:pt>
                <c:pt idx="2630">
                  <c:v>0</c:v>
                </c:pt>
                <c:pt idx="2631">
                  <c:v>0</c:v>
                </c:pt>
                <c:pt idx="2632">
                  <c:v>0</c:v>
                </c:pt>
                <c:pt idx="2633">
                  <c:v>0</c:v>
                </c:pt>
                <c:pt idx="2634">
                  <c:v>0</c:v>
                </c:pt>
                <c:pt idx="2635">
                  <c:v>0</c:v>
                </c:pt>
                <c:pt idx="2636">
                  <c:v>0</c:v>
                </c:pt>
                <c:pt idx="2637">
                  <c:v>0</c:v>
                </c:pt>
                <c:pt idx="2638">
                  <c:v>0</c:v>
                </c:pt>
                <c:pt idx="2639">
                  <c:v>0</c:v>
                </c:pt>
                <c:pt idx="2640">
                  <c:v>0</c:v>
                </c:pt>
                <c:pt idx="2641">
                  <c:v>0</c:v>
                </c:pt>
                <c:pt idx="2642">
                  <c:v>0</c:v>
                </c:pt>
                <c:pt idx="2643">
                  <c:v>0</c:v>
                </c:pt>
                <c:pt idx="2644">
                  <c:v>0</c:v>
                </c:pt>
                <c:pt idx="2645">
                  <c:v>0</c:v>
                </c:pt>
                <c:pt idx="2646">
                  <c:v>0</c:v>
                </c:pt>
                <c:pt idx="2647">
                  <c:v>0</c:v>
                </c:pt>
                <c:pt idx="2648">
                  <c:v>0</c:v>
                </c:pt>
                <c:pt idx="2649">
                  <c:v>0</c:v>
                </c:pt>
                <c:pt idx="2650">
                  <c:v>0</c:v>
                </c:pt>
                <c:pt idx="2651">
                  <c:v>0</c:v>
                </c:pt>
                <c:pt idx="2652">
                  <c:v>0</c:v>
                </c:pt>
                <c:pt idx="2653">
                  <c:v>0</c:v>
                </c:pt>
                <c:pt idx="2654">
                  <c:v>0</c:v>
                </c:pt>
                <c:pt idx="2655">
                  <c:v>0</c:v>
                </c:pt>
                <c:pt idx="2656">
                  <c:v>0</c:v>
                </c:pt>
                <c:pt idx="2657">
                  <c:v>0</c:v>
                </c:pt>
                <c:pt idx="2658">
                  <c:v>0</c:v>
                </c:pt>
                <c:pt idx="2659">
                  <c:v>0</c:v>
                </c:pt>
                <c:pt idx="2660">
                  <c:v>0</c:v>
                </c:pt>
                <c:pt idx="2661">
                  <c:v>0</c:v>
                </c:pt>
                <c:pt idx="2662">
                  <c:v>0</c:v>
                </c:pt>
                <c:pt idx="2663">
                  <c:v>0</c:v>
                </c:pt>
                <c:pt idx="2664">
                  <c:v>0</c:v>
                </c:pt>
                <c:pt idx="2665">
                  <c:v>0</c:v>
                </c:pt>
                <c:pt idx="2666">
                  <c:v>0</c:v>
                </c:pt>
                <c:pt idx="2667">
                  <c:v>0</c:v>
                </c:pt>
                <c:pt idx="2668">
                  <c:v>0</c:v>
                </c:pt>
                <c:pt idx="2669">
                  <c:v>0</c:v>
                </c:pt>
                <c:pt idx="2670">
                  <c:v>0</c:v>
                </c:pt>
                <c:pt idx="2671">
                  <c:v>0</c:v>
                </c:pt>
                <c:pt idx="2672">
                  <c:v>0</c:v>
                </c:pt>
                <c:pt idx="2673">
                  <c:v>0</c:v>
                </c:pt>
                <c:pt idx="2674">
                  <c:v>0</c:v>
                </c:pt>
                <c:pt idx="2675">
                  <c:v>0</c:v>
                </c:pt>
                <c:pt idx="2676">
                  <c:v>0</c:v>
                </c:pt>
                <c:pt idx="2677">
                  <c:v>0</c:v>
                </c:pt>
                <c:pt idx="2678">
                  <c:v>0</c:v>
                </c:pt>
                <c:pt idx="2679">
                  <c:v>0</c:v>
                </c:pt>
                <c:pt idx="2680">
                  <c:v>0</c:v>
                </c:pt>
                <c:pt idx="2681">
                  <c:v>0</c:v>
                </c:pt>
                <c:pt idx="2682">
                  <c:v>0</c:v>
                </c:pt>
                <c:pt idx="2683">
                  <c:v>0</c:v>
                </c:pt>
                <c:pt idx="2684">
                  <c:v>0</c:v>
                </c:pt>
                <c:pt idx="2685">
                  <c:v>1</c:v>
                </c:pt>
                <c:pt idx="2686">
                  <c:v>1</c:v>
                </c:pt>
                <c:pt idx="2687">
                  <c:v>1</c:v>
                </c:pt>
                <c:pt idx="2688">
                  <c:v>1</c:v>
                </c:pt>
                <c:pt idx="2689">
                  <c:v>1</c:v>
                </c:pt>
                <c:pt idx="2690">
                  <c:v>1</c:v>
                </c:pt>
                <c:pt idx="2691">
                  <c:v>1</c:v>
                </c:pt>
                <c:pt idx="2692">
                  <c:v>1</c:v>
                </c:pt>
                <c:pt idx="2693">
                  <c:v>1</c:v>
                </c:pt>
                <c:pt idx="2694">
                  <c:v>1</c:v>
                </c:pt>
                <c:pt idx="2695">
                  <c:v>1</c:v>
                </c:pt>
                <c:pt idx="2696">
                  <c:v>1</c:v>
                </c:pt>
                <c:pt idx="2697">
                  <c:v>1</c:v>
                </c:pt>
                <c:pt idx="2698">
                  <c:v>1</c:v>
                </c:pt>
                <c:pt idx="2699">
                  <c:v>1</c:v>
                </c:pt>
                <c:pt idx="2700">
                  <c:v>1</c:v>
                </c:pt>
                <c:pt idx="2701">
                  <c:v>1</c:v>
                </c:pt>
                <c:pt idx="2702">
                  <c:v>1</c:v>
                </c:pt>
                <c:pt idx="2703">
                  <c:v>1</c:v>
                </c:pt>
                <c:pt idx="2704">
                  <c:v>1</c:v>
                </c:pt>
                <c:pt idx="2705">
                  <c:v>1</c:v>
                </c:pt>
                <c:pt idx="2706">
                  <c:v>1</c:v>
                </c:pt>
                <c:pt idx="2707">
                  <c:v>1</c:v>
                </c:pt>
                <c:pt idx="2708">
                  <c:v>1</c:v>
                </c:pt>
                <c:pt idx="2709">
                  <c:v>1</c:v>
                </c:pt>
                <c:pt idx="2710">
                  <c:v>1</c:v>
                </c:pt>
                <c:pt idx="2711">
                  <c:v>1</c:v>
                </c:pt>
                <c:pt idx="2712">
                  <c:v>1</c:v>
                </c:pt>
                <c:pt idx="2713">
                  <c:v>1</c:v>
                </c:pt>
                <c:pt idx="2715">
                  <c:v>1</c:v>
                </c:pt>
                <c:pt idx="2716">
                  <c:v>1</c:v>
                </c:pt>
                <c:pt idx="2717">
                  <c:v>1</c:v>
                </c:pt>
                <c:pt idx="2718">
                  <c:v>1</c:v>
                </c:pt>
                <c:pt idx="2719">
                  <c:v>1</c:v>
                </c:pt>
                <c:pt idx="2720">
                  <c:v>1</c:v>
                </c:pt>
                <c:pt idx="2721">
                  <c:v>1</c:v>
                </c:pt>
                <c:pt idx="2722">
                  <c:v>1</c:v>
                </c:pt>
                <c:pt idx="2723">
                  <c:v>1</c:v>
                </c:pt>
                <c:pt idx="2724">
                  <c:v>1</c:v>
                </c:pt>
                <c:pt idx="2725">
                  <c:v>1</c:v>
                </c:pt>
                <c:pt idx="2726">
                  <c:v>1</c:v>
                </c:pt>
                <c:pt idx="2727">
                  <c:v>1</c:v>
                </c:pt>
                <c:pt idx="2728">
                  <c:v>1</c:v>
                </c:pt>
                <c:pt idx="2729">
                  <c:v>1</c:v>
                </c:pt>
                <c:pt idx="2730">
                  <c:v>0</c:v>
                </c:pt>
                <c:pt idx="2731">
                  <c:v>0</c:v>
                </c:pt>
                <c:pt idx="2732">
                  <c:v>0</c:v>
                </c:pt>
                <c:pt idx="2733">
                  <c:v>0</c:v>
                </c:pt>
                <c:pt idx="2734">
                  <c:v>0</c:v>
                </c:pt>
                <c:pt idx="2735">
                  <c:v>0</c:v>
                </c:pt>
                <c:pt idx="2736">
                  <c:v>0</c:v>
                </c:pt>
                <c:pt idx="2737">
                  <c:v>0</c:v>
                </c:pt>
                <c:pt idx="2738">
                  <c:v>0</c:v>
                </c:pt>
                <c:pt idx="2739">
                  <c:v>0</c:v>
                </c:pt>
                <c:pt idx="2740">
                  <c:v>0</c:v>
                </c:pt>
                <c:pt idx="2741">
                  <c:v>0</c:v>
                </c:pt>
                <c:pt idx="2742">
                  <c:v>0</c:v>
                </c:pt>
                <c:pt idx="2743">
                  <c:v>0</c:v>
                </c:pt>
                <c:pt idx="2744">
                  <c:v>0</c:v>
                </c:pt>
                <c:pt idx="2745">
                  <c:v>0</c:v>
                </c:pt>
                <c:pt idx="2746">
                  <c:v>0</c:v>
                </c:pt>
                <c:pt idx="2747">
                  <c:v>0</c:v>
                </c:pt>
                <c:pt idx="2748">
                  <c:v>0</c:v>
                </c:pt>
                <c:pt idx="2749">
                  <c:v>0</c:v>
                </c:pt>
                <c:pt idx="2750">
                  <c:v>0</c:v>
                </c:pt>
                <c:pt idx="2751">
                  <c:v>0</c:v>
                </c:pt>
                <c:pt idx="2752">
                  <c:v>0</c:v>
                </c:pt>
                <c:pt idx="2753">
                  <c:v>0</c:v>
                </c:pt>
                <c:pt idx="2754">
                  <c:v>0</c:v>
                </c:pt>
                <c:pt idx="2755">
                  <c:v>0</c:v>
                </c:pt>
                <c:pt idx="2756">
                  <c:v>0</c:v>
                </c:pt>
                <c:pt idx="2757">
                  <c:v>0</c:v>
                </c:pt>
                <c:pt idx="2758">
                  <c:v>0</c:v>
                </c:pt>
                <c:pt idx="2759">
                  <c:v>0</c:v>
                </c:pt>
                <c:pt idx="2760">
                  <c:v>0</c:v>
                </c:pt>
                <c:pt idx="2761">
                  <c:v>0</c:v>
                </c:pt>
                <c:pt idx="2762">
                  <c:v>0</c:v>
                </c:pt>
                <c:pt idx="2763">
                  <c:v>0</c:v>
                </c:pt>
                <c:pt idx="2764">
                  <c:v>0</c:v>
                </c:pt>
                <c:pt idx="2765">
                  <c:v>0</c:v>
                </c:pt>
                <c:pt idx="2766">
                  <c:v>0</c:v>
                </c:pt>
                <c:pt idx="2767">
                  <c:v>0</c:v>
                </c:pt>
                <c:pt idx="2768">
                  <c:v>0</c:v>
                </c:pt>
                <c:pt idx="2769">
                  <c:v>0</c:v>
                </c:pt>
                <c:pt idx="2770">
                  <c:v>0</c:v>
                </c:pt>
                <c:pt idx="2771">
                  <c:v>0</c:v>
                </c:pt>
                <c:pt idx="2772">
                  <c:v>0</c:v>
                </c:pt>
                <c:pt idx="2773">
                  <c:v>0</c:v>
                </c:pt>
                <c:pt idx="2774">
                  <c:v>0</c:v>
                </c:pt>
                <c:pt idx="2775">
                  <c:v>0</c:v>
                </c:pt>
                <c:pt idx="2776">
                  <c:v>0</c:v>
                </c:pt>
                <c:pt idx="2777">
                  <c:v>0</c:v>
                </c:pt>
                <c:pt idx="2778">
                  <c:v>0</c:v>
                </c:pt>
                <c:pt idx="2779">
                  <c:v>0</c:v>
                </c:pt>
                <c:pt idx="2780">
                  <c:v>0</c:v>
                </c:pt>
                <c:pt idx="2781">
                  <c:v>0</c:v>
                </c:pt>
                <c:pt idx="2782">
                  <c:v>0</c:v>
                </c:pt>
                <c:pt idx="2783">
                  <c:v>0</c:v>
                </c:pt>
                <c:pt idx="2784">
                  <c:v>0</c:v>
                </c:pt>
                <c:pt idx="2785">
                  <c:v>0</c:v>
                </c:pt>
                <c:pt idx="2786">
                  <c:v>0</c:v>
                </c:pt>
                <c:pt idx="2787">
                  <c:v>0</c:v>
                </c:pt>
                <c:pt idx="2788">
                  <c:v>0</c:v>
                </c:pt>
                <c:pt idx="2789">
                  <c:v>0</c:v>
                </c:pt>
                <c:pt idx="2790">
                  <c:v>0</c:v>
                </c:pt>
                <c:pt idx="2791">
                  <c:v>0</c:v>
                </c:pt>
                <c:pt idx="2792">
                  <c:v>0</c:v>
                </c:pt>
                <c:pt idx="2793">
                  <c:v>0</c:v>
                </c:pt>
                <c:pt idx="2794">
                  <c:v>0</c:v>
                </c:pt>
                <c:pt idx="2795">
                  <c:v>0</c:v>
                </c:pt>
                <c:pt idx="2796">
                  <c:v>0</c:v>
                </c:pt>
                <c:pt idx="2797">
                  <c:v>0</c:v>
                </c:pt>
                <c:pt idx="2798">
                  <c:v>0</c:v>
                </c:pt>
                <c:pt idx="2799">
                  <c:v>0</c:v>
                </c:pt>
                <c:pt idx="2800">
                  <c:v>0</c:v>
                </c:pt>
                <c:pt idx="2801">
                  <c:v>0</c:v>
                </c:pt>
                <c:pt idx="2802">
                  <c:v>0</c:v>
                </c:pt>
                <c:pt idx="2803">
                  <c:v>0</c:v>
                </c:pt>
                <c:pt idx="2804">
                  <c:v>0</c:v>
                </c:pt>
                <c:pt idx="2805">
                  <c:v>0</c:v>
                </c:pt>
                <c:pt idx="2806">
                  <c:v>0</c:v>
                </c:pt>
                <c:pt idx="2807">
                  <c:v>0</c:v>
                </c:pt>
                <c:pt idx="2808">
                  <c:v>0</c:v>
                </c:pt>
                <c:pt idx="2809">
                  <c:v>0</c:v>
                </c:pt>
                <c:pt idx="2810">
                  <c:v>0</c:v>
                </c:pt>
                <c:pt idx="2811">
                  <c:v>0</c:v>
                </c:pt>
                <c:pt idx="2812">
                  <c:v>0</c:v>
                </c:pt>
                <c:pt idx="2813">
                  <c:v>0</c:v>
                </c:pt>
                <c:pt idx="2814">
                  <c:v>0</c:v>
                </c:pt>
                <c:pt idx="2815">
                  <c:v>0</c:v>
                </c:pt>
                <c:pt idx="2816">
                  <c:v>0</c:v>
                </c:pt>
                <c:pt idx="2817">
                  <c:v>0</c:v>
                </c:pt>
                <c:pt idx="2818">
                  <c:v>0</c:v>
                </c:pt>
                <c:pt idx="2819">
                  <c:v>0</c:v>
                </c:pt>
                <c:pt idx="2820">
                  <c:v>0</c:v>
                </c:pt>
                <c:pt idx="2821">
                  <c:v>0</c:v>
                </c:pt>
                <c:pt idx="2822">
                  <c:v>0</c:v>
                </c:pt>
                <c:pt idx="2823">
                  <c:v>0</c:v>
                </c:pt>
                <c:pt idx="2824">
                  <c:v>0</c:v>
                </c:pt>
                <c:pt idx="2825">
                  <c:v>0</c:v>
                </c:pt>
                <c:pt idx="2826">
                  <c:v>0</c:v>
                </c:pt>
                <c:pt idx="2827">
                  <c:v>0</c:v>
                </c:pt>
                <c:pt idx="2828">
                  <c:v>0</c:v>
                </c:pt>
                <c:pt idx="2829">
                  <c:v>0</c:v>
                </c:pt>
                <c:pt idx="2830">
                  <c:v>0</c:v>
                </c:pt>
                <c:pt idx="2831">
                  <c:v>0</c:v>
                </c:pt>
                <c:pt idx="2832">
                  <c:v>0</c:v>
                </c:pt>
                <c:pt idx="2833">
                  <c:v>0</c:v>
                </c:pt>
                <c:pt idx="2834">
                  <c:v>0</c:v>
                </c:pt>
                <c:pt idx="2835">
                  <c:v>0</c:v>
                </c:pt>
                <c:pt idx="2836">
                  <c:v>0</c:v>
                </c:pt>
                <c:pt idx="2837">
                  <c:v>0</c:v>
                </c:pt>
                <c:pt idx="2838">
                  <c:v>0</c:v>
                </c:pt>
                <c:pt idx="2839">
                  <c:v>0</c:v>
                </c:pt>
                <c:pt idx="2840">
                  <c:v>0</c:v>
                </c:pt>
                <c:pt idx="2841">
                  <c:v>0</c:v>
                </c:pt>
                <c:pt idx="2842">
                  <c:v>0</c:v>
                </c:pt>
                <c:pt idx="2843">
                  <c:v>0</c:v>
                </c:pt>
                <c:pt idx="2844">
                  <c:v>0</c:v>
                </c:pt>
                <c:pt idx="2845">
                  <c:v>0</c:v>
                </c:pt>
                <c:pt idx="2846">
                  <c:v>0</c:v>
                </c:pt>
                <c:pt idx="2847">
                  <c:v>0</c:v>
                </c:pt>
                <c:pt idx="2848">
                  <c:v>0</c:v>
                </c:pt>
                <c:pt idx="2849">
                  <c:v>0</c:v>
                </c:pt>
                <c:pt idx="2850">
                  <c:v>0</c:v>
                </c:pt>
                <c:pt idx="2851">
                  <c:v>0</c:v>
                </c:pt>
                <c:pt idx="2852">
                  <c:v>0</c:v>
                </c:pt>
                <c:pt idx="2853">
                  <c:v>0</c:v>
                </c:pt>
                <c:pt idx="2854">
                  <c:v>0</c:v>
                </c:pt>
                <c:pt idx="2855">
                  <c:v>0</c:v>
                </c:pt>
                <c:pt idx="2856">
                  <c:v>0</c:v>
                </c:pt>
                <c:pt idx="2857">
                  <c:v>0</c:v>
                </c:pt>
                <c:pt idx="2858">
                  <c:v>0</c:v>
                </c:pt>
                <c:pt idx="2859">
                  <c:v>0</c:v>
                </c:pt>
                <c:pt idx="2860">
                  <c:v>0</c:v>
                </c:pt>
                <c:pt idx="2861">
                  <c:v>0</c:v>
                </c:pt>
                <c:pt idx="2862">
                  <c:v>0</c:v>
                </c:pt>
                <c:pt idx="2863">
                  <c:v>0</c:v>
                </c:pt>
                <c:pt idx="2864">
                  <c:v>0</c:v>
                </c:pt>
                <c:pt idx="2865">
                  <c:v>0</c:v>
                </c:pt>
                <c:pt idx="2866">
                  <c:v>0</c:v>
                </c:pt>
                <c:pt idx="2867">
                  <c:v>0</c:v>
                </c:pt>
                <c:pt idx="2868">
                  <c:v>0</c:v>
                </c:pt>
                <c:pt idx="2869">
                  <c:v>0</c:v>
                </c:pt>
                <c:pt idx="2870">
                  <c:v>0</c:v>
                </c:pt>
                <c:pt idx="2871">
                  <c:v>0</c:v>
                </c:pt>
                <c:pt idx="2872">
                  <c:v>0</c:v>
                </c:pt>
                <c:pt idx="2873">
                  <c:v>0</c:v>
                </c:pt>
                <c:pt idx="2874">
                  <c:v>0</c:v>
                </c:pt>
                <c:pt idx="2875">
                  <c:v>0</c:v>
                </c:pt>
                <c:pt idx="2876">
                  <c:v>0</c:v>
                </c:pt>
                <c:pt idx="2877">
                  <c:v>0</c:v>
                </c:pt>
                <c:pt idx="2878">
                  <c:v>0</c:v>
                </c:pt>
                <c:pt idx="2879">
                  <c:v>0</c:v>
                </c:pt>
                <c:pt idx="2880">
                  <c:v>0</c:v>
                </c:pt>
                <c:pt idx="2881">
                  <c:v>0</c:v>
                </c:pt>
                <c:pt idx="2882">
                  <c:v>0</c:v>
                </c:pt>
                <c:pt idx="2883">
                  <c:v>0</c:v>
                </c:pt>
                <c:pt idx="2884">
                  <c:v>0</c:v>
                </c:pt>
                <c:pt idx="2885">
                  <c:v>0</c:v>
                </c:pt>
                <c:pt idx="2886">
                  <c:v>0</c:v>
                </c:pt>
                <c:pt idx="2887">
                  <c:v>0</c:v>
                </c:pt>
                <c:pt idx="2888">
                  <c:v>0</c:v>
                </c:pt>
                <c:pt idx="2889">
                  <c:v>0</c:v>
                </c:pt>
                <c:pt idx="2890">
                  <c:v>0</c:v>
                </c:pt>
                <c:pt idx="2891">
                  <c:v>0</c:v>
                </c:pt>
                <c:pt idx="2892">
                  <c:v>0</c:v>
                </c:pt>
                <c:pt idx="2893">
                  <c:v>0</c:v>
                </c:pt>
                <c:pt idx="2894">
                  <c:v>0</c:v>
                </c:pt>
                <c:pt idx="2895">
                  <c:v>0</c:v>
                </c:pt>
                <c:pt idx="2896">
                  <c:v>0</c:v>
                </c:pt>
                <c:pt idx="2897">
                  <c:v>0</c:v>
                </c:pt>
                <c:pt idx="2898">
                  <c:v>0</c:v>
                </c:pt>
                <c:pt idx="2899">
                  <c:v>0</c:v>
                </c:pt>
                <c:pt idx="2900">
                  <c:v>0</c:v>
                </c:pt>
                <c:pt idx="2902">
                  <c:v>0</c:v>
                </c:pt>
                <c:pt idx="2903">
                  <c:v>0</c:v>
                </c:pt>
                <c:pt idx="2904">
                  <c:v>0</c:v>
                </c:pt>
                <c:pt idx="2905">
                  <c:v>0</c:v>
                </c:pt>
                <c:pt idx="2907">
                  <c:v>0</c:v>
                </c:pt>
                <c:pt idx="2908">
                  <c:v>0</c:v>
                </c:pt>
                <c:pt idx="2909">
                  <c:v>0</c:v>
                </c:pt>
                <c:pt idx="2910">
                  <c:v>0</c:v>
                </c:pt>
                <c:pt idx="2911">
                  <c:v>0</c:v>
                </c:pt>
                <c:pt idx="2912">
                  <c:v>0</c:v>
                </c:pt>
                <c:pt idx="2913">
                  <c:v>0</c:v>
                </c:pt>
                <c:pt idx="2914">
                  <c:v>0</c:v>
                </c:pt>
                <c:pt idx="2915">
                  <c:v>0</c:v>
                </c:pt>
                <c:pt idx="2916">
                  <c:v>0</c:v>
                </c:pt>
                <c:pt idx="2917">
                  <c:v>0</c:v>
                </c:pt>
                <c:pt idx="2918">
                  <c:v>0</c:v>
                </c:pt>
                <c:pt idx="2919">
                  <c:v>0</c:v>
                </c:pt>
                <c:pt idx="2920">
                  <c:v>0</c:v>
                </c:pt>
                <c:pt idx="2921">
                  <c:v>0</c:v>
                </c:pt>
                <c:pt idx="2922">
                  <c:v>0</c:v>
                </c:pt>
                <c:pt idx="2923">
                  <c:v>0</c:v>
                </c:pt>
                <c:pt idx="2924">
                  <c:v>0</c:v>
                </c:pt>
                <c:pt idx="2925">
                  <c:v>0</c:v>
                </c:pt>
                <c:pt idx="2926">
                  <c:v>0</c:v>
                </c:pt>
                <c:pt idx="2927">
                  <c:v>0</c:v>
                </c:pt>
                <c:pt idx="2928">
                  <c:v>0</c:v>
                </c:pt>
                <c:pt idx="2929">
                  <c:v>0</c:v>
                </c:pt>
                <c:pt idx="2930">
                  <c:v>0</c:v>
                </c:pt>
                <c:pt idx="2931">
                  <c:v>0</c:v>
                </c:pt>
                <c:pt idx="2932">
                  <c:v>0</c:v>
                </c:pt>
                <c:pt idx="2933">
                  <c:v>0</c:v>
                </c:pt>
                <c:pt idx="2934">
                  <c:v>0</c:v>
                </c:pt>
                <c:pt idx="2935">
                  <c:v>0</c:v>
                </c:pt>
                <c:pt idx="2936">
                  <c:v>0</c:v>
                </c:pt>
                <c:pt idx="2937">
                  <c:v>0</c:v>
                </c:pt>
                <c:pt idx="2938">
                  <c:v>0</c:v>
                </c:pt>
                <c:pt idx="2939">
                  <c:v>0</c:v>
                </c:pt>
                <c:pt idx="2940">
                  <c:v>0</c:v>
                </c:pt>
                <c:pt idx="2941">
                  <c:v>0</c:v>
                </c:pt>
                <c:pt idx="2942">
                  <c:v>0</c:v>
                </c:pt>
                <c:pt idx="2943">
                  <c:v>0</c:v>
                </c:pt>
                <c:pt idx="2944">
                  <c:v>0</c:v>
                </c:pt>
                <c:pt idx="2945">
                  <c:v>0</c:v>
                </c:pt>
                <c:pt idx="2946">
                  <c:v>0</c:v>
                </c:pt>
                <c:pt idx="2947">
                  <c:v>0</c:v>
                </c:pt>
                <c:pt idx="2948">
                  <c:v>0</c:v>
                </c:pt>
                <c:pt idx="2949">
                  <c:v>0</c:v>
                </c:pt>
                <c:pt idx="2950">
                  <c:v>0</c:v>
                </c:pt>
                <c:pt idx="2951">
                  <c:v>0</c:v>
                </c:pt>
                <c:pt idx="2952">
                  <c:v>0</c:v>
                </c:pt>
                <c:pt idx="2953">
                  <c:v>0</c:v>
                </c:pt>
                <c:pt idx="2954">
                  <c:v>0</c:v>
                </c:pt>
                <c:pt idx="2955">
                  <c:v>0</c:v>
                </c:pt>
                <c:pt idx="2956">
                  <c:v>0</c:v>
                </c:pt>
                <c:pt idx="2957">
                  <c:v>0</c:v>
                </c:pt>
                <c:pt idx="2958">
                  <c:v>0</c:v>
                </c:pt>
                <c:pt idx="2959">
                  <c:v>0</c:v>
                </c:pt>
                <c:pt idx="2960">
                  <c:v>0</c:v>
                </c:pt>
                <c:pt idx="2961">
                  <c:v>0</c:v>
                </c:pt>
                <c:pt idx="2962">
                  <c:v>0</c:v>
                </c:pt>
                <c:pt idx="2963">
                  <c:v>0</c:v>
                </c:pt>
                <c:pt idx="2964">
                  <c:v>0</c:v>
                </c:pt>
                <c:pt idx="2965">
                  <c:v>0</c:v>
                </c:pt>
                <c:pt idx="2966">
                  <c:v>0</c:v>
                </c:pt>
                <c:pt idx="2967">
                  <c:v>0</c:v>
                </c:pt>
                <c:pt idx="2968">
                  <c:v>0</c:v>
                </c:pt>
                <c:pt idx="2969">
                  <c:v>0</c:v>
                </c:pt>
                <c:pt idx="2970">
                  <c:v>0</c:v>
                </c:pt>
                <c:pt idx="2971">
                  <c:v>0</c:v>
                </c:pt>
                <c:pt idx="2972">
                  <c:v>0</c:v>
                </c:pt>
                <c:pt idx="2974">
                  <c:v>0</c:v>
                </c:pt>
                <c:pt idx="2975">
                  <c:v>0</c:v>
                </c:pt>
                <c:pt idx="2976">
                  <c:v>0</c:v>
                </c:pt>
                <c:pt idx="2977">
                  <c:v>0</c:v>
                </c:pt>
                <c:pt idx="2978">
                  <c:v>0</c:v>
                </c:pt>
                <c:pt idx="2979">
                  <c:v>0</c:v>
                </c:pt>
                <c:pt idx="2980">
                  <c:v>0</c:v>
                </c:pt>
                <c:pt idx="2981">
                  <c:v>0</c:v>
                </c:pt>
                <c:pt idx="2982">
                  <c:v>0</c:v>
                </c:pt>
                <c:pt idx="2983">
                  <c:v>0</c:v>
                </c:pt>
                <c:pt idx="2984">
                  <c:v>0</c:v>
                </c:pt>
                <c:pt idx="2985">
                  <c:v>0</c:v>
                </c:pt>
                <c:pt idx="2986">
                  <c:v>0</c:v>
                </c:pt>
                <c:pt idx="2987">
                  <c:v>0</c:v>
                </c:pt>
                <c:pt idx="2988">
                  <c:v>0</c:v>
                </c:pt>
                <c:pt idx="2989">
                  <c:v>0</c:v>
                </c:pt>
                <c:pt idx="2990">
                  <c:v>0</c:v>
                </c:pt>
                <c:pt idx="2991">
                  <c:v>0</c:v>
                </c:pt>
                <c:pt idx="2992">
                  <c:v>0</c:v>
                </c:pt>
                <c:pt idx="2993">
                  <c:v>0</c:v>
                </c:pt>
                <c:pt idx="2994">
                  <c:v>0</c:v>
                </c:pt>
                <c:pt idx="2995">
                  <c:v>0</c:v>
                </c:pt>
                <c:pt idx="2996">
                  <c:v>0</c:v>
                </c:pt>
                <c:pt idx="2997">
                  <c:v>0</c:v>
                </c:pt>
                <c:pt idx="2998">
                  <c:v>0</c:v>
                </c:pt>
                <c:pt idx="2999">
                  <c:v>0</c:v>
                </c:pt>
                <c:pt idx="3000">
                  <c:v>0</c:v>
                </c:pt>
                <c:pt idx="3001">
                  <c:v>0</c:v>
                </c:pt>
                <c:pt idx="3002">
                  <c:v>0</c:v>
                </c:pt>
                <c:pt idx="3003">
                  <c:v>0</c:v>
                </c:pt>
                <c:pt idx="3004">
                  <c:v>0</c:v>
                </c:pt>
                <c:pt idx="3005">
                  <c:v>0</c:v>
                </c:pt>
                <c:pt idx="3006">
                  <c:v>0</c:v>
                </c:pt>
                <c:pt idx="3007">
                  <c:v>0</c:v>
                </c:pt>
                <c:pt idx="3008">
                  <c:v>0</c:v>
                </c:pt>
                <c:pt idx="3009">
                  <c:v>0</c:v>
                </c:pt>
                <c:pt idx="3010">
                  <c:v>0</c:v>
                </c:pt>
                <c:pt idx="3011">
                  <c:v>0</c:v>
                </c:pt>
                <c:pt idx="3012">
                  <c:v>0</c:v>
                </c:pt>
                <c:pt idx="3013">
                  <c:v>0</c:v>
                </c:pt>
                <c:pt idx="3014">
                  <c:v>0</c:v>
                </c:pt>
                <c:pt idx="3015">
                  <c:v>0</c:v>
                </c:pt>
                <c:pt idx="3016">
                  <c:v>0</c:v>
                </c:pt>
                <c:pt idx="3017">
                  <c:v>0</c:v>
                </c:pt>
                <c:pt idx="3018">
                  <c:v>0</c:v>
                </c:pt>
                <c:pt idx="3019">
                  <c:v>0</c:v>
                </c:pt>
                <c:pt idx="3020">
                  <c:v>0</c:v>
                </c:pt>
                <c:pt idx="3021">
                  <c:v>0</c:v>
                </c:pt>
                <c:pt idx="3022">
                  <c:v>0</c:v>
                </c:pt>
                <c:pt idx="3023">
                  <c:v>0</c:v>
                </c:pt>
                <c:pt idx="3024">
                  <c:v>0</c:v>
                </c:pt>
                <c:pt idx="3025">
                  <c:v>0</c:v>
                </c:pt>
                <c:pt idx="3026">
                  <c:v>0</c:v>
                </c:pt>
                <c:pt idx="3027">
                  <c:v>0</c:v>
                </c:pt>
                <c:pt idx="3028">
                  <c:v>0</c:v>
                </c:pt>
                <c:pt idx="3029">
                  <c:v>0</c:v>
                </c:pt>
                <c:pt idx="3030">
                  <c:v>0</c:v>
                </c:pt>
                <c:pt idx="3031">
                  <c:v>0</c:v>
                </c:pt>
                <c:pt idx="3032">
                  <c:v>0</c:v>
                </c:pt>
                <c:pt idx="3033">
                  <c:v>0</c:v>
                </c:pt>
                <c:pt idx="3034">
                  <c:v>0</c:v>
                </c:pt>
                <c:pt idx="3035">
                  <c:v>0</c:v>
                </c:pt>
                <c:pt idx="3036">
                  <c:v>0</c:v>
                </c:pt>
                <c:pt idx="3037">
                  <c:v>0</c:v>
                </c:pt>
                <c:pt idx="3038">
                  <c:v>0</c:v>
                </c:pt>
                <c:pt idx="3039">
                  <c:v>0</c:v>
                </c:pt>
                <c:pt idx="3040">
                  <c:v>0</c:v>
                </c:pt>
                <c:pt idx="3041">
                  <c:v>0</c:v>
                </c:pt>
                <c:pt idx="3042">
                  <c:v>0</c:v>
                </c:pt>
                <c:pt idx="3043">
                  <c:v>0</c:v>
                </c:pt>
                <c:pt idx="3044">
                  <c:v>0</c:v>
                </c:pt>
                <c:pt idx="3045">
                  <c:v>0</c:v>
                </c:pt>
                <c:pt idx="3046">
                  <c:v>0</c:v>
                </c:pt>
                <c:pt idx="3047">
                  <c:v>0</c:v>
                </c:pt>
                <c:pt idx="3048">
                  <c:v>0</c:v>
                </c:pt>
                <c:pt idx="3049">
                  <c:v>0</c:v>
                </c:pt>
                <c:pt idx="3050">
                  <c:v>0</c:v>
                </c:pt>
                <c:pt idx="3051">
                  <c:v>0</c:v>
                </c:pt>
                <c:pt idx="3052">
                  <c:v>0</c:v>
                </c:pt>
                <c:pt idx="3053">
                  <c:v>0</c:v>
                </c:pt>
                <c:pt idx="3054">
                  <c:v>0</c:v>
                </c:pt>
                <c:pt idx="3055">
                  <c:v>0</c:v>
                </c:pt>
                <c:pt idx="3056">
                  <c:v>0</c:v>
                </c:pt>
                <c:pt idx="3057">
                  <c:v>0</c:v>
                </c:pt>
                <c:pt idx="3058">
                  <c:v>0</c:v>
                </c:pt>
                <c:pt idx="3059">
                  <c:v>0</c:v>
                </c:pt>
                <c:pt idx="3060">
                  <c:v>0</c:v>
                </c:pt>
                <c:pt idx="3061">
                  <c:v>0</c:v>
                </c:pt>
                <c:pt idx="3062">
                  <c:v>0</c:v>
                </c:pt>
                <c:pt idx="3063">
                  <c:v>0</c:v>
                </c:pt>
                <c:pt idx="3064">
                  <c:v>0</c:v>
                </c:pt>
                <c:pt idx="3065">
                  <c:v>0</c:v>
                </c:pt>
                <c:pt idx="3066">
                  <c:v>0</c:v>
                </c:pt>
                <c:pt idx="3067">
                  <c:v>0</c:v>
                </c:pt>
                <c:pt idx="3068">
                  <c:v>0</c:v>
                </c:pt>
                <c:pt idx="3069">
                  <c:v>0</c:v>
                </c:pt>
                <c:pt idx="3070">
                  <c:v>0</c:v>
                </c:pt>
                <c:pt idx="3071">
                  <c:v>0</c:v>
                </c:pt>
                <c:pt idx="3072">
                  <c:v>0</c:v>
                </c:pt>
                <c:pt idx="3073">
                  <c:v>0</c:v>
                </c:pt>
                <c:pt idx="3074">
                  <c:v>0</c:v>
                </c:pt>
                <c:pt idx="3075">
                  <c:v>0</c:v>
                </c:pt>
                <c:pt idx="3076">
                  <c:v>0</c:v>
                </c:pt>
                <c:pt idx="3077">
                  <c:v>0</c:v>
                </c:pt>
                <c:pt idx="3078">
                  <c:v>0</c:v>
                </c:pt>
                <c:pt idx="3079">
                  <c:v>0</c:v>
                </c:pt>
                <c:pt idx="3080">
                  <c:v>0</c:v>
                </c:pt>
                <c:pt idx="3081">
                  <c:v>0</c:v>
                </c:pt>
                <c:pt idx="3082">
                  <c:v>0</c:v>
                </c:pt>
                <c:pt idx="3083">
                  <c:v>0</c:v>
                </c:pt>
                <c:pt idx="3084">
                  <c:v>0</c:v>
                </c:pt>
                <c:pt idx="3085">
                  <c:v>0</c:v>
                </c:pt>
                <c:pt idx="3086">
                  <c:v>0</c:v>
                </c:pt>
                <c:pt idx="3087">
                  <c:v>0</c:v>
                </c:pt>
                <c:pt idx="3088">
                  <c:v>0</c:v>
                </c:pt>
                <c:pt idx="3089">
                  <c:v>0</c:v>
                </c:pt>
                <c:pt idx="3090">
                  <c:v>0</c:v>
                </c:pt>
                <c:pt idx="3091">
                  <c:v>0</c:v>
                </c:pt>
                <c:pt idx="3092">
                  <c:v>0</c:v>
                </c:pt>
                <c:pt idx="3093">
                  <c:v>0</c:v>
                </c:pt>
                <c:pt idx="3094">
                  <c:v>0</c:v>
                </c:pt>
                <c:pt idx="3095">
                  <c:v>0</c:v>
                </c:pt>
                <c:pt idx="3096">
                  <c:v>0</c:v>
                </c:pt>
                <c:pt idx="3097">
                  <c:v>0</c:v>
                </c:pt>
                <c:pt idx="3098">
                  <c:v>0</c:v>
                </c:pt>
                <c:pt idx="3099">
                  <c:v>0</c:v>
                </c:pt>
                <c:pt idx="3100">
                  <c:v>0</c:v>
                </c:pt>
                <c:pt idx="3101">
                  <c:v>0</c:v>
                </c:pt>
                <c:pt idx="3102">
                  <c:v>0</c:v>
                </c:pt>
                <c:pt idx="3103">
                  <c:v>0</c:v>
                </c:pt>
                <c:pt idx="3104">
                  <c:v>0</c:v>
                </c:pt>
                <c:pt idx="3105">
                  <c:v>0</c:v>
                </c:pt>
                <c:pt idx="3106">
                  <c:v>0</c:v>
                </c:pt>
                <c:pt idx="3107">
                  <c:v>0</c:v>
                </c:pt>
                <c:pt idx="3108">
                  <c:v>0</c:v>
                </c:pt>
                <c:pt idx="3109">
                  <c:v>0</c:v>
                </c:pt>
                <c:pt idx="3110">
                  <c:v>0</c:v>
                </c:pt>
                <c:pt idx="3111">
                  <c:v>0</c:v>
                </c:pt>
                <c:pt idx="3112">
                  <c:v>0</c:v>
                </c:pt>
                <c:pt idx="3113">
                  <c:v>0</c:v>
                </c:pt>
                <c:pt idx="3114">
                  <c:v>0</c:v>
                </c:pt>
                <c:pt idx="3115">
                  <c:v>0</c:v>
                </c:pt>
                <c:pt idx="3116">
                  <c:v>0</c:v>
                </c:pt>
                <c:pt idx="3117">
                  <c:v>0</c:v>
                </c:pt>
                <c:pt idx="3118">
                  <c:v>0</c:v>
                </c:pt>
                <c:pt idx="3119">
                  <c:v>0</c:v>
                </c:pt>
                <c:pt idx="3120">
                  <c:v>0</c:v>
                </c:pt>
                <c:pt idx="3121">
                  <c:v>0</c:v>
                </c:pt>
                <c:pt idx="3122">
                  <c:v>0</c:v>
                </c:pt>
                <c:pt idx="3123">
                  <c:v>0</c:v>
                </c:pt>
                <c:pt idx="3124">
                  <c:v>0</c:v>
                </c:pt>
                <c:pt idx="3125">
                  <c:v>0</c:v>
                </c:pt>
                <c:pt idx="3126">
                  <c:v>0</c:v>
                </c:pt>
                <c:pt idx="3127">
                  <c:v>0</c:v>
                </c:pt>
                <c:pt idx="3128">
                  <c:v>0</c:v>
                </c:pt>
                <c:pt idx="3129">
                  <c:v>0</c:v>
                </c:pt>
                <c:pt idx="3130">
                  <c:v>0</c:v>
                </c:pt>
                <c:pt idx="3131">
                  <c:v>0</c:v>
                </c:pt>
                <c:pt idx="3132">
                  <c:v>0</c:v>
                </c:pt>
                <c:pt idx="3133">
                  <c:v>0</c:v>
                </c:pt>
                <c:pt idx="3134">
                  <c:v>0</c:v>
                </c:pt>
                <c:pt idx="3135">
                  <c:v>0</c:v>
                </c:pt>
                <c:pt idx="3136">
                  <c:v>0</c:v>
                </c:pt>
                <c:pt idx="3137">
                  <c:v>0</c:v>
                </c:pt>
                <c:pt idx="3138">
                  <c:v>0</c:v>
                </c:pt>
                <c:pt idx="3139">
                  <c:v>0</c:v>
                </c:pt>
                <c:pt idx="3140">
                  <c:v>0</c:v>
                </c:pt>
                <c:pt idx="3141">
                  <c:v>0</c:v>
                </c:pt>
                <c:pt idx="3142">
                  <c:v>0</c:v>
                </c:pt>
                <c:pt idx="3143">
                  <c:v>0</c:v>
                </c:pt>
                <c:pt idx="3144">
                  <c:v>0</c:v>
                </c:pt>
                <c:pt idx="3145">
                  <c:v>0</c:v>
                </c:pt>
                <c:pt idx="3146">
                  <c:v>0</c:v>
                </c:pt>
                <c:pt idx="3147">
                  <c:v>0</c:v>
                </c:pt>
                <c:pt idx="3148">
                  <c:v>0</c:v>
                </c:pt>
                <c:pt idx="3149">
                  <c:v>0</c:v>
                </c:pt>
                <c:pt idx="3150">
                  <c:v>0</c:v>
                </c:pt>
                <c:pt idx="3151">
                  <c:v>0</c:v>
                </c:pt>
                <c:pt idx="3152">
                  <c:v>0</c:v>
                </c:pt>
                <c:pt idx="3153">
                  <c:v>0</c:v>
                </c:pt>
                <c:pt idx="3154">
                  <c:v>0</c:v>
                </c:pt>
                <c:pt idx="3155">
                  <c:v>0</c:v>
                </c:pt>
                <c:pt idx="3156">
                  <c:v>0</c:v>
                </c:pt>
                <c:pt idx="3157">
                  <c:v>0</c:v>
                </c:pt>
                <c:pt idx="3158">
                  <c:v>0</c:v>
                </c:pt>
                <c:pt idx="3159">
                  <c:v>0</c:v>
                </c:pt>
                <c:pt idx="3160">
                  <c:v>0</c:v>
                </c:pt>
                <c:pt idx="3161">
                  <c:v>0</c:v>
                </c:pt>
                <c:pt idx="3162">
                  <c:v>0</c:v>
                </c:pt>
                <c:pt idx="3163">
                  <c:v>0</c:v>
                </c:pt>
                <c:pt idx="3164">
                  <c:v>0</c:v>
                </c:pt>
                <c:pt idx="3166">
                  <c:v>0</c:v>
                </c:pt>
                <c:pt idx="3167">
                  <c:v>0</c:v>
                </c:pt>
                <c:pt idx="3168">
                  <c:v>0</c:v>
                </c:pt>
                <c:pt idx="3169">
                  <c:v>0</c:v>
                </c:pt>
                <c:pt idx="3170">
                  <c:v>0</c:v>
                </c:pt>
                <c:pt idx="3171">
                  <c:v>0</c:v>
                </c:pt>
                <c:pt idx="3172">
                  <c:v>0</c:v>
                </c:pt>
                <c:pt idx="3173">
                  <c:v>0</c:v>
                </c:pt>
                <c:pt idx="3174">
                  <c:v>0</c:v>
                </c:pt>
                <c:pt idx="3175">
                  <c:v>0</c:v>
                </c:pt>
                <c:pt idx="3176">
                  <c:v>0</c:v>
                </c:pt>
                <c:pt idx="3177">
                  <c:v>0</c:v>
                </c:pt>
                <c:pt idx="3178">
                  <c:v>0</c:v>
                </c:pt>
                <c:pt idx="3179">
                  <c:v>0</c:v>
                </c:pt>
                <c:pt idx="3180">
                  <c:v>0</c:v>
                </c:pt>
                <c:pt idx="3181">
                  <c:v>0</c:v>
                </c:pt>
                <c:pt idx="3182">
                  <c:v>0</c:v>
                </c:pt>
                <c:pt idx="3183">
                  <c:v>0</c:v>
                </c:pt>
                <c:pt idx="3184">
                  <c:v>0</c:v>
                </c:pt>
                <c:pt idx="3185">
                  <c:v>0</c:v>
                </c:pt>
                <c:pt idx="3186">
                  <c:v>0</c:v>
                </c:pt>
                <c:pt idx="3187">
                  <c:v>0</c:v>
                </c:pt>
                <c:pt idx="3188">
                  <c:v>0</c:v>
                </c:pt>
                <c:pt idx="3189">
                  <c:v>0</c:v>
                </c:pt>
                <c:pt idx="3190">
                  <c:v>0</c:v>
                </c:pt>
                <c:pt idx="3191">
                  <c:v>0</c:v>
                </c:pt>
                <c:pt idx="3192">
                  <c:v>0</c:v>
                </c:pt>
                <c:pt idx="3193">
                  <c:v>0</c:v>
                </c:pt>
                <c:pt idx="3194">
                  <c:v>0</c:v>
                </c:pt>
                <c:pt idx="3195">
                  <c:v>0</c:v>
                </c:pt>
                <c:pt idx="3196">
                  <c:v>0</c:v>
                </c:pt>
                <c:pt idx="3197">
                  <c:v>0</c:v>
                </c:pt>
                <c:pt idx="3198">
                  <c:v>0</c:v>
                </c:pt>
                <c:pt idx="3199">
                  <c:v>0</c:v>
                </c:pt>
                <c:pt idx="3200">
                  <c:v>0</c:v>
                </c:pt>
                <c:pt idx="3201">
                  <c:v>0</c:v>
                </c:pt>
                <c:pt idx="3202">
                  <c:v>0</c:v>
                </c:pt>
                <c:pt idx="3203">
                  <c:v>0</c:v>
                </c:pt>
                <c:pt idx="3204">
                  <c:v>0</c:v>
                </c:pt>
                <c:pt idx="3205">
                  <c:v>0</c:v>
                </c:pt>
                <c:pt idx="3206">
                  <c:v>0</c:v>
                </c:pt>
                <c:pt idx="3207">
                  <c:v>0</c:v>
                </c:pt>
                <c:pt idx="3208">
                  <c:v>0</c:v>
                </c:pt>
                <c:pt idx="3209">
                  <c:v>0</c:v>
                </c:pt>
                <c:pt idx="3210">
                  <c:v>0</c:v>
                </c:pt>
                <c:pt idx="3211">
                  <c:v>0</c:v>
                </c:pt>
                <c:pt idx="3212">
                  <c:v>0</c:v>
                </c:pt>
                <c:pt idx="3213">
                  <c:v>0</c:v>
                </c:pt>
                <c:pt idx="3214">
                  <c:v>0</c:v>
                </c:pt>
                <c:pt idx="3215">
                  <c:v>0</c:v>
                </c:pt>
                <c:pt idx="3216">
                  <c:v>0</c:v>
                </c:pt>
                <c:pt idx="3217">
                  <c:v>0</c:v>
                </c:pt>
                <c:pt idx="3218">
                  <c:v>0</c:v>
                </c:pt>
                <c:pt idx="3219">
                  <c:v>0</c:v>
                </c:pt>
                <c:pt idx="3220">
                  <c:v>0</c:v>
                </c:pt>
                <c:pt idx="3221">
                  <c:v>0</c:v>
                </c:pt>
                <c:pt idx="3222">
                  <c:v>0</c:v>
                </c:pt>
                <c:pt idx="3223">
                  <c:v>0</c:v>
                </c:pt>
                <c:pt idx="3224">
                  <c:v>0</c:v>
                </c:pt>
                <c:pt idx="3225">
                  <c:v>0</c:v>
                </c:pt>
                <c:pt idx="3226">
                  <c:v>0</c:v>
                </c:pt>
                <c:pt idx="3227">
                  <c:v>0</c:v>
                </c:pt>
                <c:pt idx="3228">
                  <c:v>0</c:v>
                </c:pt>
                <c:pt idx="3229">
                  <c:v>0</c:v>
                </c:pt>
                <c:pt idx="3230">
                  <c:v>0</c:v>
                </c:pt>
                <c:pt idx="3231">
                  <c:v>0</c:v>
                </c:pt>
                <c:pt idx="3232">
                  <c:v>0</c:v>
                </c:pt>
                <c:pt idx="3233">
                  <c:v>0</c:v>
                </c:pt>
                <c:pt idx="3234">
                  <c:v>0</c:v>
                </c:pt>
                <c:pt idx="3235">
                  <c:v>0</c:v>
                </c:pt>
                <c:pt idx="3236">
                  <c:v>0</c:v>
                </c:pt>
                <c:pt idx="3237">
                  <c:v>0</c:v>
                </c:pt>
                <c:pt idx="3238">
                  <c:v>0</c:v>
                </c:pt>
                <c:pt idx="3239">
                  <c:v>0</c:v>
                </c:pt>
                <c:pt idx="3240">
                  <c:v>0</c:v>
                </c:pt>
                <c:pt idx="3241">
                  <c:v>0</c:v>
                </c:pt>
                <c:pt idx="3242">
                  <c:v>0</c:v>
                </c:pt>
                <c:pt idx="3243">
                  <c:v>0</c:v>
                </c:pt>
                <c:pt idx="3244">
                  <c:v>0</c:v>
                </c:pt>
                <c:pt idx="3246">
                  <c:v>0</c:v>
                </c:pt>
                <c:pt idx="3247">
                  <c:v>0</c:v>
                </c:pt>
                <c:pt idx="3248">
                  <c:v>0</c:v>
                </c:pt>
                <c:pt idx="3249">
                  <c:v>0</c:v>
                </c:pt>
                <c:pt idx="3250">
                  <c:v>0</c:v>
                </c:pt>
                <c:pt idx="3251">
                  <c:v>0</c:v>
                </c:pt>
                <c:pt idx="3252">
                  <c:v>0</c:v>
                </c:pt>
                <c:pt idx="3253">
                  <c:v>0</c:v>
                </c:pt>
                <c:pt idx="3254">
                  <c:v>0</c:v>
                </c:pt>
                <c:pt idx="3255">
                  <c:v>0</c:v>
                </c:pt>
                <c:pt idx="3256">
                  <c:v>0</c:v>
                </c:pt>
                <c:pt idx="3257">
                  <c:v>0</c:v>
                </c:pt>
                <c:pt idx="3258">
                  <c:v>0</c:v>
                </c:pt>
                <c:pt idx="3259">
                  <c:v>0</c:v>
                </c:pt>
                <c:pt idx="3260">
                  <c:v>0</c:v>
                </c:pt>
                <c:pt idx="3261">
                  <c:v>0</c:v>
                </c:pt>
                <c:pt idx="3262">
                  <c:v>0</c:v>
                </c:pt>
                <c:pt idx="3263">
                  <c:v>0</c:v>
                </c:pt>
                <c:pt idx="3264">
                  <c:v>0</c:v>
                </c:pt>
                <c:pt idx="3265">
                  <c:v>0</c:v>
                </c:pt>
                <c:pt idx="3266">
                  <c:v>0</c:v>
                </c:pt>
                <c:pt idx="3267">
                  <c:v>0</c:v>
                </c:pt>
                <c:pt idx="3268">
                  <c:v>0</c:v>
                </c:pt>
                <c:pt idx="3269">
                  <c:v>0</c:v>
                </c:pt>
                <c:pt idx="3270">
                  <c:v>0</c:v>
                </c:pt>
                <c:pt idx="3271">
                  <c:v>0</c:v>
                </c:pt>
                <c:pt idx="3272">
                  <c:v>0</c:v>
                </c:pt>
                <c:pt idx="3273">
                  <c:v>0</c:v>
                </c:pt>
                <c:pt idx="3274">
                  <c:v>0</c:v>
                </c:pt>
                <c:pt idx="3275">
                  <c:v>0</c:v>
                </c:pt>
                <c:pt idx="3276">
                  <c:v>0</c:v>
                </c:pt>
                <c:pt idx="3277">
                  <c:v>0</c:v>
                </c:pt>
                <c:pt idx="3278">
                  <c:v>0</c:v>
                </c:pt>
                <c:pt idx="3279">
                  <c:v>0</c:v>
                </c:pt>
                <c:pt idx="3280">
                  <c:v>0</c:v>
                </c:pt>
                <c:pt idx="3281">
                  <c:v>0</c:v>
                </c:pt>
                <c:pt idx="3282">
                  <c:v>0</c:v>
                </c:pt>
                <c:pt idx="3283">
                  <c:v>0</c:v>
                </c:pt>
                <c:pt idx="3284">
                  <c:v>0</c:v>
                </c:pt>
                <c:pt idx="3285">
                  <c:v>0</c:v>
                </c:pt>
                <c:pt idx="3286">
                  <c:v>0</c:v>
                </c:pt>
                <c:pt idx="3287">
                  <c:v>0</c:v>
                </c:pt>
                <c:pt idx="3288">
                  <c:v>0</c:v>
                </c:pt>
                <c:pt idx="3289">
                  <c:v>0</c:v>
                </c:pt>
                <c:pt idx="3290">
                  <c:v>0</c:v>
                </c:pt>
                <c:pt idx="3291">
                  <c:v>0</c:v>
                </c:pt>
                <c:pt idx="3292">
                  <c:v>0</c:v>
                </c:pt>
                <c:pt idx="3293">
                  <c:v>0</c:v>
                </c:pt>
                <c:pt idx="3294">
                  <c:v>0</c:v>
                </c:pt>
                <c:pt idx="3295">
                  <c:v>0</c:v>
                </c:pt>
                <c:pt idx="3296">
                  <c:v>0</c:v>
                </c:pt>
                <c:pt idx="3297">
                  <c:v>0</c:v>
                </c:pt>
                <c:pt idx="3298">
                  <c:v>0</c:v>
                </c:pt>
                <c:pt idx="3299">
                  <c:v>0</c:v>
                </c:pt>
                <c:pt idx="3300">
                  <c:v>0</c:v>
                </c:pt>
                <c:pt idx="3301">
                  <c:v>0</c:v>
                </c:pt>
                <c:pt idx="3302">
                  <c:v>0</c:v>
                </c:pt>
                <c:pt idx="3303">
                  <c:v>0</c:v>
                </c:pt>
                <c:pt idx="3304">
                  <c:v>0</c:v>
                </c:pt>
                <c:pt idx="3305">
                  <c:v>0</c:v>
                </c:pt>
                <c:pt idx="3306">
                  <c:v>0</c:v>
                </c:pt>
                <c:pt idx="3307">
                  <c:v>0</c:v>
                </c:pt>
                <c:pt idx="3308">
                  <c:v>0</c:v>
                </c:pt>
                <c:pt idx="3309">
                  <c:v>0</c:v>
                </c:pt>
                <c:pt idx="3310">
                  <c:v>0</c:v>
                </c:pt>
                <c:pt idx="3311">
                  <c:v>0</c:v>
                </c:pt>
                <c:pt idx="3312">
                  <c:v>0</c:v>
                </c:pt>
                <c:pt idx="3313">
                  <c:v>0</c:v>
                </c:pt>
                <c:pt idx="3314">
                  <c:v>0</c:v>
                </c:pt>
                <c:pt idx="3315">
                  <c:v>0</c:v>
                </c:pt>
                <c:pt idx="3316">
                  <c:v>0</c:v>
                </c:pt>
                <c:pt idx="3317">
                  <c:v>0</c:v>
                </c:pt>
                <c:pt idx="3318">
                  <c:v>0</c:v>
                </c:pt>
                <c:pt idx="3319">
                  <c:v>0</c:v>
                </c:pt>
                <c:pt idx="3320">
                  <c:v>0</c:v>
                </c:pt>
                <c:pt idx="3321">
                  <c:v>0</c:v>
                </c:pt>
                <c:pt idx="3322">
                  <c:v>0</c:v>
                </c:pt>
                <c:pt idx="3323">
                  <c:v>0</c:v>
                </c:pt>
                <c:pt idx="3324">
                  <c:v>0</c:v>
                </c:pt>
                <c:pt idx="3325">
                  <c:v>0</c:v>
                </c:pt>
                <c:pt idx="3326">
                  <c:v>0</c:v>
                </c:pt>
                <c:pt idx="3327">
                  <c:v>0</c:v>
                </c:pt>
                <c:pt idx="3328">
                  <c:v>0</c:v>
                </c:pt>
                <c:pt idx="3329">
                  <c:v>0</c:v>
                </c:pt>
                <c:pt idx="3330">
                  <c:v>0</c:v>
                </c:pt>
                <c:pt idx="3331">
                  <c:v>0</c:v>
                </c:pt>
                <c:pt idx="3332">
                  <c:v>0</c:v>
                </c:pt>
                <c:pt idx="3333">
                  <c:v>0</c:v>
                </c:pt>
                <c:pt idx="3334">
                  <c:v>0</c:v>
                </c:pt>
                <c:pt idx="3335">
                  <c:v>0</c:v>
                </c:pt>
                <c:pt idx="3336">
                  <c:v>0</c:v>
                </c:pt>
                <c:pt idx="3337">
                  <c:v>0</c:v>
                </c:pt>
                <c:pt idx="3338">
                  <c:v>0</c:v>
                </c:pt>
                <c:pt idx="3339">
                  <c:v>0</c:v>
                </c:pt>
                <c:pt idx="3340">
                  <c:v>0</c:v>
                </c:pt>
                <c:pt idx="3341">
                  <c:v>0</c:v>
                </c:pt>
                <c:pt idx="3342">
                  <c:v>0</c:v>
                </c:pt>
                <c:pt idx="3343">
                  <c:v>0</c:v>
                </c:pt>
                <c:pt idx="3344">
                  <c:v>0</c:v>
                </c:pt>
                <c:pt idx="3345">
                  <c:v>0</c:v>
                </c:pt>
                <c:pt idx="3346">
                  <c:v>0</c:v>
                </c:pt>
                <c:pt idx="3347">
                  <c:v>0</c:v>
                </c:pt>
                <c:pt idx="3348">
                  <c:v>0</c:v>
                </c:pt>
                <c:pt idx="3349">
                  <c:v>0</c:v>
                </c:pt>
                <c:pt idx="3350">
                  <c:v>0</c:v>
                </c:pt>
                <c:pt idx="3351">
                  <c:v>0</c:v>
                </c:pt>
                <c:pt idx="3352">
                  <c:v>0</c:v>
                </c:pt>
                <c:pt idx="3353">
                  <c:v>0</c:v>
                </c:pt>
                <c:pt idx="3354">
                  <c:v>0</c:v>
                </c:pt>
                <c:pt idx="3355">
                  <c:v>0</c:v>
                </c:pt>
                <c:pt idx="3356">
                  <c:v>0</c:v>
                </c:pt>
                <c:pt idx="3357">
                  <c:v>0</c:v>
                </c:pt>
                <c:pt idx="3358">
                  <c:v>0</c:v>
                </c:pt>
                <c:pt idx="3359">
                  <c:v>0</c:v>
                </c:pt>
                <c:pt idx="3360">
                  <c:v>0</c:v>
                </c:pt>
                <c:pt idx="3361">
                  <c:v>0</c:v>
                </c:pt>
                <c:pt idx="3362">
                  <c:v>0</c:v>
                </c:pt>
                <c:pt idx="3363">
                  <c:v>0</c:v>
                </c:pt>
                <c:pt idx="3364">
                  <c:v>0</c:v>
                </c:pt>
                <c:pt idx="3365">
                  <c:v>0</c:v>
                </c:pt>
                <c:pt idx="3366">
                  <c:v>0</c:v>
                </c:pt>
                <c:pt idx="3367">
                  <c:v>0</c:v>
                </c:pt>
                <c:pt idx="3368">
                  <c:v>0</c:v>
                </c:pt>
                <c:pt idx="3369">
                  <c:v>0</c:v>
                </c:pt>
                <c:pt idx="3370">
                  <c:v>0</c:v>
                </c:pt>
                <c:pt idx="3371">
                  <c:v>0</c:v>
                </c:pt>
                <c:pt idx="3372">
                  <c:v>0</c:v>
                </c:pt>
                <c:pt idx="3373">
                  <c:v>0</c:v>
                </c:pt>
                <c:pt idx="3374">
                  <c:v>0</c:v>
                </c:pt>
                <c:pt idx="3375">
                  <c:v>0</c:v>
                </c:pt>
                <c:pt idx="3376">
                  <c:v>0</c:v>
                </c:pt>
                <c:pt idx="3377">
                  <c:v>0</c:v>
                </c:pt>
                <c:pt idx="3378">
                  <c:v>0</c:v>
                </c:pt>
                <c:pt idx="3379">
                  <c:v>0</c:v>
                </c:pt>
                <c:pt idx="3380">
                  <c:v>0</c:v>
                </c:pt>
                <c:pt idx="3381">
                  <c:v>0</c:v>
                </c:pt>
                <c:pt idx="3382">
                  <c:v>0</c:v>
                </c:pt>
                <c:pt idx="3383">
                  <c:v>0</c:v>
                </c:pt>
                <c:pt idx="3384">
                  <c:v>0</c:v>
                </c:pt>
                <c:pt idx="3385">
                  <c:v>0</c:v>
                </c:pt>
                <c:pt idx="3386">
                  <c:v>0</c:v>
                </c:pt>
                <c:pt idx="3387">
                  <c:v>0</c:v>
                </c:pt>
                <c:pt idx="3388">
                  <c:v>0</c:v>
                </c:pt>
                <c:pt idx="3389">
                  <c:v>0</c:v>
                </c:pt>
                <c:pt idx="3390">
                  <c:v>0</c:v>
                </c:pt>
                <c:pt idx="3391">
                  <c:v>0</c:v>
                </c:pt>
                <c:pt idx="3392">
                  <c:v>0</c:v>
                </c:pt>
                <c:pt idx="3393">
                  <c:v>0</c:v>
                </c:pt>
                <c:pt idx="3394">
                  <c:v>0</c:v>
                </c:pt>
                <c:pt idx="3395">
                  <c:v>0</c:v>
                </c:pt>
                <c:pt idx="3396">
                  <c:v>0</c:v>
                </c:pt>
                <c:pt idx="3397">
                  <c:v>0</c:v>
                </c:pt>
                <c:pt idx="3398">
                  <c:v>0</c:v>
                </c:pt>
                <c:pt idx="3399">
                  <c:v>0</c:v>
                </c:pt>
                <c:pt idx="3400">
                  <c:v>0</c:v>
                </c:pt>
                <c:pt idx="3401">
                  <c:v>0</c:v>
                </c:pt>
                <c:pt idx="3402">
                  <c:v>0</c:v>
                </c:pt>
                <c:pt idx="3403">
                  <c:v>0</c:v>
                </c:pt>
                <c:pt idx="3404">
                  <c:v>0</c:v>
                </c:pt>
                <c:pt idx="3405">
                  <c:v>0</c:v>
                </c:pt>
                <c:pt idx="3406">
                  <c:v>0</c:v>
                </c:pt>
                <c:pt idx="3407">
                  <c:v>0</c:v>
                </c:pt>
                <c:pt idx="3408">
                  <c:v>0</c:v>
                </c:pt>
                <c:pt idx="3409">
                  <c:v>0</c:v>
                </c:pt>
                <c:pt idx="3410">
                  <c:v>0</c:v>
                </c:pt>
                <c:pt idx="3411">
                  <c:v>0</c:v>
                </c:pt>
                <c:pt idx="3412">
                  <c:v>0</c:v>
                </c:pt>
                <c:pt idx="3413">
                  <c:v>0</c:v>
                </c:pt>
                <c:pt idx="3414">
                  <c:v>0</c:v>
                </c:pt>
                <c:pt idx="3415">
                  <c:v>0</c:v>
                </c:pt>
                <c:pt idx="3416">
                  <c:v>0</c:v>
                </c:pt>
                <c:pt idx="3417">
                  <c:v>0</c:v>
                </c:pt>
                <c:pt idx="3418">
                  <c:v>0</c:v>
                </c:pt>
                <c:pt idx="3419">
                  <c:v>0</c:v>
                </c:pt>
                <c:pt idx="3420">
                  <c:v>0</c:v>
                </c:pt>
                <c:pt idx="3421">
                  <c:v>0</c:v>
                </c:pt>
                <c:pt idx="3422">
                  <c:v>0</c:v>
                </c:pt>
                <c:pt idx="3423">
                  <c:v>0</c:v>
                </c:pt>
                <c:pt idx="3424">
                  <c:v>0</c:v>
                </c:pt>
                <c:pt idx="3425">
                  <c:v>0</c:v>
                </c:pt>
                <c:pt idx="3426">
                  <c:v>0</c:v>
                </c:pt>
                <c:pt idx="3427">
                  <c:v>0</c:v>
                </c:pt>
                <c:pt idx="3429">
                  <c:v>0</c:v>
                </c:pt>
                <c:pt idx="3430">
                  <c:v>0</c:v>
                </c:pt>
                <c:pt idx="3431">
                  <c:v>0</c:v>
                </c:pt>
                <c:pt idx="3432">
                  <c:v>0</c:v>
                </c:pt>
                <c:pt idx="3433">
                  <c:v>0</c:v>
                </c:pt>
                <c:pt idx="3435">
                  <c:v>0</c:v>
                </c:pt>
                <c:pt idx="3436">
                  <c:v>0</c:v>
                </c:pt>
                <c:pt idx="3437">
                  <c:v>0</c:v>
                </c:pt>
                <c:pt idx="3438">
                  <c:v>0</c:v>
                </c:pt>
                <c:pt idx="3439">
                  <c:v>0</c:v>
                </c:pt>
                <c:pt idx="3440">
                  <c:v>0</c:v>
                </c:pt>
                <c:pt idx="3441">
                  <c:v>0</c:v>
                </c:pt>
                <c:pt idx="3442">
                  <c:v>0</c:v>
                </c:pt>
                <c:pt idx="3443">
                  <c:v>0</c:v>
                </c:pt>
                <c:pt idx="3444">
                  <c:v>0</c:v>
                </c:pt>
                <c:pt idx="3445">
                  <c:v>0</c:v>
                </c:pt>
                <c:pt idx="3446">
                  <c:v>0</c:v>
                </c:pt>
                <c:pt idx="3447">
                  <c:v>0</c:v>
                </c:pt>
                <c:pt idx="3448">
                  <c:v>0</c:v>
                </c:pt>
                <c:pt idx="3449">
                  <c:v>0</c:v>
                </c:pt>
                <c:pt idx="3450">
                  <c:v>0</c:v>
                </c:pt>
                <c:pt idx="3451">
                  <c:v>0</c:v>
                </c:pt>
                <c:pt idx="3452">
                  <c:v>0</c:v>
                </c:pt>
                <c:pt idx="3453">
                  <c:v>0</c:v>
                </c:pt>
                <c:pt idx="3454">
                  <c:v>0</c:v>
                </c:pt>
                <c:pt idx="3455">
                  <c:v>0</c:v>
                </c:pt>
                <c:pt idx="3456">
                  <c:v>0</c:v>
                </c:pt>
                <c:pt idx="3457">
                  <c:v>0</c:v>
                </c:pt>
                <c:pt idx="3458">
                  <c:v>0</c:v>
                </c:pt>
                <c:pt idx="3459">
                  <c:v>0</c:v>
                </c:pt>
                <c:pt idx="3460">
                  <c:v>0</c:v>
                </c:pt>
                <c:pt idx="3461">
                  <c:v>0</c:v>
                </c:pt>
                <c:pt idx="3462">
                  <c:v>0</c:v>
                </c:pt>
                <c:pt idx="3463">
                  <c:v>0</c:v>
                </c:pt>
                <c:pt idx="3464">
                  <c:v>0</c:v>
                </c:pt>
                <c:pt idx="3465">
                  <c:v>0</c:v>
                </c:pt>
                <c:pt idx="3466">
                  <c:v>0</c:v>
                </c:pt>
                <c:pt idx="3467">
                  <c:v>0</c:v>
                </c:pt>
                <c:pt idx="3468">
                  <c:v>0</c:v>
                </c:pt>
                <c:pt idx="3469">
                  <c:v>0</c:v>
                </c:pt>
                <c:pt idx="3470">
                  <c:v>0</c:v>
                </c:pt>
                <c:pt idx="3471">
                  <c:v>0</c:v>
                </c:pt>
                <c:pt idx="3472">
                  <c:v>0</c:v>
                </c:pt>
                <c:pt idx="3473">
                  <c:v>0</c:v>
                </c:pt>
                <c:pt idx="3474">
                  <c:v>0</c:v>
                </c:pt>
                <c:pt idx="3475">
                  <c:v>0</c:v>
                </c:pt>
                <c:pt idx="3476">
                  <c:v>0</c:v>
                </c:pt>
                <c:pt idx="3477">
                  <c:v>0</c:v>
                </c:pt>
                <c:pt idx="3478">
                  <c:v>0</c:v>
                </c:pt>
                <c:pt idx="3479">
                  <c:v>0</c:v>
                </c:pt>
                <c:pt idx="3480">
                  <c:v>0</c:v>
                </c:pt>
                <c:pt idx="3481">
                  <c:v>0</c:v>
                </c:pt>
                <c:pt idx="3482">
                  <c:v>0</c:v>
                </c:pt>
                <c:pt idx="3483">
                  <c:v>0</c:v>
                </c:pt>
                <c:pt idx="3484">
                  <c:v>0</c:v>
                </c:pt>
                <c:pt idx="3485">
                  <c:v>0</c:v>
                </c:pt>
                <c:pt idx="3486">
                  <c:v>0</c:v>
                </c:pt>
                <c:pt idx="3487">
                  <c:v>0</c:v>
                </c:pt>
                <c:pt idx="3488">
                  <c:v>0</c:v>
                </c:pt>
                <c:pt idx="3489">
                  <c:v>0</c:v>
                </c:pt>
                <c:pt idx="3490">
                  <c:v>0</c:v>
                </c:pt>
                <c:pt idx="3491">
                  <c:v>0</c:v>
                </c:pt>
                <c:pt idx="3492">
                  <c:v>0</c:v>
                </c:pt>
                <c:pt idx="3493">
                  <c:v>0</c:v>
                </c:pt>
                <c:pt idx="3494">
                  <c:v>0</c:v>
                </c:pt>
                <c:pt idx="3495">
                  <c:v>0</c:v>
                </c:pt>
                <c:pt idx="3496">
                  <c:v>0</c:v>
                </c:pt>
                <c:pt idx="3497">
                  <c:v>0</c:v>
                </c:pt>
                <c:pt idx="3498">
                  <c:v>0</c:v>
                </c:pt>
                <c:pt idx="3499">
                  <c:v>0</c:v>
                </c:pt>
                <c:pt idx="3500">
                  <c:v>0</c:v>
                </c:pt>
                <c:pt idx="3501">
                  <c:v>0</c:v>
                </c:pt>
                <c:pt idx="3502">
                  <c:v>0</c:v>
                </c:pt>
                <c:pt idx="3504">
                  <c:v>0</c:v>
                </c:pt>
                <c:pt idx="3505">
                  <c:v>0</c:v>
                </c:pt>
                <c:pt idx="3506">
                  <c:v>0</c:v>
                </c:pt>
                <c:pt idx="3507">
                  <c:v>0</c:v>
                </c:pt>
                <c:pt idx="3508">
                  <c:v>0</c:v>
                </c:pt>
                <c:pt idx="3509">
                  <c:v>0</c:v>
                </c:pt>
                <c:pt idx="3510">
                  <c:v>0</c:v>
                </c:pt>
                <c:pt idx="3511">
                  <c:v>0</c:v>
                </c:pt>
                <c:pt idx="3512">
                  <c:v>0</c:v>
                </c:pt>
                <c:pt idx="3513">
                  <c:v>0</c:v>
                </c:pt>
                <c:pt idx="3514">
                  <c:v>0</c:v>
                </c:pt>
                <c:pt idx="3515">
                  <c:v>0</c:v>
                </c:pt>
                <c:pt idx="3516">
                  <c:v>0</c:v>
                </c:pt>
                <c:pt idx="3517">
                  <c:v>0</c:v>
                </c:pt>
                <c:pt idx="3518">
                  <c:v>0</c:v>
                </c:pt>
                <c:pt idx="3519">
                  <c:v>0</c:v>
                </c:pt>
                <c:pt idx="3520">
                  <c:v>0</c:v>
                </c:pt>
                <c:pt idx="3521">
                  <c:v>0</c:v>
                </c:pt>
                <c:pt idx="3522">
                  <c:v>0</c:v>
                </c:pt>
                <c:pt idx="3523">
                  <c:v>0</c:v>
                </c:pt>
                <c:pt idx="3524">
                  <c:v>0</c:v>
                </c:pt>
                <c:pt idx="3525">
                  <c:v>0</c:v>
                </c:pt>
                <c:pt idx="3526">
                  <c:v>0</c:v>
                </c:pt>
                <c:pt idx="3527">
                  <c:v>0</c:v>
                </c:pt>
                <c:pt idx="3528">
                  <c:v>0</c:v>
                </c:pt>
                <c:pt idx="3529">
                  <c:v>0</c:v>
                </c:pt>
                <c:pt idx="3530">
                  <c:v>0</c:v>
                </c:pt>
                <c:pt idx="3531">
                  <c:v>0</c:v>
                </c:pt>
                <c:pt idx="3532">
                  <c:v>0</c:v>
                </c:pt>
                <c:pt idx="3533">
                  <c:v>0</c:v>
                </c:pt>
                <c:pt idx="3534">
                  <c:v>0</c:v>
                </c:pt>
                <c:pt idx="3535">
                  <c:v>0</c:v>
                </c:pt>
                <c:pt idx="3536">
                  <c:v>0</c:v>
                </c:pt>
                <c:pt idx="3537">
                  <c:v>0</c:v>
                </c:pt>
                <c:pt idx="3538">
                  <c:v>0</c:v>
                </c:pt>
                <c:pt idx="3539">
                  <c:v>0</c:v>
                </c:pt>
                <c:pt idx="3540">
                  <c:v>0</c:v>
                </c:pt>
                <c:pt idx="3541">
                  <c:v>0</c:v>
                </c:pt>
                <c:pt idx="3542">
                  <c:v>0</c:v>
                </c:pt>
                <c:pt idx="3543">
                  <c:v>0</c:v>
                </c:pt>
                <c:pt idx="3544">
                  <c:v>0</c:v>
                </c:pt>
                <c:pt idx="3545">
                  <c:v>0</c:v>
                </c:pt>
                <c:pt idx="3546">
                  <c:v>0</c:v>
                </c:pt>
                <c:pt idx="3547">
                  <c:v>0</c:v>
                </c:pt>
                <c:pt idx="3548">
                  <c:v>0</c:v>
                </c:pt>
                <c:pt idx="3549">
                  <c:v>0</c:v>
                </c:pt>
                <c:pt idx="3550">
                  <c:v>0</c:v>
                </c:pt>
                <c:pt idx="3551">
                  <c:v>0</c:v>
                </c:pt>
                <c:pt idx="3552">
                  <c:v>0</c:v>
                </c:pt>
                <c:pt idx="3553">
                  <c:v>0</c:v>
                </c:pt>
                <c:pt idx="3554">
                  <c:v>0</c:v>
                </c:pt>
                <c:pt idx="3555">
                  <c:v>0</c:v>
                </c:pt>
                <c:pt idx="3556">
                  <c:v>0</c:v>
                </c:pt>
                <c:pt idx="3557">
                  <c:v>0</c:v>
                </c:pt>
                <c:pt idx="3558">
                  <c:v>0</c:v>
                </c:pt>
                <c:pt idx="3559">
                  <c:v>0</c:v>
                </c:pt>
                <c:pt idx="3560">
                  <c:v>0</c:v>
                </c:pt>
                <c:pt idx="3561">
                  <c:v>0</c:v>
                </c:pt>
                <c:pt idx="3562">
                  <c:v>0</c:v>
                </c:pt>
                <c:pt idx="3563">
                  <c:v>0</c:v>
                </c:pt>
                <c:pt idx="3564">
                  <c:v>0</c:v>
                </c:pt>
                <c:pt idx="3565">
                  <c:v>0</c:v>
                </c:pt>
                <c:pt idx="3566">
                  <c:v>0</c:v>
                </c:pt>
                <c:pt idx="3567">
                  <c:v>0</c:v>
                </c:pt>
                <c:pt idx="3568">
                  <c:v>0</c:v>
                </c:pt>
                <c:pt idx="3569">
                  <c:v>0</c:v>
                </c:pt>
                <c:pt idx="3570">
                  <c:v>0</c:v>
                </c:pt>
                <c:pt idx="3571">
                  <c:v>0</c:v>
                </c:pt>
                <c:pt idx="3572">
                  <c:v>0</c:v>
                </c:pt>
                <c:pt idx="3573">
                  <c:v>0</c:v>
                </c:pt>
                <c:pt idx="3574">
                  <c:v>0</c:v>
                </c:pt>
                <c:pt idx="3575">
                  <c:v>0</c:v>
                </c:pt>
                <c:pt idx="3576">
                  <c:v>0</c:v>
                </c:pt>
                <c:pt idx="3577">
                  <c:v>0</c:v>
                </c:pt>
                <c:pt idx="3578">
                  <c:v>0</c:v>
                </c:pt>
                <c:pt idx="3579">
                  <c:v>0</c:v>
                </c:pt>
                <c:pt idx="3580">
                  <c:v>0</c:v>
                </c:pt>
                <c:pt idx="3581">
                  <c:v>0</c:v>
                </c:pt>
                <c:pt idx="3582">
                  <c:v>0</c:v>
                </c:pt>
                <c:pt idx="3583">
                  <c:v>0</c:v>
                </c:pt>
                <c:pt idx="3584">
                  <c:v>0</c:v>
                </c:pt>
                <c:pt idx="3585">
                  <c:v>0</c:v>
                </c:pt>
                <c:pt idx="3586">
                  <c:v>0</c:v>
                </c:pt>
                <c:pt idx="3587">
                  <c:v>0</c:v>
                </c:pt>
                <c:pt idx="3588">
                  <c:v>0</c:v>
                </c:pt>
                <c:pt idx="3589">
                  <c:v>0</c:v>
                </c:pt>
                <c:pt idx="3590">
                  <c:v>0</c:v>
                </c:pt>
                <c:pt idx="3591">
                  <c:v>0</c:v>
                </c:pt>
                <c:pt idx="3592">
                  <c:v>0</c:v>
                </c:pt>
                <c:pt idx="3593">
                  <c:v>0</c:v>
                </c:pt>
                <c:pt idx="3594">
                  <c:v>0</c:v>
                </c:pt>
                <c:pt idx="3595">
                  <c:v>0</c:v>
                </c:pt>
                <c:pt idx="3596">
                  <c:v>0</c:v>
                </c:pt>
                <c:pt idx="3597">
                  <c:v>0</c:v>
                </c:pt>
                <c:pt idx="3598">
                  <c:v>0</c:v>
                </c:pt>
                <c:pt idx="3599">
                  <c:v>0</c:v>
                </c:pt>
                <c:pt idx="3600">
                  <c:v>0</c:v>
                </c:pt>
                <c:pt idx="3601">
                  <c:v>0</c:v>
                </c:pt>
                <c:pt idx="3602">
                  <c:v>0</c:v>
                </c:pt>
                <c:pt idx="3603">
                  <c:v>0</c:v>
                </c:pt>
                <c:pt idx="3604">
                  <c:v>0</c:v>
                </c:pt>
                <c:pt idx="3605">
                  <c:v>0</c:v>
                </c:pt>
                <c:pt idx="3606">
                  <c:v>0</c:v>
                </c:pt>
                <c:pt idx="3607">
                  <c:v>0</c:v>
                </c:pt>
                <c:pt idx="3608">
                  <c:v>0</c:v>
                </c:pt>
                <c:pt idx="3609">
                  <c:v>0</c:v>
                </c:pt>
                <c:pt idx="3610">
                  <c:v>0</c:v>
                </c:pt>
                <c:pt idx="3611">
                  <c:v>0</c:v>
                </c:pt>
                <c:pt idx="3612">
                  <c:v>0</c:v>
                </c:pt>
                <c:pt idx="3613">
                  <c:v>0</c:v>
                </c:pt>
                <c:pt idx="3614">
                  <c:v>0</c:v>
                </c:pt>
                <c:pt idx="3615">
                  <c:v>0</c:v>
                </c:pt>
                <c:pt idx="3616">
                  <c:v>0</c:v>
                </c:pt>
                <c:pt idx="3617">
                  <c:v>0</c:v>
                </c:pt>
                <c:pt idx="3618">
                  <c:v>0</c:v>
                </c:pt>
                <c:pt idx="3619">
                  <c:v>0</c:v>
                </c:pt>
                <c:pt idx="3620">
                  <c:v>0</c:v>
                </c:pt>
                <c:pt idx="3621">
                  <c:v>0</c:v>
                </c:pt>
                <c:pt idx="3622">
                  <c:v>0</c:v>
                </c:pt>
                <c:pt idx="3623">
                  <c:v>0</c:v>
                </c:pt>
                <c:pt idx="3624">
                  <c:v>0</c:v>
                </c:pt>
                <c:pt idx="3625">
                  <c:v>0</c:v>
                </c:pt>
                <c:pt idx="3626">
                  <c:v>0</c:v>
                </c:pt>
                <c:pt idx="3627">
                  <c:v>0</c:v>
                </c:pt>
                <c:pt idx="3628">
                  <c:v>0</c:v>
                </c:pt>
                <c:pt idx="3629">
                  <c:v>0</c:v>
                </c:pt>
                <c:pt idx="3630">
                  <c:v>0</c:v>
                </c:pt>
              </c:numCache>
            </c:numRef>
          </c:val>
          <c:extLst>
            <c:ext xmlns:c16="http://schemas.microsoft.com/office/drawing/2014/chart" uri="{C3380CC4-5D6E-409C-BE32-E72D297353CC}">
              <c16:uniqueId val="{00000000-F759-4B4D-8B8B-CAEED4F6E33C}"/>
            </c:ext>
          </c:extLst>
        </c:ser>
        <c:dLbls>
          <c:showLegendKey val="0"/>
          <c:showVal val="0"/>
          <c:showCatName val="0"/>
          <c:showSerName val="0"/>
          <c:showPercent val="0"/>
          <c:showBubbleSize val="0"/>
        </c:dLbls>
        <c:gapWidth val="150"/>
        <c:axId val="1840469871"/>
        <c:axId val="1584547535"/>
      </c:barChart>
      <c:lineChart>
        <c:grouping val="standard"/>
        <c:varyColors val="0"/>
        <c:ser>
          <c:idx val="0"/>
          <c:order val="0"/>
          <c:spPr>
            <a:ln w="19050" cap="rnd">
              <a:solidFill>
                <a:schemeClr val="accent1"/>
              </a:solidFill>
              <a:round/>
            </a:ln>
            <a:effectLst/>
          </c:spPr>
          <c:marker>
            <c:symbol val="none"/>
          </c:marker>
          <c:cat>
            <c:numRef>
              <c:f>'[Q3.2023 Market Outlook.xlsx]HY Spread'!$B$3440:$B$7070</c:f>
              <c:numCache>
                <c:formatCode>yyyy\-mm\-dd</c:formatCode>
                <c:ptCount val="3631"/>
                <c:pt idx="0">
                  <c:v>40182</c:v>
                </c:pt>
                <c:pt idx="1">
                  <c:v>40183</c:v>
                </c:pt>
                <c:pt idx="2">
                  <c:v>40184</c:v>
                </c:pt>
                <c:pt idx="3">
                  <c:v>40185</c:v>
                </c:pt>
                <c:pt idx="4">
                  <c:v>40186</c:v>
                </c:pt>
                <c:pt idx="5">
                  <c:v>40189</c:v>
                </c:pt>
                <c:pt idx="6">
                  <c:v>40190</c:v>
                </c:pt>
                <c:pt idx="7">
                  <c:v>40191</c:v>
                </c:pt>
                <c:pt idx="8">
                  <c:v>40192</c:v>
                </c:pt>
                <c:pt idx="9">
                  <c:v>40193</c:v>
                </c:pt>
                <c:pt idx="10">
                  <c:v>40196</c:v>
                </c:pt>
                <c:pt idx="11">
                  <c:v>40197</c:v>
                </c:pt>
                <c:pt idx="12">
                  <c:v>40198</c:v>
                </c:pt>
                <c:pt idx="13">
                  <c:v>40199</c:v>
                </c:pt>
                <c:pt idx="14">
                  <c:v>40200</c:v>
                </c:pt>
                <c:pt idx="15">
                  <c:v>40203</c:v>
                </c:pt>
                <c:pt idx="16">
                  <c:v>40204</c:v>
                </c:pt>
                <c:pt idx="17">
                  <c:v>40205</c:v>
                </c:pt>
                <c:pt idx="18">
                  <c:v>40206</c:v>
                </c:pt>
                <c:pt idx="19">
                  <c:v>40207</c:v>
                </c:pt>
                <c:pt idx="20">
                  <c:v>40209</c:v>
                </c:pt>
                <c:pt idx="21">
                  <c:v>40210</c:v>
                </c:pt>
                <c:pt idx="22">
                  <c:v>40211</c:v>
                </c:pt>
                <c:pt idx="23">
                  <c:v>40212</c:v>
                </c:pt>
                <c:pt idx="24">
                  <c:v>40213</c:v>
                </c:pt>
                <c:pt idx="25">
                  <c:v>40214</c:v>
                </c:pt>
                <c:pt idx="26">
                  <c:v>40217</c:v>
                </c:pt>
                <c:pt idx="27">
                  <c:v>40218</c:v>
                </c:pt>
                <c:pt idx="28">
                  <c:v>40219</c:v>
                </c:pt>
                <c:pt idx="29">
                  <c:v>40220</c:v>
                </c:pt>
                <c:pt idx="30">
                  <c:v>40221</c:v>
                </c:pt>
                <c:pt idx="31">
                  <c:v>40224</c:v>
                </c:pt>
                <c:pt idx="32">
                  <c:v>40225</c:v>
                </c:pt>
                <c:pt idx="33">
                  <c:v>40226</c:v>
                </c:pt>
                <c:pt idx="34">
                  <c:v>40227</c:v>
                </c:pt>
                <c:pt idx="35">
                  <c:v>40228</c:v>
                </c:pt>
                <c:pt idx="36">
                  <c:v>40231</c:v>
                </c:pt>
                <c:pt idx="37">
                  <c:v>40232</c:v>
                </c:pt>
                <c:pt idx="38">
                  <c:v>40233</c:v>
                </c:pt>
                <c:pt idx="39">
                  <c:v>40234</c:v>
                </c:pt>
                <c:pt idx="40">
                  <c:v>40235</c:v>
                </c:pt>
                <c:pt idx="41">
                  <c:v>40237</c:v>
                </c:pt>
                <c:pt idx="42">
                  <c:v>40238</c:v>
                </c:pt>
                <c:pt idx="43">
                  <c:v>40239</c:v>
                </c:pt>
                <c:pt idx="44">
                  <c:v>40240</c:v>
                </c:pt>
                <c:pt idx="45">
                  <c:v>40241</c:v>
                </c:pt>
                <c:pt idx="46">
                  <c:v>40242</c:v>
                </c:pt>
                <c:pt idx="47">
                  <c:v>40245</c:v>
                </c:pt>
                <c:pt idx="48">
                  <c:v>40246</c:v>
                </c:pt>
                <c:pt idx="49">
                  <c:v>40247</c:v>
                </c:pt>
                <c:pt idx="50">
                  <c:v>40248</c:v>
                </c:pt>
                <c:pt idx="51">
                  <c:v>40249</c:v>
                </c:pt>
                <c:pt idx="52">
                  <c:v>40252</c:v>
                </c:pt>
                <c:pt idx="53">
                  <c:v>40253</c:v>
                </c:pt>
                <c:pt idx="54">
                  <c:v>40254</c:v>
                </c:pt>
                <c:pt idx="55">
                  <c:v>40255</c:v>
                </c:pt>
                <c:pt idx="56">
                  <c:v>40256</c:v>
                </c:pt>
                <c:pt idx="57">
                  <c:v>40259</c:v>
                </c:pt>
                <c:pt idx="58">
                  <c:v>40260</c:v>
                </c:pt>
                <c:pt idx="59">
                  <c:v>40261</c:v>
                </c:pt>
                <c:pt idx="60">
                  <c:v>40262</c:v>
                </c:pt>
                <c:pt idx="61">
                  <c:v>40263</c:v>
                </c:pt>
                <c:pt idx="62">
                  <c:v>40266</c:v>
                </c:pt>
                <c:pt idx="63">
                  <c:v>40267</c:v>
                </c:pt>
                <c:pt idx="64">
                  <c:v>40268</c:v>
                </c:pt>
                <c:pt idx="65">
                  <c:v>40269</c:v>
                </c:pt>
                <c:pt idx="67">
                  <c:v>40273</c:v>
                </c:pt>
                <c:pt idx="68">
                  <c:v>40274</c:v>
                </c:pt>
                <c:pt idx="69">
                  <c:v>40275</c:v>
                </c:pt>
                <c:pt idx="70">
                  <c:v>40276</c:v>
                </c:pt>
                <c:pt idx="71">
                  <c:v>40277</c:v>
                </c:pt>
                <c:pt idx="72">
                  <c:v>40280</c:v>
                </c:pt>
                <c:pt idx="73">
                  <c:v>40281</c:v>
                </c:pt>
                <c:pt idx="74">
                  <c:v>40282</c:v>
                </c:pt>
                <c:pt idx="75">
                  <c:v>40283</c:v>
                </c:pt>
                <c:pt idx="76">
                  <c:v>40284</c:v>
                </c:pt>
                <c:pt idx="77">
                  <c:v>40287</c:v>
                </c:pt>
                <c:pt idx="78">
                  <c:v>40288</c:v>
                </c:pt>
                <c:pt idx="79">
                  <c:v>40289</c:v>
                </c:pt>
                <c:pt idx="80">
                  <c:v>40290</c:v>
                </c:pt>
                <c:pt idx="81">
                  <c:v>40291</c:v>
                </c:pt>
                <c:pt idx="82">
                  <c:v>40294</c:v>
                </c:pt>
                <c:pt idx="83">
                  <c:v>40295</c:v>
                </c:pt>
                <c:pt idx="84">
                  <c:v>40296</c:v>
                </c:pt>
                <c:pt idx="85">
                  <c:v>40297</c:v>
                </c:pt>
                <c:pt idx="86">
                  <c:v>40298</c:v>
                </c:pt>
                <c:pt idx="87">
                  <c:v>40301</c:v>
                </c:pt>
                <c:pt idx="88">
                  <c:v>40302</c:v>
                </c:pt>
                <c:pt idx="89">
                  <c:v>40303</c:v>
                </c:pt>
                <c:pt idx="90">
                  <c:v>40304</c:v>
                </c:pt>
                <c:pt idx="91">
                  <c:v>40305</c:v>
                </c:pt>
                <c:pt idx="92">
                  <c:v>40308</c:v>
                </c:pt>
                <c:pt idx="93">
                  <c:v>40309</c:v>
                </c:pt>
                <c:pt idx="94">
                  <c:v>40310</c:v>
                </c:pt>
                <c:pt idx="95">
                  <c:v>40311</c:v>
                </c:pt>
                <c:pt idx="96">
                  <c:v>40312</c:v>
                </c:pt>
                <c:pt idx="97">
                  <c:v>40315</c:v>
                </c:pt>
                <c:pt idx="98">
                  <c:v>40316</c:v>
                </c:pt>
                <c:pt idx="99">
                  <c:v>40317</c:v>
                </c:pt>
                <c:pt idx="100">
                  <c:v>40318</c:v>
                </c:pt>
                <c:pt idx="101">
                  <c:v>40319</c:v>
                </c:pt>
                <c:pt idx="102">
                  <c:v>40322</c:v>
                </c:pt>
                <c:pt idx="103">
                  <c:v>40323</c:v>
                </c:pt>
                <c:pt idx="104">
                  <c:v>40324</c:v>
                </c:pt>
                <c:pt idx="105">
                  <c:v>40325</c:v>
                </c:pt>
                <c:pt idx="106">
                  <c:v>40326</c:v>
                </c:pt>
                <c:pt idx="107">
                  <c:v>40329</c:v>
                </c:pt>
                <c:pt idx="108">
                  <c:v>40330</c:v>
                </c:pt>
                <c:pt idx="109">
                  <c:v>40331</c:v>
                </c:pt>
                <c:pt idx="110">
                  <c:v>40332</c:v>
                </c:pt>
                <c:pt idx="111">
                  <c:v>40333</c:v>
                </c:pt>
                <c:pt idx="112">
                  <c:v>40336</c:v>
                </c:pt>
                <c:pt idx="113">
                  <c:v>40337</c:v>
                </c:pt>
                <c:pt idx="114">
                  <c:v>40338</c:v>
                </c:pt>
                <c:pt idx="115">
                  <c:v>40339</c:v>
                </c:pt>
                <c:pt idx="116">
                  <c:v>40340</c:v>
                </c:pt>
                <c:pt idx="117">
                  <c:v>40343</c:v>
                </c:pt>
                <c:pt idx="118">
                  <c:v>40344</c:v>
                </c:pt>
                <c:pt idx="119">
                  <c:v>40345</c:v>
                </c:pt>
                <c:pt idx="120">
                  <c:v>40346</c:v>
                </c:pt>
                <c:pt idx="121">
                  <c:v>40347</c:v>
                </c:pt>
                <c:pt idx="122">
                  <c:v>40350</c:v>
                </c:pt>
                <c:pt idx="123">
                  <c:v>40351</c:v>
                </c:pt>
                <c:pt idx="124">
                  <c:v>40352</c:v>
                </c:pt>
                <c:pt idx="125">
                  <c:v>40353</c:v>
                </c:pt>
                <c:pt idx="126">
                  <c:v>40354</c:v>
                </c:pt>
                <c:pt idx="127">
                  <c:v>40357</c:v>
                </c:pt>
                <c:pt idx="128">
                  <c:v>40358</c:v>
                </c:pt>
                <c:pt idx="129">
                  <c:v>40359</c:v>
                </c:pt>
                <c:pt idx="130">
                  <c:v>40360</c:v>
                </c:pt>
                <c:pt idx="131">
                  <c:v>40361</c:v>
                </c:pt>
                <c:pt idx="132">
                  <c:v>40364</c:v>
                </c:pt>
                <c:pt idx="133">
                  <c:v>40365</c:v>
                </c:pt>
                <c:pt idx="134">
                  <c:v>40366</c:v>
                </c:pt>
                <c:pt idx="135">
                  <c:v>40367</c:v>
                </c:pt>
                <c:pt idx="136">
                  <c:v>40368</c:v>
                </c:pt>
                <c:pt idx="137">
                  <c:v>40371</c:v>
                </c:pt>
                <c:pt idx="138">
                  <c:v>40372</c:v>
                </c:pt>
                <c:pt idx="139">
                  <c:v>40373</c:v>
                </c:pt>
                <c:pt idx="140">
                  <c:v>40374</c:v>
                </c:pt>
                <c:pt idx="141">
                  <c:v>40375</c:v>
                </c:pt>
                <c:pt idx="142">
                  <c:v>40378</c:v>
                </c:pt>
                <c:pt idx="143">
                  <c:v>40379</c:v>
                </c:pt>
                <c:pt idx="144">
                  <c:v>40380</c:v>
                </c:pt>
                <c:pt idx="145">
                  <c:v>40381</c:v>
                </c:pt>
                <c:pt idx="146">
                  <c:v>40382</c:v>
                </c:pt>
                <c:pt idx="147">
                  <c:v>40385</c:v>
                </c:pt>
                <c:pt idx="148">
                  <c:v>40386</c:v>
                </c:pt>
                <c:pt idx="149">
                  <c:v>40387</c:v>
                </c:pt>
                <c:pt idx="150">
                  <c:v>40388</c:v>
                </c:pt>
                <c:pt idx="151">
                  <c:v>40389</c:v>
                </c:pt>
                <c:pt idx="152">
                  <c:v>40390</c:v>
                </c:pt>
                <c:pt idx="153">
                  <c:v>40392</c:v>
                </c:pt>
                <c:pt idx="154">
                  <c:v>40393</c:v>
                </c:pt>
                <c:pt idx="155">
                  <c:v>40394</c:v>
                </c:pt>
                <c:pt idx="156">
                  <c:v>40395</c:v>
                </c:pt>
                <c:pt idx="157">
                  <c:v>40396</c:v>
                </c:pt>
                <c:pt idx="158">
                  <c:v>40399</c:v>
                </c:pt>
                <c:pt idx="159">
                  <c:v>40400</c:v>
                </c:pt>
                <c:pt idx="160">
                  <c:v>40401</c:v>
                </c:pt>
                <c:pt idx="161">
                  <c:v>40402</c:v>
                </c:pt>
                <c:pt idx="162">
                  <c:v>40403</c:v>
                </c:pt>
                <c:pt idx="163">
                  <c:v>40406</c:v>
                </c:pt>
                <c:pt idx="164">
                  <c:v>40407</c:v>
                </c:pt>
                <c:pt idx="165">
                  <c:v>40408</c:v>
                </c:pt>
                <c:pt idx="166">
                  <c:v>40409</c:v>
                </c:pt>
                <c:pt idx="167">
                  <c:v>40410</c:v>
                </c:pt>
                <c:pt idx="168">
                  <c:v>40413</c:v>
                </c:pt>
                <c:pt idx="169">
                  <c:v>40414</c:v>
                </c:pt>
                <c:pt idx="170">
                  <c:v>40415</c:v>
                </c:pt>
                <c:pt idx="171">
                  <c:v>40416</c:v>
                </c:pt>
                <c:pt idx="172">
                  <c:v>40417</c:v>
                </c:pt>
                <c:pt idx="173">
                  <c:v>40420</c:v>
                </c:pt>
                <c:pt idx="174">
                  <c:v>40421</c:v>
                </c:pt>
                <c:pt idx="175">
                  <c:v>40422</c:v>
                </c:pt>
                <c:pt idx="176">
                  <c:v>40423</c:v>
                </c:pt>
                <c:pt idx="177">
                  <c:v>40424</c:v>
                </c:pt>
                <c:pt idx="178">
                  <c:v>40427</c:v>
                </c:pt>
                <c:pt idx="179">
                  <c:v>40428</c:v>
                </c:pt>
                <c:pt idx="180">
                  <c:v>40429</c:v>
                </c:pt>
                <c:pt idx="181">
                  <c:v>40430</c:v>
                </c:pt>
                <c:pt idx="182">
                  <c:v>40431</c:v>
                </c:pt>
                <c:pt idx="183">
                  <c:v>40434</c:v>
                </c:pt>
                <c:pt idx="184">
                  <c:v>40435</c:v>
                </c:pt>
                <c:pt idx="185">
                  <c:v>40436</c:v>
                </c:pt>
                <c:pt idx="186">
                  <c:v>40437</c:v>
                </c:pt>
                <c:pt idx="187">
                  <c:v>40438</c:v>
                </c:pt>
                <c:pt idx="188">
                  <c:v>40441</c:v>
                </c:pt>
                <c:pt idx="189">
                  <c:v>40442</c:v>
                </c:pt>
                <c:pt idx="190">
                  <c:v>40443</c:v>
                </c:pt>
                <c:pt idx="191">
                  <c:v>40444</c:v>
                </c:pt>
                <c:pt idx="192">
                  <c:v>40445</c:v>
                </c:pt>
                <c:pt idx="193">
                  <c:v>40448</c:v>
                </c:pt>
                <c:pt idx="194">
                  <c:v>40449</c:v>
                </c:pt>
                <c:pt idx="195">
                  <c:v>40450</c:v>
                </c:pt>
                <c:pt idx="196">
                  <c:v>40451</c:v>
                </c:pt>
                <c:pt idx="197">
                  <c:v>40452</c:v>
                </c:pt>
                <c:pt idx="198">
                  <c:v>40455</c:v>
                </c:pt>
                <c:pt idx="199">
                  <c:v>40456</c:v>
                </c:pt>
                <c:pt idx="200">
                  <c:v>40457</c:v>
                </c:pt>
                <c:pt idx="201">
                  <c:v>40458</c:v>
                </c:pt>
                <c:pt idx="202">
                  <c:v>40459</c:v>
                </c:pt>
                <c:pt idx="203">
                  <c:v>40462</c:v>
                </c:pt>
                <c:pt idx="204">
                  <c:v>40463</c:v>
                </c:pt>
                <c:pt idx="205">
                  <c:v>40464</c:v>
                </c:pt>
                <c:pt idx="206">
                  <c:v>40465</c:v>
                </c:pt>
                <c:pt idx="207">
                  <c:v>40466</c:v>
                </c:pt>
                <c:pt idx="208">
                  <c:v>40469</c:v>
                </c:pt>
                <c:pt idx="209">
                  <c:v>40470</c:v>
                </c:pt>
                <c:pt idx="210">
                  <c:v>40471</c:v>
                </c:pt>
                <c:pt idx="211">
                  <c:v>40472</c:v>
                </c:pt>
                <c:pt idx="212">
                  <c:v>40473</c:v>
                </c:pt>
                <c:pt idx="213">
                  <c:v>40476</c:v>
                </c:pt>
                <c:pt idx="214">
                  <c:v>40477</c:v>
                </c:pt>
                <c:pt idx="215">
                  <c:v>40478</c:v>
                </c:pt>
                <c:pt idx="216">
                  <c:v>40479</c:v>
                </c:pt>
                <c:pt idx="217">
                  <c:v>40480</c:v>
                </c:pt>
                <c:pt idx="218">
                  <c:v>40482</c:v>
                </c:pt>
                <c:pt idx="219">
                  <c:v>40483</c:v>
                </c:pt>
                <c:pt idx="220">
                  <c:v>40484</c:v>
                </c:pt>
                <c:pt idx="221">
                  <c:v>40485</c:v>
                </c:pt>
                <c:pt idx="222">
                  <c:v>40486</c:v>
                </c:pt>
                <c:pt idx="223">
                  <c:v>40487</c:v>
                </c:pt>
                <c:pt idx="224">
                  <c:v>40490</c:v>
                </c:pt>
                <c:pt idx="225">
                  <c:v>40491</c:v>
                </c:pt>
                <c:pt idx="226">
                  <c:v>40492</c:v>
                </c:pt>
                <c:pt idx="227">
                  <c:v>40493</c:v>
                </c:pt>
                <c:pt idx="228">
                  <c:v>40494</c:v>
                </c:pt>
                <c:pt idx="229">
                  <c:v>40497</c:v>
                </c:pt>
                <c:pt idx="230">
                  <c:v>40498</c:v>
                </c:pt>
                <c:pt idx="231">
                  <c:v>40499</c:v>
                </c:pt>
                <c:pt idx="232">
                  <c:v>40500</c:v>
                </c:pt>
                <c:pt idx="233">
                  <c:v>40501</c:v>
                </c:pt>
                <c:pt idx="234">
                  <c:v>40504</c:v>
                </c:pt>
                <c:pt idx="235">
                  <c:v>40505</c:v>
                </c:pt>
                <c:pt idx="236">
                  <c:v>40506</c:v>
                </c:pt>
                <c:pt idx="237">
                  <c:v>40507</c:v>
                </c:pt>
                <c:pt idx="238">
                  <c:v>40508</c:v>
                </c:pt>
                <c:pt idx="239">
                  <c:v>40511</c:v>
                </c:pt>
                <c:pt idx="240">
                  <c:v>40512</c:v>
                </c:pt>
                <c:pt idx="241">
                  <c:v>40513</c:v>
                </c:pt>
                <c:pt idx="242">
                  <c:v>40514</c:v>
                </c:pt>
                <c:pt idx="243">
                  <c:v>40515</c:v>
                </c:pt>
                <c:pt idx="244">
                  <c:v>40518</c:v>
                </c:pt>
                <c:pt idx="245">
                  <c:v>40519</c:v>
                </c:pt>
                <c:pt idx="246">
                  <c:v>40520</c:v>
                </c:pt>
                <c:pt idx="247">
                  <c:v>40521</c:v>
                </c:pt>
                <c:pt idx="248">
                  <c:v>40522</c:v>
                </c:pt>
                <c:pt idx="249">
                  <c:v>40525</c:v>
                </c:pt>
                <c:pt idx="250">
                  <c:v>40526</c:v>
                </c:pt>
                <c:pt idx="251">
                  <c:v>40527</c:v>
                </c:pt>
                <c:pt idx="252">
                  <c:v>40528</c:v>
                </c:pt>
                <c:pt idx="253">
                  <c:v>40529</c:v>
                </c:pt>
                <c:pt idx="254">
                  <c:v>40532</c:v>
                </c:pt>
                <c:pt idx="255">
                  <c:v>40533</c:v>
                </c:pt>
                <c:pt idx="256">
                  <c:v>40534</c:v>
                </c:pt>
                <c:pt idx="257">
                  <c:v>40535</c:v>
                </c:pt>
                <c:pt idx="258">
                  <c:v>40536</c:v>
                </c:pt>
                <c:pt idx="259">
                  <c:v>40539</c:v>
                </c:pt>
                <c:pt idx="260">
                  <c:v>40540</c:v>
                </c:pt>
                <c:pt idx="261">
                  <c:v>40541</c:v>
                </c:pt>
                <c:pt idx="262">
                  <c:v>40542</c:v>
                </c:pt>
                <c:pt idx="263">
                  <c:v>40543</c:v>
                </c:pt>
                <c:pt idx="264">
                  <c:v>40546</c:v>
                </c:pt>
                <c:pt idx="265">
                  <c:v>40547</c:v>
                </c:pt>
                <c:pt idx="266">
                  <c:v>40548</c:v>
                </c:pt>
                <c:pt idx="267">
                  <c:v>40549</c:v>
                </c:pt>
                <c:pt idx="268">
                  <c:v>40550</c:v>
                </c:pt>
                <c:pt idx="269">
                  <c:v>40553</c:v>
                </c:pt>
                <c:pt idx="270">
                  <c:v>40554</c:v>
                </c:pt>
                <c:pt idx="271">
                  <c:v>40555</c:v>
                </c:pt>
                <c:pt idx="272">
                  <c:v>40556</c:v>
                </c:pt>
                <c:pt idx="273">
                  <c:v>40557</c:v>
                </c:pt>
                <c:pt idx="274">
                  <c:v>40560</c:v>
                </c:pt>
                <c:pt idx="275">
                  <c:v>40561</c:v>
                </c:pt>
                <c:pt idx="276">
                  <c:v>40562</c:v>
                </c:pt>
                <c:pt idx="277">
                  <c:v>40563</c:v>
                </c:pt>
                <c:pt idx="278">
                  <c:v>40564</c:v>
                </c:pt>
                <c:pt idx="279">
                  <c:v>40567</c:v>
                </c:pt>
                <c:pt idx="280">
                  <c:v>40568</c:v>
                </c:pt>
                <c:pt idx="281">
                  <c:v>40569</c:v>
                </c:pt>
                <c:pt idx="282">
                  <c:v>40570</c:v>
                </c:pt>
                <c:pt idx="283">
                  <c:v>40571</c:v>
                </c:pt>
                <c:pt idx="284">
                  <c:v>40574</c:v>
                </c:pt>
                <c:pt idx="285">
                  <c:v>40575</c:v>
                </c:pt>
                <c:pt idx="286">
                  <c:v>40576</c:v>
                </c:pt>
                <c:pt idx="287">
                  <c:v>40577</c:v>
                </c:pt>
                <c:pt idx="288">
                  <c:v>40578</c:v>
                </c:pt>
                <c:pt idx="289">
                  <c:v>40581</c:v>
                </c:pt>
                <c:pt idx="290">
                  <c:v>40582</c:v>
                </c:pt>
                <c:pt idx="291">
                  <c:v>40583</c:v>
                </c:pt>
                <c:pt idx="292">
                  <c:v>40584</c:v>
                </c:pt>
                <c:pt idx="293">
                  <c:v>40585</c:v>
                </c:pt>
                <c:pt idx="294">
                  <c:v>40588</c:v>
                </c:pt>
                <c:pt idx="295">
                  <c:v>40589</c:v>
                </c:pt>
                <c:pt idx="296">
                  <c:v>40590</c:v>
                </c:pt>
                <c:pt idx="297">
                  <c:v>40591</c:v>
                </c:pt>
                <c:pt idx="298">
                  <c:v>40592</c:v>
                </c:pt>
                <c:pt idx="299">
                  <c:v>40595</c:v>
                </c:pt>
                <c:pt idx="300">
                  <c:v>40596</c:v>
                </c:pt>
                <c:pt idx="301">
                  <c:v>40597</c:v>
                </c:pt>
                <c:pt idx="302">
                  <c:v>40598</c:v>
                </c:pt>
                <c:pt idx="303">
                  <c:v>40599</c:v>
                </c:pt>
                <c:pt idx="304">
                  <c:v>40602</c:v>
                </c:pt>
                <c:pt idx="305">
                  <c:v>40603</c:v>
                </c:pt>
                <c:pt idx="306">
                  <c:v>40604</c:v>
                </c:pt>
                <c:pt idx="307">
                  <c:v>40605</c:v>
                </c:pt>
                <c:pt idx="308">
                  <c:v>40606</c:v>
                </c:pt>
                <c:pt idx="309">
                  <c:v>40609</c:v>
                </c:pt>
                <c:pt idx="310">
                  <c:v>40610</c:v>
                </c:pt>
                <c:pt idx="311">
                  <c:v>40611</c:v>
                </c:pt>
                <c:pt idx="312">
                  <c:v>40612</c:v>
                </c:pt>
                <c:pt idx="313">
                  <c:v>40613</c:v>
                </c:pt>
                <c:pt idx="314">
                  <c:v>40616</c:v>
                </c:pt>
                <c:pt idx="315">
                  <c:v>40617</c:v>
                </c:pt>
                <c:pt idx="316">
                  <c:v>40618</c:v>
                </c:pt>
                <c:pt idx="317">
                  <c:v>40619</c:v>
                </c:pt>
                <c:pt idx="318">
                  <c:v>40620</c:v>
                </c:pt>
                <c:pt idx="319">
                  <c:v>40623</c:v>
                </c:pt>
                <c:pt idx="320">
                  <c:v>40624</c:v>
                </c:pt>
                <c:pt idx="321">
                  <c:v>40625</c:v>
                </c:pt>
                <c:pt idx="322">
                  <c:v>40626</c:v>
                </c:pt>
                <c:pt idx="323">
                  <c:v>40627</c:v>
                </c:pt>
                <c:pt idx="324">
                  <c:v>40630</c:v>
                </c:pt>
                <c:pt idx="325">
                  <c:v>40631</c:v>
                </c:pt>
                <c:pt idx="326">
                  <c:v>40632</c:v>
                </c:pt>
                <c:pt idx="327">
                  <c:v>40633</c:v>
                </c:pt>
                <c:pt idx="328">
                  <c:v>40634</c:v>
                </c:pt>
                <c:pt idx="329">
                  <c:v>40637</c:v>
                </c:pt>
                <c:pt idx="330">
                  <c:v>40638</c:v>
                </c:pt>
                <c:pt idx="331">
                  <c:v>40639</c:v>
                </c:pt>
                <c:pt idx="332">
                  <c:v>40640</c:v>
                </c:pt>
                <c:pt idx="333">
                  <c:v>40641</c:v>
                </c:pt>
                <c:pt idx="334">
                  <c:v>40644</c:v>
                </c:pt>
                <c:pt idx="335">
                  <c:v>40645</c:v>
                </c:pt>
                <c:pt idx="336">
                  <c:v>40646</c:v>
                </c:pt>
                <c:pt idx="337">
                  <c:v>40647</c:v>
                </c:pt>
                <c:pt idx="338">
                  <c:v>40648</c:v>
                </c:pt>
                <c:pt idx="339">
                  <c:v>40651</c:v>
                </c:pt>
                <c:pt idx="340">
                  <c:v>40652</c:v>
                </c:pt>
                <c:pt idx="341">
                  <c:v>40653</c:v>
                </c:pt>
                <c:pt idx="342">
                  <c:v>40654</c:v>
                </c:pt>
                <c:pt idx="344">
                  <c:v>40658</c:v>
                </c:pt>
                <c:pt idx="345">
                  <c:v>40659</c:v>
                </c:pt>
                <c:pt idx="346">
                  <c:v>40660</c:v>
                </c:pt>
                <c:pt idx="347">
                  <c:v>40661</c:v>
                </c:pt>
                <c:pt idx="348">
                  <c:v>40662</c:v>
                </c:pt>
                <c:pt idx="349">
                  <c:v>40663</c:v>
                </c:pt>
                <c:pt idx="350">
                  <c:v>40665</c:v>
                </c:pt>
                <c:pt idx="351">
                  <c:v>40666</c:v>
                </c:pt>
                <c:pt idx="352">
                  <c:v>40667</c:v>
                </c:pt>
                <c:pt idx="353">
                  <c:v>40668</c:v>
                </c:pt>
                <c:pt idx="354">
                  <c:v>40669</c:v>
                </c:pt>
                <c:pt idx="355">
                  <c:v>40672</c:v>
                </c:pt>
                <c:pt idx="356">
                  <c:v>40673</c:v>
                </c:pt>
                <c:pt idx="357">
                  <c:v>40674</c:v>
                </c:pt>
                <c:pt idx="358">
                  <c:v>40675</c:v>
                </c:pt>
                <c:pt idx="359">
                  <c:v>40676</c:v>
                </c:pt>
                <c:pt idx="360">
                  <c:v>40679</c:v>
                </c:pt>
                <c:pt idx="361">
                  <c:v>40680</c:v>
                </c:pt>
                <c:pt idx="362">
                  <c:v>40681</c:v>
                </c:pt>
                <c:pt idx="363">
                  <c:v>40682</c:v>
                </c:pt>
                <c:pt idx="364">
                  <c:v>40683</c:v>
                </c:pt>
                <c:pt idx="365">
                  <c:v>40686</c:v>
                </c:pt>
                <c:pt idx="366">
                  <c:v>40687</c:v>
                </c:pt>
                <c:pt idx="367">
                  <c:v>40688</c:v>
                </c:pt>
                <c:pt idx="368">
                  <c:v>40689</c:v>
                </c:pt>
                <c:pt idx="369">
                  <c:v>40690</c:v>
                </c:pt>
                <c:pt idx="370">
                  <c:v>40693</c:v>
                </c:pt>
                <c:pt idx="371">
                  <c:v>40694</c:v>
                </c:pt>
                <c:pt idx="372">
                  <c:v>40695</c:v>
                </c:pt>
                <c:pt idx="373">
                  <c:v>40696</c:v>
                </c:pt>
                <c:pt idx="374">
                  <c:v>40697</c:v>
                </c:pt>
                <c:pt idx="375">
                  <c:v>40700</c:v>
                </c:pt>
                <c:pt idx="376">
                  <c:v>40701</c:v>
                </c:pt>
                <c:pt idx="377">
                  <c:v>40702</c:v>
                </c:pt>
                <c:pt idx="378">
                  <c:v>40703</c:v>
                </c:pt>
                <c:pt idx="379">
                  <c:v>40704</c:v>
                </c:pt>
                <c:pt idx="380">
                  <c:v>40707</c:v>
                </c:pt>
                <c:pt idx="381">
                  <c:v>40708</c:v>
                </c:pt>
                <c:pt idx="382">
                  <c:v>40709</c:v>
                </c:pt>
                <c:pt idx="383">
                  <c:v>40710</c:v>
                </c:pt>
                <c:pt idx="384">
                  <c:v>40711</c:v>
                </c:pt>
                <c:pt idx="385">
                  <c:v>40714</c:v>
                </c:pt>
                <c:pt idx="386">
                  <c:v>40715</c:v>
                </c:pt>
                <c:pt idx="387">
                  <c:v>40716</c:v>
                </c:pt>
                <c:pt idx="388">
                  <c:v>40717</c:v>
                </c:pt>
                <c:pt idx="389">
                  <c:v>40718</c:v>
                </c:pt>
                <c:pt idx="390">
                  <c:v>40721</c:v>
                </c:pt>
                <c:pt idx="391">
                  <c:v>40722</c:v>
                </c:pt>
                <c:pt idx="392">
                  <c:v>40723</c:v>
                </c:pt>
                <c:pt idx="393">
                  <c:v>40724</c:v>
                </c:pt>
                <c:pt idx="394">
                  <c:v>40725</c:v>
                </c:pt>
                <c:pt idx="395">
                  <c:v>40728</c:v>
                </c:pt>
                <c:pt idx="396">
                  <c:v>40729</c:v>
                </c:pt>
                <c:pt idx="397">
                  <c:v>40730</c:v>
                </c:pt>
                <c:pt idx="398">
                  <c:v>40731</c:v>
                </c:pt>
                <c:pt idx="399">
                  <c:v>40732</c:v>
                </c:pt>
                <c:pt idx="400">
                  <c:v>40735</c:v>
                </c:pt>
                <c:pt idx="401">
                  <c:v>40736</c:v>
                </c:pt>
                <c:pt idx="402">
                  <c:v>40737</c:v>
                </c:pt>
                <c:pt idx="403">
                  <c:v>40738</c:v>
                </c:pt>
                <c:pt idx="404">
                  <c:v>40739</c:v>
                </c:pt>
                <c:pt idx="405">
                  <c:v>40742</c:v>
                </c:pt>
                <c:pt idx="406">
                  <c:v>40743</c:v>
                </c:pt>
                <c:pt idx="407">
                  <c:v>40744</c:v>
                </c:pt>
                <c:pt idx="408">
                  <c:v>40745</c:v>
                </c:pt>
                <c:pt idx="409">
                  <c:v>40746</c:v>
                </c:pt>
                <c:pt idx="410">
                  <c:v>40749</c:v>
                </c:pt>
                <c:pt idx="411">
                  <c:v>40750</c:v>
                </c:pt>
                <c:pt idx="412">
                  <c:v>40751</c:v>
                </c:pt>
                <c:pt idx="413">
                  <c:v>40752</c:v>
                </c:pt>
                <c:pt idx="414">
                  <c:v>40753</c:v>
                </c:pt>
                <c:pt idx="415">
                  <c:v>40755</c:v>
                </c:pt>
                <c:pt idx="416">
                  <c:v>40756</c:v>
                </c:pt>
                <c:pt idx="417">
                  <c:v>40757</c:v>
                </c:pt>
                <c:pt idx="418">
                  <c:v>40758</c:v>
                </c:pt>
                <c:pt idx="419">
                  <c:v>40759</c:v>
                </c:pt>
                <c:pt idx="420">
                  <c:v>40760</c:v>
                </c:pt>
                <c:pt idx="421">
                  <c:v>40763</c:v>
                </c:pt>
                <c:pt idx="422">
                  <c:v>40764</c:v>
                </c:pt>
                <c:pt idx="423">
                  <c:v>40765</c:v>
                </c:pt>
                <c:pt idx="424">
                  <c:v>40766</c:v>
                </c:pt>
                <c:pt idx="425">
                  <c:v>40767</c:v>
                </c:pt>
                <c:pt idx="426">
                  <c:v>40770</c:v>
                </c:pt>
                <c:pt idx="427">
                  <c:v>40771</c:v>
                </c:pt>
                <c:pt idx="428">
                  <c:v>40772</c:v>
                </c:pt>
                <c:pt idx="429">
                  <c:v>40773</c:v>
                </c:pt>
                <c:pt idx="430">
                  <c:v>40774</c:v>
                </c:pt>
                <c:pt idx="431">
                  <c:v>40777</c:v>
                </c:pt>
                <c:pt idx="432">
                  <c:v>40778</c:v>
                </c:pt>
                <c:pt idx="433">
                  <c:v>40779</c:v>
                </c:pt>
                <c:pt idx="434">
                  <c:v>40780</c:v>
                </c:pt>
                <c:pt idx="435">
                  <c:v>40781</c:v>
                </c:pt>
                <c:pt idx="436">
                  <c:v>40784</c:v>
                </c:pt>
                <c:pt idx="437">
                  <c:v>40785</c:v>
                </c:pt>
                <c:pt idx="438">
                  <c:v>40786</c:v>
                </c:pt>
                <c:pt idx="439">
                  <c:v>40787</c:v>
                </c:pt>
                <c:pt idx="440">
                  <c:v>40788</c:v>
                </c:pt>
                <c:pt idx="441">
                  <c:v>40791</c:v>
                </c:pt>
                <c:pt idx="442">
                  <c:v>40792</c:v>
                </c:pt>
                <c:pt idx="443">
                  <c:v>40793</c:v>
                </c:pt>
                <c:pt idx="444">
                  <c:v>40794</c:v>
                </c:pt>
                <c:pt idx="445">
                  <c:v>40795</c:v>
                </c:pt>
                <c:pt idx="446">
                  <c:v>40798</c:v>
                </c:pt>
                <c:pt idx="447">
                  <c:v>40799</c:v>
                </c:pt>
                <c:pt idx="448">
                  <c:v>40800</c:v>
                </c:pt>
                <c:pt idx="449">
                  <c:v>40801</c:v>
                </c:pt>
                <c:pt idx="450">
                  <c:v>40802</c:v>
                </c:pt>
                <c:pt idx="451">
                  <c:v>40805</c:v>
                </c:pt>
                <c:pt idx="452">
                  <c:v>40806</c:v>
                </c:pt>
                <c:pt idx="453">
                  <c:v>40807</c:v>
                </c:pt>
                <c:pt idx="454">
                  <c:v>40808</c:v>
                </c:pt>
                <c:pt idx="455">
                  <c:v>40809</c:v>
                </c:pt>
                <c:pt idx="456">
                  <c:v>40812</c:v>
                </c:pt>
                <c:pt idx="457">
                  <c:v>40813</c:v>
                </c:pt>
                <c:pt idx="458">
                  <c:v>40814</c:v>
                </c:pt>
                <c:pt idx="459">
                  <c:v>40815</c:v>
                </c:pt>
                <c:pt idx="460">
                  <c:v>40816</c:v>
                </c:pt>
                <c:pt idx="461">
                  <c:v>40819</c:v>
                </c:pt>
                <c:pt idx="462">
                  <c:v>40820</c:v>
                </c:pt>
                <c:pt idx="463">
                  <c:v>40821</c:v>
                </c:pt>
                <c:pt idx="464">
                  <c:v>40822</c:v>
                </c:pt>
                <c:pt idx="465">
                  <c:v>40823</c:v>
                </c:pt>
                <c:pt idx="466">
                  <c:v>40826</c:v>
                </c:pt>
                <c:pt idx="467">
                  <c:v>40827</c:v>
                </c:pt>
                <c:pt idx="468">
                  <c:v>40828</c:v>
                </c:pt>
                <c:pt idx="469">
                  <c:v>40829</c:v>
                </c:pt>
                <c:pt idx="470">
                  <c:v>40830</c:v>
                </c:pt>
                <c:pt idx="471">
                  <c:v>40833</c:v>
                </c:pt>
                <c:pt idx="472">
                  <c:v>40834</c:v>
                </c:pt>
                <c:pt idx="473">
                  <c:v>40835</c:v>
                </c:pt>
                <c:pt idx="474">
                  <c:v>40836</c:v>
                </c:pt>
                <c:pt idx="475">
                  <c:v>40837</c:v>
                </c:pt>
                <c:pt idx="476">
                  <c:v>40840</c:v>
                </c:pt>
                <c:pt idx="477">
                  <c:v>40841</c:v>
                </c:pt>
                <c:pt idx="478">
                  <c:v>40842</c:v>
                </c:pt>
                <c:pt idx="479">
                  <c:v>40843</c:v>
                </c:pt>
                <c:pt idx="480">
                  <c:v>40844</c:v>
                </c:pt>
                <c:pt idx="481">
                  <c:v>40847</c:v>
                </c:pt>
                <c:pt idx="482">
                  <c:v>40848</c:v>
                </c:pt>
                <c:pt idx="483">
                  <c:v>40849</c:v>
                </c:pt>
                <c:pt idx="484">
                  <c:v>40850</c:v>
                </c:pt>
                <c:pt idx="485">
                  <c:v>40851</c:v>
                </c:pt>
                <c:pt idx="486">
                  <c:v>40854</c:v>
                </c:pt>
                <c:pt idx="487">
                  <c:v>40855</c:v>
                </c:pt>
                <c:pt idx="488">
                  <c:v>40856</c:v>
                </c:pt>
                <c:pt idx="489">
                  <c:v>40857</c:v>
                </c:pt>
                <c:pt idx="490">
                  <c:v>40858</c:v>
                </c:pt>
                <c:pt idx="491">
                  <c:v>40861</c:v>
                </c:pt>
                <c:pt idx="492">
                  <c:v>40862</c:v>
                </c:pt>
                <c:pt idx="493">
                  <c:v>40863</c:v>
                </c:pt>
                <c:pt idx="494">
                  <c:v>40864</c:v>
                </c:pt>
                <c:pt idx="495">
                  <c:v>40865</c:v>
                </c:pt>
                <c:pt idx="496">
                  <c:v>40868</c:v>
                </c:pt>
                <c:pt idx="497">
                  <c:v>40869</c:v>
                </c:pt>
                <c:pt idx="498">
                  <c:v>40870</c:v>
                </c:pt>
                <c:pt idx="499">
                  <c:v>40871</c:v>
                </c:pt>
                <c:pt idx="500">
                  <c:v>40872</c:v>
                </c:pt>
                <c:pt idx="501">
                  <c:v>40875</c:v>
                </c:pt>
                <c:pt idx="502">
                  <c:v>40876</c:v>
                </c:pt>
                <c:pt idx="503">
                  <c:v>40877</c:v>
                </c:pt>
                <c:pt idx="504">
                  <c:v>40878</c:v>
                </c:pt>
                <c:pt idx="505">
                  <c:v>40879</c:v>
                </c:pt>
                <c:pt idx="506">
                  <c:v>40882</c:v>
                </c:pt>
                <c:pt idx="507">
                  <c:v>40883</c:v>
                </c:pt>
                <c:pt idx="508">
                  <c:v>40884</c:v>
                </c:pt>
                <c:pt idx="509">
                  <c:v>40885</c:v>
                </c:pt>
                <c:pt idx="510">
                  <c:v>40886</c:v>
                </c:pt>
                <c:pt idx="511">
                  <c:v>40889</c:v>
                </c:pt>
                <c:pt idx="512">
                  <c:v>40890</c:v>
                </c:pt>
                <c:pt idx="513">
                  <c:v>40891</c:v>
                </c:pt>
                <c:pt idx="514">
                  <c:v>40892</c:v>
                </c:pt>
                <c:pt idx="515">
                  <c:v>40893</c:v>
                </c:pt>
                <c:pt idx="516">
                  <c:v>40896</c:v>
                </c:pt>
                <c:pt idx="517">
                  <c:v>40897</c:v>
                </c:pt>
                <c:pt idx="518">
                  <c:v>40898</c:v>
                </c:pt>
                <c:pt idx="519">
                  <c:v>40899</c:v>
                </c:pt>
                <c:pt idx="520">
                  <c:v>40900</c:v>
                </c:pt>
                <c:pt idx="522">
                  <c:v>40904</c:v>
                </c:pt>
                <c:pt idx="523">
                  <c:v>40905</c:v>
                </c:pt>
                <c:pt idx="524">
                  <c:v>40906</c:v>
                </c:pt>
                <c:pt idx="525">
                  <c:v>40907</c:v>
                </c:pt>
                <c:pt idx="526">
                  <c:v>40908</c:v>
                </c:pt>
                <c:pt idx="528">
                  <c:v>40911</c:v>
                </c:pt>
                <c:pt idx="529">
                  <c:v>40912</c:v>
                </c:pt>
                <c:pt idx="530">
                  <c:v>40913</c:v>
                </c:pt>
                <c:pt idx="531">
                  <c:v>40914</c:v>
                </c:pt>
                <c:pt idx="532">
                  <c:v>40917</c:v>
                </c:pt>
                <c:pt idx="533">
                  <c:v>40918</c:v>
                </c:pt>
                <c:pt idx="534">
                  <c:v>40919</c:v>
                </c:pt>
                <c:pt idx="535">
                  <c:v>40920</c:v>
                </c:pt>
                <c:pt idx="536">
                  <c:v>40921</c:v>
                </c:pt>
                <c:pt idx="537">
                  <c:v>40924</c:v>
                </c:pt>
                <c:pt idx="538">
                  <c:v>40925</c:v>
                </c:pt>
                <c:pt idx="539">
                  <c:v>40926</c:v>
                </c:pt>
                <c:pt idx="540">
                  <c:v>40927</c:v>
                </c:pt>
                <c:pt idx="541">
                  <c:v>40928</c:v>
                </c:pt>
                <c:pt idx="542">
                  <c:v>40931</c:v>
                </c:pt>
                <c:pt idx="543">
                  <c:v>40932</c:v>
                </c:pt>
                <c:pt idx="544">
                  <c:v>40933</c:v>
                </c:pt>
                <c:pt idx="545">
                  <c:v>40934</c:v>
                </c:pt>
                <c:pt idx="546">
                  <c:v>40935</c:v>
                </c:pt>
                <c:pt idx="547">
                  <c:v>40938</c:v>
                </c:pt>
                <c:pt idx="548">
                  <c:v>40939</c:v>
                </c:pt>
                <c:pt idx="549">
                  <c:v>40940</c:v>
                </c:pt>
                <c:pt idx="550">
                  <c:v>40941</c:v>
                </c:pt>
                <c:pt idx="551">
                  <c:v>40942</c:v>
                </c:pt>
                <c:pt idx="552">
                  <c:v>40945</c:v>
                </c:pt>
                <c:pt idx="553">
                  <c:v>40946</c:v>
                </c:pt>
                <c:pt idx="554">
                  <c:v>40947</c:v>
                </c:pt>
                <c:pt idx="555">
                  <c:v>40948</c:v>
                </c:pt>
                <c:pt idx="556">
                  <c:v>40949</c:v>
                </c:pt>
                <c:pt idx="557">
                  <c:v>40952</c:v>
                </c:pt>
                <c:pt idx="558">
                  <c:v>40953</c:v>
                </c:pt>
                <c:pt idx="559">
                  <c:v>40954</c:v>
                </c:pt>
                <c:pt idx="560">
                  <c:v>40955</c:v>
                </c:pt>
                <c:pt idx="561">
                  <c:v>40956</c:v>
                </c:pt>
                <c:pt idx="562">
                  <c:v>40959</c:v>
                </c:pt>
                <c:pt idx="563">
                  <c:v>40960</c:v>
                </c:pt>
                <c:pt idx="564">
                  <c:v>40961</c:v>
                </c:pt>
                <c:pt idx="565">
                  <c:v>40962</c:v>
                </c:pt>
                <c:pt idx="566">
                  <c:v>40963</c:v>
                </c:pt>
                <c:pt idx="567">
                  <c:v>40966</c:v>
                </c:pt>
                <c:pt idx="568">
                  <c:v>40967</c:v>
                </c:pt>
                <c:pt idx="569">
                  <c:v>40968</c:v>
                </c:pt>
                <c:pt idx="570">
                  <c:v>40969</c:v>
                </c:pt>
                <c:pt idx="571">
                  <c:v>40970</c:v>
                </c:pt>
                <c:pt idx="572">
                  <c:v>40973</c:v>
                </c:pt>
                <c:pt idx="573">
                  <c:v>40974</c:v>
                </c:pt>
                <c:pt idx="574">
                  <c:v>40975</c:v>
                </c:pt>
                <c:pt idx="575">
                  <c:v>40976</c:v>
                </c:pt>
                <c:pt idx="576">
                  <c:v>40977</c:v>
                </c:pt>
                <c:pt idx="577">
                  <c:v>40980</c:v>
                </c:pt>
                <c:pt idx="578">
                  <c:v>40981</c:v>
                </c:pt>
                <c:pt idx="579">
                  <c:v>40982</c:v>
                </c:pt>
                <c:pt idx="580">
                  <c:v>40983</c:v>
                </c:pt>
                <c:pt idx="581">
                  <c:v>40984</c:v>
                </c:pt>
                <c:pt idx="582">
                  <c:v>40987</c:v>
                </c:pt>
                <c:pt idx="583">
                  <c:v>40988</c:v>
                </c:pt>
                <c:pt idx="584">
                  <c:v>40989</c:v>
                </c:pt>
                <c:pt idx="585">
                  <c:v>40990</c:v>
                </c:pt>
                <c:pt idx="586">
                  <c:v>40991</c:v>
                </c:pt>
                <c:pt idx="587">
                  <c:v>40994</c:v>
                </c:pt>
                <c:pt idx="588">
                  <c:v>40995</c:v>
                </c:pt>
                <c:pt idx="589">
                  <c:v>40996</c:v>
                </c:pt>
                <c:pt idx="590">
                  <c:v>40997</c:v>
                </c:pt>
                <c:pt idx="591">
                  <c:v>40998</c:v>
                </c:pt>
                <c:pt idx="592">
                  <c:v>40999</c:v>
                </c:pt>
                <c:pt idx="593">
                  <c:v>41001</c:v>
                </c:pt>
                <c:pt idx="594">
                  <c:v>41002</c:v>
                </c:pt>
                <c:pt idx="595">
                  <c:v>41003</c:v>
                </c:pt>
                <c:pt idx="596">
                  <c:v>41004</c:v>
                </c:pt>
                <c:pt idx="598">
                  <c:v>41008</c:v>
                </c:pt>
                <c:pt idx="599">
                  <c:v>41009</c:v>
                </c:pt>
                <c:pt idx="600">
                  <c:v>41010</c:v>
                </c:pt>
                <c:pt idx="601">
                  <c:v>41011</c:v>
                </c:pt>
                <c:pt idx="602">
                  <c:v>41012</c:v>
                </c:pt>
                <c:pt idx="603">
                  <c:v>41015</c:v>
                </c:pt>
                <c:pt idx="604">
                  <c:v>41016</c:v>
                </c:pt>
                <c:pt idx="605">
                  <c:v>41017</c:v>
                </c:pt>
                <c:pt idx="606">
                  <c:v>41018</c:v>
                </c:pt>
                <c:pt idx="607">
                  <c:v>41019</c:v>
                </c:pt>
                <c:pt idx="608">
                  <c:v>41022</c:v>
                </c:pt>
                <c:pt idx="609">
                  <c:v>41023</c:v>
                </c:pt>
                <c:pt idx="610">
                  <c:v>41024</c:v>
                </c:pt>
                <c:pt idx="611">
                  <c:v>41025</c:v>
                </c:pt>
                <c:pt idx="612">
                  <c:v>41026</c:v>
                </c:pt>
                <c:pt idx="613">
                  <c:v>41029</c:v>
                </c:pt>
                <c:pt idx="614">
                  <c:v>41030</c:v>
                </c:pt>
                <c:pt idx="615">
                  <c:v>41031</c:v>
                </c:pt>
                <c:pt idx="616">
                  <c:v>41032</c:v>
                </c:pt>
                <c:pt idx="617">
                  <c:v>41033</c:v>
                </c:pt>
                <c:pt idx="618">
                  <c:v>41036</c:v>
                </c:pt>
                <c:pt idx="619">
                  <c:v>41037</c:v>
                </c:pt>
                <c:pt idx="620">
                  <c:v>41038</c:v>
                </c:pt>
                <c:pt idx="621">
                  <c:v>41039</c:v>
                </c:pt>
                <c:pt idx="622">
                  <c:v>41040</c:v>
                </c:pt>
                <c:pt idx="623">
                  <c:v>41043</c:v>
                </c:pt>
                <c:pt idx="624">
                  <c:v>41044</c:v>
                </c:pt>
                <c:pt idx="625">
                  <c:v>41045</c:v>
                </c:pt>
                <c:pt idx="626">
                  <c:v>41046</c:v>
                </c:pt>
                <c:pt idx="627">
                  <c:v>41047</c:v>
                </c:pt>
                <c:pt idx="628">
                  <c:v>41050</c:v>
                </c:pt>
                <c:pt idx="629">
                  <c:v>41051</c:v>
                </c:pt>
                <c:pt idx="630">
                  <c:v>41052</c:v>
                </c:pt>
                <c:pt idx="631">
                  <c:v>41053</c:v>
                </c:pt>
                <c:pt idx="632">
                  <c:v>41054</c:v>
                </c:pt>
                <c:pt idx="633">
                  <c:v>41057</c:v>
                </c:pt>
                <c:pt idx="634">
                  <c:v>41058</c:v>
                </c:pt>
                <c:pt idx="635">
                  <c:v>41059</c:v>
                </c:pt>
                <c:pt idx="636">
                  <c:v>41060</c:v>
                </c:pt>
                <c:pt idx="637">
                  <c:v>41061</c:v>
                </c:pt>
                <c:pt idx="638">
                  <c:v>41064</c:v>
                </c:pt>
                <c:pt idx="639">
                  <c:v>41065</c:v>
                </c:pt>
                <c:pt idx="640">
                  <c:v>41066</c:v>
                </c:pt>
                <c:pt idx="641">
                  <c:v>41067</c:v>
                </c:pt>
                <c:pt idx="642">
                  <c:v>41068</c:v>
                </c:pt>
                <c:pt idx="643">
                  <c:v>41071</c:v>
                </c:pt>
                <c:pt idx="644">
                  <c:v>41072</c:v>
                </c:pt>
                <c:pt idx="645">
                  <c:v>41073</c:v>
                </c:pt>
                <c:pt idx="646">
                  <c:v>41074</c:v>
                </c:pt>
                <c:pt idx="647">
                  <c:v>41075</c:v>
                </c:pt>
                <c:pt idx="648">
                  <c:v>41078</c:v>
                </c:pt>
                <c:pt idx="649">
                  <c:v>41079</c:v>
                </c:pt>
                <c:pt idx="650">
                  <c:v>41080</c:v>
                </c:pt>
                <c:pt idx="651">
                  <c:v>41081</c:v>
                </c:pt>
                <c:pt idx="652">
                  <c:v>41082</c:v>
                </c:pt>
                <c:pt idx="653">
                  <c:v>41085</c:v>
                </c:pt>
                <c:pt idx="654">
                  <c:v>41086</c:v>
                </c:pt>
                <c:pt idx="655">
                  <c:v>41087</c:v>
                </c:pt>
                <c:pt idx="656">
                  <c:v>41088</c:v>
                </c:pt>
                <c:pt idx="657">
                  <c:v>41089</c:v>
                </c:pt>
                <c:pt idx="658">
                  <c:v>41090</c:v>
                </c:pt>
                <c:pt idx="659">
                  <c:v>41092</c:v>
                </c:pt>
                <c:pt idx="660">
                  <c:v>41093</c:v>
                </c:pt>
                <c:pt idx="661">
                  <c:v>41094</c:v>
                </c:pt>
                <c:pt idx="662">
                  <c:v>41095</c:v>
                </c:pt>
                <c:pt idx="663">
                  <c:v>41096</c:v>
                </c:pt>
                <c:pt idx="664">
                  <c:v>41099</c:v>
                </c:pt>
                <c:pt idx="665">
                  <c:v>41100</c:v>
                </c:pt>
                <c:pt idx="666">
                  <c:v>41101</c:v>
                </c:pt>
                <c:pt idx="667">
                  <c:v>41102</c:v>
                </c:pt>
                <c:pt idx="668">
                  <c:v>41103</c:v>
                </c:pt>
                <c:pt idx="669">
                  <c:v>41106</c:v>
                </c:pt>
                <c:pt idx="670">
                  <c:v>41107</c:v>
                </c:pt>
                <c:pt idx="671">
                  <c:v>41108</c:v>
                </c:pt>
                <c:pt idx="672">
                  <c:v>41109</c:v>
                </c:pt>
                <c:pt idx="673">
                  <c:v>41110</c:v>
                </c:pt>
                <c:pt idx="674">
                  <c:v>41113</c:v>
                </c:pt>
                <c:pt idx="675">
                  <c:v>41114</c:v>
                </c:pt>
                <c:pt idx="676">
                  <c:v>41115</c:v>
                </c:pt>
                <c:pt idx="677">
                  <c:v>41116</c:v>
                </c:pt>
                <c:pt idx="678">
                  <c:v>41117</c:v>
                </c:pt>
                <c:pt idx="679">
                  <c:v>41120</c:v>
                </c:pt>
                <c:pt idx="680">
                  <c:v>41121</c:v>
                </c:pt>
                <c:pt idx="681">
                  <c:v>41122</c:v>
                </c:pt>
                <c:pt idx="682">
                  <c:v>41123</c:v>
                </c:pt>
                <c:pt idx="683">
                  <c:v>41124</c:v>
                </c:pt>
                <c:pt idx="684">
                  <c:v>41127</c:v>
                </c:pt>
                <c:pt idx="685">
                  <c:v>41128</c:v>
                </c:pt>
                <c:pt idx="686">
                  <c:v>41129</c:v>
                </c:pt>
                <c:pt idx="687">
                  <c:v>41130</c:v>
                </c:pt>
                <c:pt idx="688">
                  <c:v>41131</c:v>
                </c:pt>
                <c:pt idx="689">
                  <c:v>41134</c:v>
                </c:pt>
                <c:pt idx="690">
                  <c:v>41135</c:v>
                </c:pt>
                <c:pt idx="691">
                  <c:v>41136</c:v>
                </c:pt>
                <c:pt idx="692">
                  <c:v>41137</c:v>
                </c:pt>
                <c:pt idx="693">
                  <c:v>41138</c:v>
                </c:pt>
                <c:pt idx="694">
                  <c:v>41141</c:v>
                </c:pt>
                <c:pt idx="695">
                  <c:v>41142</c:v>
                </c:pt>
                <c:pt idx="696">
                  <c:v>41143</c:v>
                </c:pt>
                <c:pt idx="697">
                  <c:v>41144</c:v>
                </c:pt>
                <c:pt idx="698">
                  <c:v>41145</c:v>
                </c:pt>
                <c:pt idx="699">
                  <c:v>41148</c:v>
                </c:pt>
                <c:pt idx="700">
                  <c:v>41149</c:v>
                </c:pt>
                <c:pt idx="701">
                  <c:v>41150</c:v>
                </c:pt>
                <c:pt idx="702">
                  <c:v>41151</c:v>
                </c:pt>
                <c:pt idx="703">
                  <c:v>41152</c:v>
                </c:pt>
                <c:pt idx="704">
                  <c:v>41155</c:v>
                </c:pt>
                <c:pt idx="705">
                  <c:v>41156</c:v>
                </c:pt>
                <c:pt idx="706">
                  <c:v>41157</c:v>
                </c:pt>
                <c:pt idx="707">
                  <c:v>41158</c:v>
                </c:pt>
                <c:pt idx="708">
                  <c:v>41159</c:v>
                </c:pt>
                <c:pt idx="709">
                  <c:v>41162</c:v>
                </c:pt>
                <c:pt idx="710">
                  <c:v>41163</c:v>
                </c:pt>
                <c:pt idx="711">
                  <c:v>41164</c:v>
                </c:pt>
                <c:pt idx="712">
                  <c:v>41165</c:v>
                </c:pt>
                <c:pt idx="713">
                  <c:v>41166</c:v>
                </c:pt>
                <c:pt idx="714">
                  <c:v>41169</c:v>
                </c:pt>
                <c:pt idx="715">
                  <c:v>41170</c:v>
                </c:pt>
                <c:pt idx="716">
                  <c:v>41171</c:v>
                </c:pt>
                <c:pt idx="717">
                  <c:v>41172</c:v>
                </c:pt>
                <c:pt idx="718">
                  <c:v>41173</c:v>
                </c:pt>
                <c:pt idx="719">
                  <c:v>41176</c:v>
                </c:pt>
                <c:pt idx="720">
                  <c:v>41177</c:v>
                </c:pt>
                <c:pt idx="721">
                  <c:v>41178</c:v>
                </c:pt>
                <c:pt idx="722">
                  <c:v>41179</c:v>
                </c:pt>
                <c:pt idx="723">
                  <c:v>41180</c:v>
                </c:pt>
                <c:pt idx="724">
                  <c:v>41182</c:v>
                </c:pt>
                <c:pt idx="725">
                  <c:v>41183</c:v>
                </c:pt>
                <c:pt idx="726">
                  <c:v>41184</c:v>
                </c:pt>
                <c:pt idx="727">
                  <c:v>41185</c:v>
                </c:pt>
                <c:pt idx="728">
                  <c:v>41186</c:v>
                </c:pt>
                <c:pt idx="729">
                  <c:v>41187</c:v>
                </c:pt>
                <c:pt idx="730">
                  <c:v>41190</c:v>
                </c:pt>
                <c:pt idx="731">
                  <c:v>41191</c:v>
                </c:pt>
                <c:pt idx="732">
                  <c:v>41192</c:v>
                </c:pt>
                <c:pt idx="733">
                  <c:v>41193</c:v>
                </c:pt>
                <c:pt idx="734">
                  <c:v>41194</c:v>
                </c:pt>
                <c:pt idx="735">
                  <c:v>41197</c:v>
                </c:pt>
                <c:pt idx="736">
                  <c:v>41198</c:v>
                </c:pt>
                <c:pt idx="737">
                  <c:v>41199</c:v>
                </c:pt>
                <c:pt idx="738">
                  <c:v>41200</c:v>
                </c:pt>
                <c:pt idx="739">
                  <c:v>41201</c:v>
                </c:pt>
                <c:pt idx="740">
                  <c:v>41204</c:v>
                </c:pt>
                <c:pt idx="741">
                  <c:v>41205</c:v>
                </c:pt>
                <c:pt idx="742">
                  <c:v>41206</c:v>
                </c:pt>
                <c:pt idx="743">
                  <c:v>41207</c:v>
                </c:pt>
                <c:pt idx="744">
                  <c:v>41208</c:v>
                </c:pt>
                <c:pt idx="745">
                  <c:v>41211</c:v>
                </c:pt>
                <c:pt idx="747">
                  <c:v>41213</c:v>
                </c:pt>
                <c:pt idx="748">
                  <c:v>41214</c:v>
                </c:pt>
                <c:pt idx="749">
                  <c:v>41215</c:v>
                </c:pt>
                <c:pt idx="750">
                  <c:v>41218</c:v>
                </c:pt>
                <c:pt idx="751">
                  <c:v>41219</c:v>
                </c:pt>
                <c:pt idx="752">
                  <c:v>41220</c:v>
                </c:pt>
                <c:pt idx="753">
                  <c:v>41221</c:v>
                </c:pt>
                <c:pt idx="754">
                  <c:v>41222</c:v>
                </c:pt>
                <c:pt idx="755">
                  <c:v>41225</c:v>
                </c:pt>
                <c:pt idx="756">
                  <c:v>41226</c:v>
                </c:pt>
                <c:pt idx="757">
                  <c:v>41227</c:v>
                </c:pt>
                <c:pt idx="758">
                  <c:v>41228</c:v>
                </c:pt>
                <c:pt idx="759">
                  <c:v>41229</c:v>
                </c:pt>
                <c:pt idx="760">
                  <c:v>41232</c:v>
                </c:pt>
                <c:pt idx="761">
                  <c:v>41233</c:v>
                </c:pt>
                <c:pt idx="762">
                  <c:v>41234</c:v>
                </c:pt>
                <c:pt idx="763">
                  <c:v>41235</c:v>
                </c:pt>
                <c:pt idx="764">
                  <c:v>41236</c:v>
                </c:pt>
                <c:pt idx="765">
                  <c:v>41239</c:v>
                </c:pt>
                <c:pt idx="766">
                  <c:v>41240</c:v>
                </c:pt>
                <c:pt idx="767">
                  <c:v>41241</c:v>
                </c:pt>
                <c:pt idx="768">
                  <c:v>41242</c:v>
                </c:pt>
                <c:pt idx="769">
                  <c:v>41243</c:v>
                </c:pt>
                <c:pt idx="770">
                  <c:v>41246</c:v>
                </c:pt>
                <c:pt idx="771">
                  <c:v>41247</c:v>
                </c:pt>
                <c:pt idx="772">
                  <c:v>41248</c:v>
                </c:pt>
                <c:pt idx="773">
                  <c:v>41249</c:v>
                </c:pt>
                <c:pt idx="774">
                  <c:v>41250</c:v>
                </c:pt>
                <c:pt idx="775">
                  <c:v>41253</c:v>
                </c:pt>
                <c:pt idx="776">
                  <c:v>41254</c:v>
                </c:pt>
                <c:pt idx="777">
                  <c:v>41255</c:v>
                </c:pt>
                <c:pt idx="778">
                  <c:v>41256</c:v>
                </c:pt>
                <c:pt idx="779">
                  <c:v>41257</c:v>
                </c:pt>
                <c:pt idx="780">
                  <c:v>41260</c:v>
                </c:pt>
                <c:pt idx="781">
                  <c:v>41261</c:v>
                </c:pt>
                <c:pt idx="782">
                  <c:v>41262</c:v>
                </c:pt>
                <c:pt idx="783">
                  <c:v>41263</c:v>
                </c:pt>
                <c:pt idx="784">
                  <c:v>41264</c:v>
                </c:pt>
                <c:pt idx="785">
                  <c:v>41267</c:v>
                </c:pt>
                <c:pt idx="787">
                  <c:v>41269</c:v>
                </c:pt>
                <c:pt idx="788">
                  <c:v>41270</c:v>
                </c:pt>
                <c:pt idx="789">
                  <c:v>41271</c:v>
                </c:pt>
                <c:pt idx="790">
                  <c:v>41274</c:v>
                </c:pt>
                <c:pt idx="792">
                  <c:v>41276</c:v>
                </c:pt>
                <c:pt idx="793">
                  <c:v>41277</c:v>
                </c:pt>
                <c:pt idx="794">
                  <c:v>41278</c:v>
                </c:pt>
                <c:pt idx="795">
                  <c:v>41281</c:v>
                </c:pt>
                <c:pt idx="796">
                  <c:v>41282</c:v>
                </c:pt>
                <c:pt idx="797">
                  <c:v>41283</c:v>
                </c:pt>
                <c:pt idx="798">
                  <c:v>41284</c:v>
                </c:pt>
                <c:pt idx="799">
                  <c:v>41285</c:v>
                </c:pt>
                <c:pt idx="800">
                  <c:v>41288</c:v>
                </c:pt>
                <c:pt idx="801">
                  <c:v>41289</c:v>
                </c:pt>
                <c:pt idx="802">
                  <c:v>41290</c:v>
                </c:pt>
                <c:pt idx="803">
                  <c:v>41291</c:v>
                </c:pt>
                <c:pt idx="804">
                  <c:v>41292</c:v>
                </c:pt>
                <c:pt idx="805">
                  <c:v>41295</c:v>
                </c:pt>
                <c:pt idx="806">
                  <c:v>41296</c:v>
                </c:pt>
                <c:pt idx="807">
                  <c:v>41297</c:v>
                </c:pt>
                <c:pt idx="808">
                  <c:v>41298</c:v>
                </c:pt>
                <c:pt idx="809">
                  <c:v>41299</c:v>
                </c:pt>
                <c:pt idx="810">
                  <c:v>41302</c:v>
                </c:pt>
                <c:pt idx="811">
                  <c:v>41303</c:v>
                </c:pt>
                <c:pt idx="812">
                  <c:v>41304</c:v>
                </c:pt>
                <c:pt idx="813">
                  <c:v>41305</c:v>
                </c:pt>
                <c:pt idx="814">
                  <c:v>41306</c:v>
                </c:pt>
                <c:pt idx="815">
                  <c:v>41309</c:v>
                </c:pt>
                <c:pt idx="816">
                  <c:v>41310</c:v>
                </c:pt>
                <c:pt idx="817">
                  <c:v>41311</c:v>
                </c:pt>
                <c:pt idx="818">
                  <c:v>41312</c:v>
                </c:pt>
                <c:pt idx="819">
                  <c:v>41313</c:v>
                </c:pt>
                <c:pt idx="820">
                  <c:v>41316</c:v>
                </c:pt>
                <c:pt idx="821">
                  <c:v>41317</c:v>
                </c:pt>
                <c:pt idx="822">
                  <c:v>41318</c:v>
                </c:pt>
                <c:pt idx="823">
                  <c:v>41319</c:v>
                </c:pt>
                <c:pt idx="824">
                  <c:v>41320</c:v>
                </c:pt>
                <c:pt idx="825">
                  <c:v>41323</c:v>
                </c:pt>
                <c:pt idx="826">
                  <c:v>41324</c:v>
                </c:pt>
                <c:pt idx="827">
                  <c:v>41325</c:v>
                </c:pt>
                <c:pt idx="828">
                  <c:v>41326</c:v>
                </c:pt>
                <c:pt idx="829">
                  <c:v>41327</c:v>
                </c:pt>
                <c:pt idx="830">
                  <c:v>41330</c:v>
                </c:pt>
                <c:pt idx="831">
                  <c:v>41331</c:v>
                </c:pt>
                <c:pt idx="832">
                  <c:v>41332</c:v>
                </c:pt>
                <c:pt idx="833">
                  <c:v>41333</c:v>
                </c:pt>
                <c:pt idx="834">
                  <c:v>41334</c:v>
                </c:pt>
                <c:pt idx="835">
                  <c:v>41337</c:v>
                </c:pt>
                <c:pt idx="836">
                  <c:v>41338</c:v>
                </c:pt>
                <c:pt idx="837">
                  <c:v>41339</c:v>
                </c:pt>
                <c:pt idx="838">
                  <c:v>41340</c:v>
                </c:pt>
                <c:pt idx="839">
                  <c:v>41341</c:v>
                </c:pt>
                <c:pt idx="840">
                  <c:v>41344</c:v>
                </c:pt>
                <c:pt idx="841">
                  <c:v>41345</c:v>
                </c:pt>
                <c:pt idx="842">
                  <c:v>41346</c:v>
                </c:pt>
                <c:pt idx="843">
                  <c:v>41347</c:v>
                </c:pt>
                <c:pt idx="844">
                  <c:v>41348</c:v>
                </c:pt>
                <c:pt idx="845">
                  <c:v>41351</c:v>
                </c:pt>
                <c:pt idx="846">
                  <c:v>41352</c:v>
                </c:pt>
                <c:pt idx="847">
                  <c:v>41353</c:v>
                </c:pt>
                <c:pt idx="848">
                  <c:v>41354</c:v>
                </c:pt>
                <c:pt idx="849">
                  <c:v>41355</c:v>
                </c:pt>
                <c:pt idx="850">
                  <c:v>41358</c:v>
                </c:pt>
                <c:pt idx="851">
                  <c:v>41359</c:v>
                </c:pt>
                <c:pt idx="852">
                  <c:v>41360</c:v>
                </c:pt>
                <c:pt idx="853">
                  <c:v>41361</c:v>
                </c:pt>
                <c:pt idx="855">
                  <c:v>41364</c:v>
                </c:pt>
                <c:pt idx="856">
                  <c:v>41365</c:v>
                </c:pt>
                <c:pt idx="857">
                  <c:v>41366</c:v>
                </c:pt>
                <c:pt idx="858">
                  <c:v>41367</c:v>
                </c:pt>
                <c:pt idx="859">
                  <c:v>41368</c:v>
                </c:pt>
                <c:pt idx="860">
                  <c:v>41369</c:v>
                </c:pt>
                <c:pt idx="861">
                  <c:v>41372</c:v>
                </c:pt>
                <c:pt idx="862">
                  <c:v>41373</c:v>
                </c:pt>
                <c:pt idx="863">
                  <c:v>41374</c:v>
                </c:pt>
                <c:pt idx="864">
                  <c:v>41375</c:v>
                </c:pt>
                <c:pt idx="865">
                  <c:v>41376</c:v>
                </c:pt>
                <c:pt idx="866">
                  <c:v>41379</c:v>
                </c:pt>
                <c:pt idx="867">
                  <c:v>41380</c:v>
                </c:pt>
                <c:pt idx="868">
                  <c:v>41381</c:v>
                </c:pt>
                <c:pt idx="869">
                  <c:v>41382</c:v>
                </c:pt>
                <c:pt idx="870">
                  <c:v>41383</c:v>
                </c:pt>
                <c:pt idx="871">
                  <c:v>41386</c:v>
                </c:pt>
                <c:pt idx="872">
                  <c:v>41387</c:v>
                </c:pt>
                <c:pt idx="873">
                  <c:v>41388</c:v>
                </c:pt>
                <c:pt idx="874">
                  <c:v>41389</c:v>
                </c:pt>
                <c:pt idx="875">
                  <c:v>41390</c:v>
                </c:pt>
                <c:pt idx="876">
                  <c:v>41393</c:v>
                </c:pt>
                <c:pt idx="877">
                  <c:v>41394</c:v>
                </c:pt>
                <c:pt idx="878">
                  <c:v>41395</c:v>
                </c:pt>
                <c:pt idx="879">
                  <c:v>41396</c:v>
                </c:pt>
                <c:pt idx="880">
                  <c:v>41397</c:v>
                </c:pt>
                <c:pt idx="881">
                  <c:v>41400</c:v>
                </c:pt>
                <c:pt idx="882">
                  <c:v>41401</c:v>
                </c:pt>
                <c:pt idx="883">
                  <c:v>41402</c:v>
                </c:pt>
                <c:pt idx="884">
                  <c:v>41403</c:v>
                </c:pt>
                <c:pt idx="885">
                  <c:v>41404</c:v>
                </c:pt>
                <c:pt idx="886">
                  <c:v>41407</c:v>
                </c:pt>
                <c:pt idx="887">
                  <c:v>41408</c:v>
                </c:pt>
                <c:pt idx="888">
                  <c:v>41409</c:v>
                </c:pt>
                <c:pt idx="889">
                  <c:v>41410</c:v>
                </c:pt>
                <c:pt idx="890">
                  <c:v>41411</c:v>
                </c:pt>
                <c:pt idx="891">
                  <c:v>41414</c:v>
                </c:pt>
                <c:pt idx="892">
                  <c:v>41415</c:v>
                </c:pt>
                <c:pt idx="893">
                  <c:v>41416</c:v>
                </c:pt>
                <c:pt idx="894">
                  <c:v>41417</c:v>
                </c:pt>
                <c:pt idx="895">
                  <c:v>41418</c:v>
                </c:pt>
                <c:pt idx="896">
                  <c:v>41421</c:v>
                </c:pt>
                <c:pt idx="897">
                  <c:v>41422</c:v>
                </c:pt>
                <c:pt idx="898">
                  <c:v>41423</c:v>
                </c:pt>
                <c:pt idx="899">
                  <c:v>41424</c:v>
                </c:pt>
                <c:pt idx="900">
                  <c:v>41425</c:v>
                </c:pt>
                <c:pt idx="901">
                  <c:v>41428</c:v>
                </c:pt>
                <c:pt idx="902">
                  <c:v>41429</c:v>
                </c:pt>
                <c:pt idx="903">
                  <c:v>41430</c:v>
                </c:pt>
                <c:pt idx="904">
                  <c:v>41431</c:v>
                </c:pt>
                <c:pt idx="905">
                  <c:v>41432</c:v>
                </c:pt>
                <c:pt idx="906">
                  <c:v>41435</c:v>
                </c:pt>
                <c:pt idx="907">
                  <c:v>41436</c:v>
                </c:pt>
                <c:pt idx="908">
                  <c:v>41437</c:v>
                </c:pt>
                <c:pt idx="909">
                  <c:v>41438</c:v>
                </c:pt>
                <c:pt idx="910">
                  <c:v>41439</c:v>
                </c:pt>
                <c:pt idx="911">
                  <c:v>41442</c:v>
                </c:pt>
                <c:pt idx="912">
                  <c:v>41443</c:v>
                </c:pt>
                <c:pt idx="913">
                  <c:v>41444</c:v>
                </c:pt>
                <c:pt idx="914">
                  <c:v>41445</c:v>
                </c:pt>
                <c:pt idx="915">
                  <c:v>41446</c:v>
                </c:pt>
                <c:pt idx="916">
                  <c:v>41449</c:v>
                </c:pt>
                <c:pt idx="917">
                  <c:v>41450</c:v>
                </c:pt>
                <c:pt idx="918">
                  <c:v>41451</c:v>
                </c:pt>
                <c:pt idx="919">
                  <c:v>41452</c:v>
                </c:pt>
                <c:pt idx="920">
                  <c:v>41453</c:v>
                </c:pt>
                <c:pt idx="921">
                  <c:v>41455</c:v>
                </c:pt>
                <c:pt idx="922">
                  <c:v>41456</c:v>
                </c:pt>
                <c:pt idx="923">
                  <c:v>41457</c:v>
                </c:pt>
                <c:pt idx="924">
                  <c:v>41458</c:v>
                </c:pt>
                <c:pt idx="925">
                  <c:v>41459</c:v>
                </c:pt>
                <c:pt idx="926">
                  <c:v>41460</c:v>
                </c:pt>
                <c:pt idx="927">
                  <c:v>41463</c:v>
                </c:pt>
                <c:pt idx="928">
                  <c:v>41464</c:v>
                </c:pt>
                <c:pt idx="929">
                  <c:v>41465</c:v>
                </c:pt>
                <c:pt idx="930">
                  <c:v>41466</c:v>
                </c:pt>
                <c:pt idx="931">
                  <c:v>41467</c:v>
                </c:pt>
                <c:pt idx="932">
                  <c:v>41470</c:v>
                </c:pt>
                <c:pt idx="933">
                  <c:v>41471</c:v>
                </c:pt>
                <c:pt idx="934">
                  <c:v>41472</c:v>
                </c:pt>
                <c:pt idx="935">
                  <c:v>41473</c:v>
                </c:pt>
                <c:pt idx="936">
                  <c:v>41474</c:v>
                </c:pt>
                <c:pt idx="937">
                  <c:v>41477</c:v>
                </c:pt>
                <c:pt idx="938">
                  <c:v>41478</c:v>
                </c:pt>
                <c:pt idx="939">
                  <c:v>41479</c:v>
                </c:pt>
                <c:pt idx="940">
                  <c:v>41480</c:v>
                </c:pt>
                <c:pt idx="941">
                  <c:v>41481</c:v>
                </c:pt>
                <c:pt idx="942">
                  <c:v>41484</c:v>
                </c:pt>
                <c:pt idx="943">
                  <c:v>41485</c:v>
                </c:pt>
                <c:pt idx="944">
                  <c:v>41486</c:v>
                </c:pt>
                <c:pt idx="945">
                  <c:v>41487</c:v>
                </c:pt>
                <c:pt idx="946">
                  <c:v>41488</c:v>
                </c:pt>
                <c:pt idx="947">
                  <c:v>41491</c:v>
                </c:pt>
                <c:pt idx="948">
                  <c:v>41492</c:v>
                </c:pt>
                <c:pt idx="949">
                  <c:v>41493</c:v>
                </c:pt>
                <c:pt idx="950">
                  <c:v>41494</c:v>
                </c:pt>
                <c:pt idx="951">
                  <c:v>41495</c:v>
                </c:pt>
                <c:pt idx="952">
                  <c:v>41498</c:v>
                </c:pt>
                <c:pt idx="953">
                  <c:v>41499</c:v>
                </c:pt>
                <c:pt idx="954">
                  <c:v>41500</c:v>
                </c:pt>
                <c:pt idx="955">
                  <c:v>41501</c:v>
                </c:pt>
                <c:pt idx="956">
                  <c:v>41502</c:v>
                </c:pt>
                <c:pt idx="957">
                  <c:v>41505</c:v>
                </c:pt>
                <c:pt idx="958">
                  <c:v>41506</c:v>
                </c:pt>
                <c:pt idx="959">
                  <c:v>41507</c:v>
                </c:pt>
                <c:pt idx="960">
                  <c:v>41508</c:v>
                </c:pt>
                <c:pt idx="961">
                  <c:v>41509</c:v>
                </c:pt>
                <c:pt idx="962">
                  <c:v>41512</c:v>
                </c:pt>
                <c:pt idx="963">
                  <c:v>41513</c:v>
                </c:pt>
                <c:pt idx="964">
                  <c:v>41514</c:v>
                </c:pt>
                <c:pt idx="965">
                  <c:v>41515</c:v>
                </c:pt>
                <c:pt idx="967">
                  <c:v>41519</c:v>
                </c:pt>
                <c:pt idx="968">
                  <c:v>41520</c:v>
                </c:pt>
                <c:pt idx="969">
                  <c:v>41521</c:v>
                </c:pt>
                <c:pt idx="970">
                  <c:v>41522</c:v>
                </c:pt>
                <c:pt idx="971">
                  <c:v>41523</c:v>
                </c:pt>
                <c:pt idx="972">
                  <c:v>41526</c:v>
                </c:pt>
                <c:pt idx="973">
                  <c:v>41527</c:v>
                </c:pt>
                <c:pt idx="974">
                  <c:v>41528</c:v>
                </c:pt>
                <c:pt idx="975">
                  <c:v>41529</c:v>
                </c:pt>
                <c:pt idx="976">
                  <c:v>41530</c:v>
                </c:pt>
                <c:pt idx="977">
                  <c:v>41533</c:v>
                </c:pt>
                <c:pt idx="978">
                  <c:v>41534</c:v>
                </c:pt>
                <c:pt idx="979">
                  <c:v>41535</c:v>
                </c:pt>
                <c:pt idx="980">
                  <c:v>41536</c:v>
                </c:pt>
                <c:pt idx="981">
                  <c:v>41537</c:v>
                </c:pt>
                <c:pt idx="982">
                  <c:v>41540</c:v>
                </c:pt>
                <c:pt idx="983">
                  <c:v>41541</c:v>
                </c:pt>
                <c:pt idx="984">
                  <c:v>41542</c:v>
                </c:pt>
                <c:pt idx="985">
                  <c:v>41543</c:v>
                </c:pt>
                <c:pt idx="986">
                  <c:v>41544</c:v>
                </c:pt>
                <c:pt idx="987">
                  <c:v>41547</c:v>
                </c:pt>
                <c:pt idx="988">
                  <c:v>41548</c:v>
                </c:pt>
                <c:pt idx="989">
                  <c:v>41549</c:v>
                </c:pt>
                <c:pt idx="990">
                  <c:v>41550</c:v>
                </c:pt>
                <c:pt idx="991">
                  <c:v>41551</c:v>
                </c:pt>
                <c:pt idx="992">
                  <c:v>41554</c:v>
                </c:pt>
                <c:pt idx="993">
                  <c:v>41555</c:v>
                </c:pt>
                <c:pt idx="994">
                  <c:v>41556</c:v>
                </c:pt>
                <c:pt idx="995">
                  <c:v>41557</c:v>
                </c:pt>
                <c:pt idx="996">
                  <c:v>41558</c:v>
                </c:pt>
                <c:pt idx="997">
                  <c:v>41561</c:v>
                </c:pt>
                <c:pt idx="998">
                  <c:v>41562</c:v>
                </c:pt>
                <c:pt idx="999">
                  <c:v>41563</c:v>
                </c:pt>
                <c:pt idx="1000">
                  <c:v>41564</c:v>
                </c:pt>
                <c:pt idx="1001">
                  <c:v>41565</c:v>
                </c:pt>
                <c:pt idx="1002">
                  <c:v>41568</c:v>
                </c:pt>
                <c:pt idx="1003">
                  <c:v>41569</c:v>
                </c:pt>
                <c:pt idx="1004">
                  <c:v>41570</c:v>
                </c:pt>
                <c:pt idx="1005">
                  <c:v>41571</c:v>
                </c:pt>
                <c:pt idx="1006">
                  <c:v>41572</c:v>
                </c:pt>
                <c:pt idx="1007">
                  <c:v>41575</c:v>
                </c:pt>
                <c:pt idx="1008">
                  <c:v>41576</c:v>
                </c:pt>
                <c:pt idx="1009">
                  <c:v>41577</c:v>
                </c:pt>
                <c:pt idx="1010">
                  <c:v>41578</c:v>
                </c:pt>
                <c:pt idx="1011">
                  <c:v>41579</c:v>
                </c:pt>
                <c:pt idx="1012">
                  <c:v>41582</c:v>
                </c:pt>
                <c:pt idx="1013">
                  <c:v>41583</c:v>
                </c:pt>
                <c:pt idx="1014">
                  <c:v>41584</c:v>
                </c:pt>
                <c:pt idx="1015">
                  <c:v>41585</c:v>
                </c:pt>
                <c:pt idx="1016">
                  <c:v>41586</c:v>
                </c:pt>
                <c:pt idx="1017">
                  <c:v>41589</c:v>
                </c:pt>
                <c:pt idx="1018">
                  <c:v>41590</c:v>
                </c:pt>
                <c:pt idx="1019">
                  <c:v>41591</c:v>
                </c:pt>
                <c:pt idx="1020">
                  <c:v>41592</c:v>
                </c:pt>
                <c:pt idx="1021">
                  <c:v>41593</c:v>
                </c:pt>
                <c:pt idx="1022">
                  <c:v>41596</c:v>
                </c:pt>
                <c:pt idx="1023">
                  <c:v>41597</c:v>
                </c:pt>
                <c:pt idx="1024">
                  <c:v>41598</c:v>
                </c:pt>
                <c:pt idx="1025">
                  <c:v>41599</c:v>
                </c:pt>
                <c:pt idx="1026">
                  <c:v>41600</c:v>
                </c:pt>
                <c:pt idx="1027">
                  <c:v>41603</c:v>
                </c:pt>
                <c:pt idx="1028">
                  <c:v>41604</c:v>
                </c:pt>
                <c:pt idx="1029">
                  <c:v>41605</c:v>
                </c:pt>
                <c:pt idx="1030">
                  <c:v>41606</c:v>
                </c:pt>
                <c:pt idx="1031">
                  <c:v>41607</c:v>
                </c:pt>
                <c:pt idx="1032">
                  <c:v>41608</c:v>
                </c:pt>
                <c:pt idx="1033">
                  <c:v>41610</c:v>
                </c:pt>
                <c:pt idx="1034">
                  <c:v>41611</c:v>
                </c:pt>
                <c:pt idx="1035">
                  <c:v>41612</c:v>
                </c:pt>
                <c:pt idx="1036">
                  <c:v>41613</c:v>
                </c:pt>
                <c:pt idx="1037">
                  <c:v>41614</c:v>
                </c:pt>
                <c:pt idx="1038">
                  <c:v>41617</c:v>
                </c:pt>
                <c:pt idx="1039">
                  <c:v>41618</c:v>
                </c:pt>
                <c:pt idx="1040">
                  <c:v>41619</c:v>
                </c:pt>
                <c:pt idx="1041">
                  <c:v>41620</c:v>
                </c:pt>
                <c:pt idx="1042">
                  <c:v>41621</c:v>
                </c:pt>
                <c:pt idx="1043">
                  <c:v>41624</c:v>
                </c:pt>
                <c:pt idx="1044">
                  <c:v>41625</c:v>
                </c:pt>
                <c:pt idx="1045">
                  <c:v>41626</c:v>
                </c:pt>
                <c:pt idx="1046">
                  <c:v>41627</c:v>
                </c:pt>
                <c:pt idx="1047">
                  <c:v>41628</c:v>
                </c:pt>
                <c:pt idx="1048">
                  <c:v>41631</c:v>
                </c:pt>
                <c:pt idx="1049">
                  <c:v>41632</c:v>
                </c:pt>
                <c:pt idx="1051">
                  <c:v>41634</c:v>
                </c:pt>
                <c:pt idx="1052">
                  <c:v>41635</c:v>
                </c:pt>
                <c:pt idx="1053">
                  <c:v>41638</c:v>
                </c:pt>
                <c:pt idx="1054">
                  <c:v>41639</c:v>
                </c:pt>
                <c:pt idx="1056">
                  <c:v>41641</c:v>
                </c:pt>
                <c:pt idx="1057">
                  <c:v>41642</c:v>
                </c:pt>
                <c:pt idx="1058">
                  <c:v>41645</c:v>
                </c:pt>
                <c:pt idx="1059">
                  <c:v>41646</c:v>
                </c:pt>
                <c:pt idx="1060">
                  <c:v>41647</c:v>
                </c:pt>
                <c:pt idx="1061">
                  <c:v>41648</c:v>
                </c:pt>
                <c:pt idx="1062">
                  <c:v>41649</c:v>
                </c:pt>
                <c:pt idx="1063">
                  <c:v>41652</c:v>
                </c:pt>
                <c:pt idx="1064">
                  <c:v>41653</c:v>
                </c:pt>
                <c:pt idx="1065">
                  <c:v>41654</c:v>
                </c:pt>
                <c:pt idx="1066">
                  <c:v>41655</c:v>
                </c:pt>
                <c:pt idx="1067">
                  <c:v>41656</c:v>
                </c:pt>
                <c:pt idx="1068">
                  <c:v>41659</c:v>
                </c:pt>
                <c:pt idx="1069">
                  <c:v>41660</c:v>
                </c:pt>
                <c:pt idx="1070">
                  <c:v>41661</c:v>
                </c:pt>
                <c:pt idx="1071">
                  <c:v>41662</c:v>
                </c:pt>
                <c:pt idx="1072">
                  <c:v>41663</c:v>
                </c:pt>
                <c:pt idx="1073">
                  <c:v>41666</c:v>
                </c:pt>
                <c:pt idx="1074">
                  <c:v>41667</c:v>
                </c:pt>
                <c:pt idx="1075">
                  <c:v>41668</c:v>
                </c:pt>
                <c:pt idx="1076">
                  <c:v>41669</c:v>
                </c:pt>
                <c:pt idx="1077">
                  <c:v>41670</c:v>
                </c:pt>
                <c:pt idx="1078">
                  <c:v>41673</c:v>
                </c:pt>
                <c:pt idx="1079">
                  <c:v>41674</c:v>
                </c:pt>
                <c:pt idx="1080">
                  <c:v>41675</c:v>
                </c:pt>
                <c:pt idx="1081">
                  <c:v>41676</c:v>
                </c:pt>
                <c:pt idx="1082">
                  <c:v>41677</c:v>
                </c:pt>
                <c:pt idx="1083">
                  <c:v>41680</c:v>
                </c:pt>
                <c:pt idx="1084">
                  <c:v>41681</c:v>
                </c:pt>
                <c:pt idx="1085">
                  <c:v>41682</c:v>
                </c:pt>
                <c:pt idx="1086">
                  <c:v>41683</c:v>
                </c:pt>
                <c:pt idx="1087">
                  <c:v>41684</c:v>
                </c:pt>
                <c:pt idx="1088">
                  <c:v>41687</c:v>
                </c:pt>
                <c:pt idx="1089">
                  <c:v>41688</c:v>
                </c:pt>
                <c:pt idx="1090">
                  <c:v>41689</c:v>
                </c:pt>
                <c:pt idx="1091">
                  <c:v>41690</c:v>
                </c:pt>
                <c:pt idx="1092">
                  <c:v>41691</c:v>
                </c:pt>
                <c:pt idx="1093">
                  <c:v>41694</c:v>
                </c:pt>
                <c:pt idx="1094">
                  <c:v>41695</c:v>
                </c:pt>
                <c:pt idx="1095">
                  <c:v>41696</c:v>
                </c:pt>
                <c:pt idx="1096">
                  <c:v>41697</c:v>
                </c:pt>
                <c:pt idx="1097">
                  <c:v>41698</c:v>
                </c:pt>
                <c:pt idx="1098">
                  <c:v>41701</c:v>
                </c:pt>
                <c:pt idx="1099">
                  <c:v>41702</c:v>
                </c:pt>
                <c:pt idx="1100">
                  <c:v>41703</c:v>
                </c:pt>
                <c:pt idx="1101">
                  <c:v>41704</c:v>
                </c:pt>
                <c:pt idx="1102">
                  <c:v>41705</c:v>
                </c:pt>
                <c:pt idx="1103">
                  <c:v>41708</c:v>
                </c:pt>
                <c:pt idx="1104">
                  <c:v>41709</c:v>
                </c:pt>
                <c:pt idx="1105">
                  <c:v>41710</c:v>
                </c:pt>
                <c:pt idx="1106">
                  <c:v>41711</c:v>
                </c:pt>
                <c:pt idx="1107">
                  <c:v>41712</c:v>
                </c:pt>
                <c:pt idx="1108">
                  <c:v>41715</c:v>
                </c:pt>
                <c:pt idx="1109">
                  <c:v>41716</c:v>
                </c:pt>
                <c:pt idx="1110">
                  <c:v>41717</c:v>
                </c:pt>
                <c:pt idx="1111">
                  <c:v>41718</c:v>
                </c:pt>
                <c:pt idx="1112">
                  <c:v>41719</c:v>
                </c:pt>
                <c:pt idx="1113">
                  <c:v>41722</c:v>
                </c:pt>
                <c:pt idx="1114">
                  <c:v>41723</c:v>
                </c:pt>
                <c:pt idx="1115">
                  <c:v>41724</c:v>
                </c:pt>
                <c:pt idx="1116">
                  <c:v>41725</c:v>
                </c:pt>
                <c:pt idx="1117">
                  <c:v>41726</c:v>
                </c:pt>
                <c:pt idx="1118">
                  <c:v>41729</c:v>
                </c:pt>
                <c:pt idx="1119">
                  <c:v>41730</c:v>
                </c:pt>
                <c:pt idx="1120">
                  <c:v>41731</c:v>
                </c:pt>
                <c:pt idx="1121">
                  <c:v>41732</c:v>
                </c:pt>
                <c:pt idx="1122">
                  <c:v>41733</c:v>
                </c:pt>
                <c:pt idx="1123">
                  <c:v>41736</c:v>
                </c:pt>
                <c:pt idx="1124">
                  <c:v>41737</c:v>
                </c:pt>
                <c:pt idx="1125">
                  <c:v>41738</c:v>
                </c:pt>
                <c:pt idx="1126">
                  <c:v>41739</c:v>
                </c:pt>
                <c:pt idx="1127">
                  <c:v>41740</c:v>
                </c:pt>
                <c:pt idx="1128">
                  <c:v>41743</c:v>
                </c:pt>
                <c:pt idx="1129">
                  <c:v>41744</c:v>
                </c:pt>
                <c:pt idx="1130">
                  <c:v>41745</c:v>
                </c:pt>
                <c:pt idx="1131">
                  <c:v>41746</c:v>
                </c:pt>
                <c:pt idx="1133">
                  <c:v>41750</c:v>
                </c:pt>
                <c:pt idx="1134">
                  <c:v>41751</c:v>
                </c:pt>
                <c:pt idx="1135">
                  <c:v>41752</c:v>
                </c:pt>
                <c:pt idx="1136">
                  <c:v>41753</c:v>
                </c:pt>
                <c:pt idx="1137">
                  <c:v>41754</c:v>
                </c:pt>
                <c:pt idx="1138">
                  <c:v>41757</c:v>
                </c:pt>
                <c:pt idx="1139">
                  <c:v>41758</c:v>
                </c:pt>
                <c:pt idx="1140">
                  <c:v>41759</c:v>
                </c:pt>
                <c:pt idx="1141">
                  <c:v>41760</c:v>
                </c:pt>
                <c:pt idx="1142">
                  <c:v>41761</c:v>
                </c:pt>
                <c:pt idx="1143">
                  <c:v>41764</c:v>
                </c:pt>
                <c:pt idx="1144">
                  <c:v>41765</c:v>
                </c:pt>
                <c:pt idx="1145">
                  <c:v>41766</c:v>
                </c:pt>
                <c:pt idx="1146">
                  <c:v>41767</c:v>
                </c:pt>
                <c:pt idx="1147">
                  <c:v>41768</c:v>
                </c:pt>
                <c:pt idx="1148">
                  <c:v>41771</c:v>
                </c:pt>
                <c:pt idx="1149">
                  <c:v>41772</c:v>
                </c:pt>
                <c:pt idx="1150">
                  <c:v>41773</c:v>
                </c:pt>
                <c:pt idx="1151">
                  <c:v>41774</c:v>
                </c:pt>
                <c:pt idx="1152">
                  <c:v>41775</c:v>
                </c:pt>
                <c:pt idx="1153">
                  <c:v>41778</c:v>
                </c:pt>
                <c:pt idx="1154">
                  <c:v>41779</c:v>
                </c:pt>
                <c:pt idx="1155">
                  <c:v>41780</c:v>
                </c:pt>
                <c:pt idx="1156">
                  <c:v>41781</c:v>
                </c:pt>
                <c:pt idx="1157">
                  <c:v>41782</c:v>
                </c:pt>
                <c:pt idx="1158">
                  <c:v>41785</c:v>
                </c:pt>
                <c:pt idx="1159">
                  <c:v>41786</c:v>
                </c:pt>
                <c:pt idx="1160">
                  <c:v>41787</c:v>
                </c:pt>
                <c:pt idx="1161">
                  <c:v>41788</c:v>
                </c:pt>
                <c:pt idx="1162">
                  <c:v>41789</c:v>
                </c:pt>
                <c:pt idx="1163">
                  <c:v>41790</c:v>
                </c:pt>
                <c:pt idx="1164">
                  <c:v>41792</c:v>
                </c:pt>
                <c:pt idx="1165">
                  <c:v>41793</c:v>
                </c:pt>
                <c:pt idx="1166">
                  <c:v>41794</c:v>
                </c:pt>
                <c:pt idx="1167">
                  <c:v>41795</c:v>
                </c:pt>
                <c:pt idx="1168">
                  <c:v>41796</c:v>
                </c:pt>
                <c:pt idx="1169">
                  <c:v>41799</c:v>
                </c:pt>
                <c:pt idx="1170">
                  <c:v>41800</c:v>
                </c:pt>
                <c:pt idx="1171">
                  <c:v>41801</c:v>
                </c:pt>
                <c:pt idx="1172">
                  <c:v>41802</c:v>
                </c:pt>
                <c:pt idx="1173">
                  <c:v>41803</c:v>
                </c:pt>
                <c:pt idx="1174">
                  <c:v>41806</c:v>
                </c:pt>
                <c:pt idx="1175">
                  <c:v>41807</c:v>
                </c:pt>
                <c:pt idx="1176">
                  <c:v>41808</c:v>
                </c:pt>
                <c:pt idx="1177">
                  <c:v>41809</c:v>
                </c:pt>
                <c:pt idx="1178">
                  <c:v>41810</c:v>
                </c:pt>
                <c:pt idx="1179">
                  <c:v>41813</c:v>
                </c:pt>
                <c:pt idx="1180">
                  <c:v>41814</c:v>
                </c:pt>
                <c:pt idx="1181">
                  <c:v>41815</c:v>
                </c:pt>
                <c:pt idx="1182">
                  <c:v>41816</c:v>
                </c:pt>
                <c:pt idx="1183">
                  <c:v>41817</c:v>
                </c:pt>
                <c:pt idx="1184">
                  <c:v>41820</c:v>
                </c:pt>
                <c:pt idx="1185">
                  <c:v>41821</c:v>
                </c:pt>
                <c:pt idx="1186">
                  <c:v>41822</c:v>
                </c:pt>
                <c:pt idx="1187">
                  <c:v>41823</c:v>
                </c:pt>
                <c:pt idx="1188">
                  <c:v>41824</c:v>
                </c:pt>
                <c:pt idx="1189">
                  <c:v>41827</c:v>
                </c:pt>
                <c:pt idx="1190">
                  <c:v>41828</c:v>
                </c:pt>
                <c:pt idx="1191">
                  <c:v>41829</c:v>
                </c:pt>
                <c:pt idx="1192">
                  <c:v>41830</c:v>
                </c:pt>
                <c:pt idx="1193">
                  <c:v>41831</c:v>
                </c:pt>
                <c:pt idx="1194">
                  <c:v>41834</c:v>
                </c:pt>
                <c:pt idx="1195">
                  <c:v>41835</c:v>
                </c:pt>
                <c:pt idx="1196">
                  <c:v>41836</c:v>
                </c:pt>
                <c:pt idx="1197">
                  <c:v>41837</c:v>
                </c:pt>
                <c:pt idx="1198">
                  <c:v>41838</c:v>
                </c:pt>
                <c:pt idx="1199">
                  <c:v>41841</c:v>
                </c:pt>
                <c:pt idx="1200">
                  <c:v>41842</c:v>
                </c:pt>
                <c:pt idx="1201">
                  <c:v>41843</c:v>
                </c:pt>
                <c:pt idx="1202">
                  <c:v>41844</c:v>
                </c:pt>
                <c:pt idx="1203">
                  <c:v>41845</c:v>
                </c:pt>
                <c:pt idx="1204">
                  <c:v>41848</c:v>
                </c:pt>
                <c:pt idx="1205">
                  <c:v>41849</c:v>
                </c:pt>
                <c:pt idx="1206">
                  <c:v>41850</c:v>
                </c:pt>
                <c:pt idx="1207">
                  <c:v>41851</c:v>
                </c:pt>
                <c:pt idx="1208">
                  <c:v>41852</c:v>
                </c:pt>
                <c:pt idx="1209">
                  <c:v>41855</c:v>
                </c:pt>
                <c:pt idx="1210">
                  <c:v>41856</c:v>
                </c:pt>
                <c:pt idx="1211">
                  <c:v>41857</c:v>
                </c:pt>
                <c:pt idx="1212">
                  <c:v>41858</c:v>
                </c:pt>
                <c:pt idx="1213">
                  <c:v>41859</c:v>
                </c:pt>
                <c:pt idx="1214">
                  <c:v>41862</c:v>
                </c:pt>
                <c:pt idx="1215">
                  <c:v>41863</c:v>
                </c:pt>
                <c:pt idx="1216">
                  <c:v>41864</c:v>
                </c:pt>
                <c:pt idx="1217">
                  <c:v>41865</c:v>
                </c:pt>
                <c:pt idx="1218">
                  <c:v>41866</c:v>
                </c:pt>
                <c:pt idx="1219">
                  <c:v>41869</c:v>
                </c:pt>
                <c:pt idx="1220">
                  <c:v>41870</c:v>
                </c:pt>
                <c:pt idx="1221">
                  <c:v>41871</c:v>
                </c:pt>
                <c:pt idx="1222">
                  <c:v>41872</c:v>
                </c:pt>
                <c:pt idx="1223">
                  <c:v>41873</c:v>
                </c:pt>
                <c:pt idx="1224">
                  <c:v>41876</c:v>
                </c:pt>
                <c:pt idx="1225">
                  <c:v>41877</c:v>
                </c:pt>
                <c:pt idx="1226">
                  <c:v>41878</c:v>
                </c:pt>
                <c:pt idx="1227">
                  <c:v>41879</c:v>
                </c:pt>
                <c:pt idx="1228">
                  <c:v>41880</c:v>
                </c:pt>
                <c:pt idx="1229">
                  <c:v>41882</c:v>
                </c:pt>
                <c:pt idx="1230">
                  <c:v>41883</c:v>
                </c:pt>
                <c:pt idx="1231">
                  <c:v>41884</c:v>
                </c:pt>
                <c:pt idx="1232">
                  <c:v>41885</c:v>
                </c:pt>
                <c:pt idx="1233">
                  <c:v>41886</c:v>
                </c:pt>
                <c:pt idx="1234">
                  <c:v>41887</c:v>
                </c:pt>
                <c:pt idx="1235">
                  <c:v>41890</c:v>
                </c:pt>
                <c:pt idx="1236">
                  <c:v>41891</c:v>
                </c:pt>
                <c:pt idx="1237">
                  <c:v>41892</c:v>
                </c:pt>
                <c:pt idx="1238">
                  <c:v>41893</c:v>
                </c:pt>
                <c:pt idx="1239">
                  <c:v>41894</c:v>
                </c:pt>
                <c:pt idx="1240">
                  <c:v>41897</c:v>
                </c:pt>
                <c:pt idx="1241">
                  <c:v>41898</c:v>
                </c:pt>
                <c:pt idx="1242">
                  <c:v>41899</c:v>
                </c:pt>
                <c:pt idx="1243">
                  <c:v>41900</c:v>
                </c:pt>
                <c:pt idx="1244">
                  <c:v>41901</c:v>
                </c:pt>
                <c:pt idx="1245">
                  <c:v>41904</c:v>
                </c:pt>
                <c:pt idx="1246">
                  <c:v>41905</c:v>
                </c:pt>
                <c:pt idx="1247">
                  <c:v>41906</c:v>
                </c:pt>
                <c:pt idx="1248">
                  <c:v>41907</c:v>
                </c:pt>
                <c:pt idx="1249">
                  <c:v>41908</c:v>
                </c:pt>
                <c:pt idx="1250">
                  <c:v>41911</c:v>
                </c:pt>
                <c:pt idx="1251">
                  <c:v>41912</c:v>
                </c:pt>
                <c:pt idx="1252">
                  <c:v>41913</c:v>
                </c:pt>
                <c:pt idx="1253">
                  <c:v>41914</c:v>
                </c:pt>
                <c:pt idx="1254">
                  <c:v>41915</c:v>
                </c:pt>
                <c:pt idx="1255">
                  <c:v>41918</c:v>
                </c:pt>
                <c:pt idx="1256">
                  <c:v>41919</c:v>
                </c:pt>
                <c:pt idx="1257">
                  <c:v>41920</c:v>
                </c:pt>
                <c:pt idx="1258">
                  <c:v>41921</c:v>
                </c:pt>
                <c:pt idx="1259">
                  <c:v>41922</c:v>
                </c:pt>
                <c:pt idx="1260">
                  <c:v>41925</c:v>
                </c:pt>
                <c:pt idx="1261">
                  <c:v>41926</c:v>
                </c:pt>
                <c:pt idx="1262">
                  <c:v>41927</c:v>
                </c:pt>
                <c:pt idx="1263">
                  <c:v>41928</c:v>
                </c:pt>
                <c:pt idx="1264">
                  <c:v>41929</c:v>
                </c:pt>
                <c:pt idx="1265">
                  <c:v>41932</c:v>
                </c:pt>
                <c:pt idx="1266">
                  <c:v>41933</c:v>
                </c:pt>
                <c:pt idx="1267">
                  <c:v>41934</c:v>
                </c:pt>
                <c:pt idx="1268">
                  <c:v>41935</c:v>
                </c:pt>
                <c:pt idx="1269">
                  <c:v>41936</c:v>
                </c:pt>
                <c:pt idx="1270">
                  <c:v>41939</c:v>
                </c:pt>
                <c:pt idx="1271">
                  <c:v>41940</c:v>
                </c:pt>
                <c:pt idx="1272">
                  <c:v>41941</c:v>
                </c:pt>
                <c:pt idx="1273">
                  <c:v>41942</c:v>
                </c:pt>
                <c:pt idx="1274">
                  <c:v>41943</c:v>
                </c:pt>
                <c:pt idx="1275">
                  <c:v>41946</c:v>
                </c:pt>
                <c:pt idx="1276">
                  <c:v>41947</c:v>
                </c:pt>
                <c:pt idx="1277">
                  <c:v>41948</c:v>
                </c:pt>
                <c:pt idx="1278">
                  <c:v>41949</c:v>
                </c:pt>
                <c:pt idx="1279">
                  <c:v>41950</c:v>
                </c:pt>
                <c:pt idx="1280">
                  <c:v>41953</c:v>
                </c:pt>
                <c:pt idx="1281">
                  <c:v>41954</c:v>
                </c:pt>
                <c:pt idx="1282">
                  <c:v>41955</c:v>
                </c:pt>
                <c:pt idx="1283">
                  <c:v>41956</c:v>
                </c:pt>
                <c:pt idx="1284">
                  <c:v>41957</c:v>
                </c:pt>
                <c:pt idx="1285">
                  <c:v>41960</c:v>
                </c:pt>
                <c:pt idx="1286">
                  <c:v>41961</c:v>
                </c:pt>
                <c:pt idx="1287">
                  <c:v>41962</c:v>
                </c:pt>
                <c:pt idx="1288">
                  <c:v>41963</c:v>
                </c:pt>
                <c:pt idx="1289">
                  <c:v>41964</c:v>
                </c:pt>
                <c:pt idx="1290">
                  <c:v>41967</c:v>
                </c:pt>
                <c:pt idx="1291">
                  <c:v>41968</c:v>
                </c:pt>
                <c:pt idx="1292">
                  <c:v>41969</c:v>
                </c:pt>
                <c:pt idx="1293">
                  <c:v>41970</c:v>
                </c:pt>
                <c:pt idx="1294">
                  <c:v>41971</c:v>
                </c:pt>
                <c:pt idx="1295">
                  <c:v>41973</c:v>
                </c:pt>
                <c:pt idx="1296">
                  <c:v>41974</c:v>
                </c:pt>
                <c:pt idx="1297">
                  <c:v>41975</c:v>
                </c:pt>
                <c:pt idx="1298">
                  <c:v>41976</c:v>
                </c:pt>
                <c:pt idx="1299">
                  <c:v>41977</c:v>
                </c:pt>
                <c:pt idx="1300">
                  <c:v>41978</c:v>
                </c:pt>
                <c:pt idx="1301">
                  <c:v>41981</c:v>
                </c:pt>
                <c:pt idx="1302">
                  <c:v>41982</c:v>
                </c:pt>
                <c:pt idx="1303">
                  <c:v>41983</c:v>
                </c:pt>
                <c:pt idx="1304">
                  <c:v>41984</c:v>
                </c:pt>
                <c:pt idx="1305">
                  <c:v>41985</c:v>
                </c:pt>
                <c:pt idx="1306">
                  <c:v>41988</c:v>
                </c:pt>
                <c:pt idx="1307">
                  <c:v>41989</c:v>
                </c:pt>
                <c:pt idx="1308">
                  <c:v>41990</c:v>
                </c:pt>
                <c:pt idx="1309">
                  <c:v>41991</c:v>
                </c:pt>
                <c:pt idx="1310">
                  <c:v>41992</c:v>
                </c:pt>
                <c:pt idx="1311">
                  <c:v>41995</c:v>
                </c:pt>
                <c:pt idx="1312">
                  <c:v>41996</c:v>
                </c:pt>
                <c:pt idx="1313">
                  <c:v>41997</c:v>
                </c:pt>
                <c:pt idx="1315">
                  <c:v>41999</c:v>
                </c:pt>
                <c:pt idx="1316">
                  <c:v>42002</c:v>
                </c:pt>
                <c:pt idx="1317">
                  <c:v>42003</c:v>
                </c:pt>
                <c:pt idx="1318">
                  <c:v>42004</c:v>
                </c:pt>
                <c:pt idx="1320">
                  <c:v>42006</c:v>
                </c:pt>
                <c:pt idx="1321">
                  <c:v>42009</c:v>
                </c:pt>
                <c:pt idx="1322">
                  <c:v>42010</c:v>
                </c:pt>
                <c:pt idx="1323">
                  <c:v>42011</c:v>
                </c:pt>
                <c:pt idx="1324">
                  <c:v>42012</c:v>
                </c:pt>
                <c:pt idx="1325">
                  <c:v>42013</c:v>
                </c:pt>
                <c:pt idx="1326">
                  <c:v>42016</c:v>
                </c:pt>
                <c:pt idx="1327">
                  <c:v>42017</c:v>
                </c:pt>
                <c:pt idx="1328">
                  <c:v>42018</c:v>
                </c:pt>
                <c:pt idx="1329">
                  <c:v>42019</c:v>
                </c:pt>
                <c:pt idx="1331">
                  <c:v>42023</c:v>
                </c:pt>
                <c:pt idx="1332">
                  <c:v>42024</c:v>
                </c:pt>
                <c:pt idx="1333">
                  <c:v>42025</c:v>
                </c:pt>
                <c:pt idx="1334">
                  <c:v>42026</c:v>
                </c:pt>
                <c:pt idx="1335">
                  <c:v>42027</c:v>
                </c:pt>
                <c:pt idx="1336">
                  <c:v>42030</c:v>
                </c:pt>
                <c:pt idx="1337">
                  <c:v>42031</c:v>
                </c:pt>
                <c:pt idx="1338">
                  <c:v>42032</c:v>
                </c:pt>
                <c:pt idx="1339">
                  <c:v>42033</c:v>
                </c:pt>
                <c:pt idx="1340">
                  <c:v>42034</c:v>
                </c:pt>
                <c:pt idx="1341">
                  <c:v>42035</c:v>
                </c:pt>
                <c:pt idx="1342">
                  <c:v>42037</c:v>
                </c:pt>
                <c:pt idx="1343">
                  <c:v>42038</c:v>
                </c:pt>
                <c:pt idx="1344">
                  <c:v>42039</c:v>
                </c:pt>
                <c:pt idx="1345">
                  <c:v>42040</c:v>
                </c:pt>
                <c:pt idx="1346">
                  <c:v>42041</c:v>
                </c:pt>
                <c:pt idx="1347">
                  <c:v>42044</c:v>
                </c:pt>
                <c:pt idx="1348">
                  <c:v>42045</c:v>
                </c:pt>
                <c:pt idx="1349">
                  <c:v>42046</c:v>
                </c:pt>
                <c:pt idx="1350">
                  <c:v>42047</c:v>
                </c:pt>
                <c:pt idx="1351">
                  <c:v>42048</c:v>
                </c:pt>
                <c:pt idx="1352">
                  <c:v>42051</c:v>
                </c:pt>
                <c:pt idx="1353">
                  <c:v>42052</c:v>
                </c:pt>
                <c:pt idx="1354">
                  <c:v>42053</c:v>
                </c:pt>
                <c:pt idx="1355">
                  <c:v>42054</c:v>
                </c:pt>
                <c:pt idx="1356">
                  <c:v>42055</c:v>
                </c:pt>
                <c:pt idx="1357">
                  <c:v>42058</c:v>
                </c:pt>
                <c:pt idx="1358">
                  <c:v>42059</c:v>
                </c:pt>
                <c:pt idx="1359">
                  <c:v>42060</c:v>
                </c:pt>
                <c:pt idx="1360">
                  <c:v>42061</c:v>
                </c:pt>
                <c:pt idx="1361">
                  <c:v>42062</c:v>
                </c:pt>
                <c:pt idx="1362">
                  <c:v>42063</c:v>
                </c:pt>
                <c:pt idx="1363">
                  <c:v>42065</c:v>
                </c:pt>
                <c:pt idx="1364">
                  <c:v>42066</c:v>
                </c:pt>
                <c:pt idx="1365">
                  <c:v>42067</c:v>
                </c:pt>
                <c:pt idx="1366">
                  <c:v>42068</c:v>
                </c:pt>
                <c:pt idx="1367">
                  <c:v>42069</c:v>
                </c:pt>
                <c:pt idx="1368">
                  <c:v>42072</c:v>
                </c:pt>
                <c:pt idx="1369">
                  <c:v>42073</c:v>
                </c:pt>
                <c:pt idx="1370">
                  <c:v>42074</c:v>
                </c:pt>
                <c:pt idx="1371">
                  <c:v>42075</c:v>
                </c:pt>
                <c:pt idx="1372">
                  <c:v>42076</c:v>
                </c:pt>
                <c:pt idx="1373">
                  <c:v>42079</c:v>
                </c:pt>
                <c:pt idx="1374">
                  <c:v>42080</c:v>
                </c:pt>
                <c:pt idx="1375">
                  <c:v>42081</c:v>
                </c:pt>
                <c:pt idx="1376">
                  <c:v>42082</c:v>
                </c:pt>
                <c:pt idx="1377">
                  <c:v>42083</c:v>
                </c:pt>
                <c:pt idx="1378">
                  <c:v>42086</c:v>
                </c:pt>
                <c:pt idx="1379">
                  <c:v>42087</c:v>
                </c:pt>
                <c:pt idx="1380">
                  <c:v>42088</c:v>
                </c:pt>
                <c:pt idx="1381">
                  <c:v>42089</c:v>
                </c:pt>
                <c:pt idx="1382">
                  <c:v>42090</c:v>
                </c:pt>
                <c:pt idx="1383">
                  <c:v>42093</c:v>
                </c:pt>
                <c:pt idx="1384">
                  <c:v>42094</c:v>
                </c:pt>
                <c:pt idx="1385">
                  <c:v>42095</c:v>
                </c:pt>
                <c:pt idx="1386">
                  <c:v>42096</c:v>
                </c:pt>
                <c:pt idx="1388">
                  <c:v>42100</c:v>
                </c:pt>
                <c:pt idx="1389">
                  <c:v>42101</c:v>
                </c:pt>
                <c:pt idx="1390">
                  <c:v>42102</c:v>
                </c:pt>
                <c:pt idx="1391">
                  <c:v>42103</c:v>
                </c:pt>
                <c:pt idx="1392">
                  <c:v>42104</c:v>
                </c:pt>
                <c:pt idx="1393">
                  <c:v>42107</c:v>
                </c:pt>
                <c:pt idx="1394">
                  <c:v>42108</c:v>
                </c:pt>
                <c:pt idx="1395">
                  <c:v>42109</c:v>
                </c:pt>
                <c:pt idx="1396">
                  <c:v>42110</c:v>
                </c:pt>
                <c:pt idx="1397">
                  <c:v>42111</c:v>
                </c:pt>
                <c:pt idx="1398">
                  <c:v>42114</c:v>
                </c:pt>
                <c:pt idx="1399">
                  <c:v>42115</c:v>
                </c:pt>
                <c:pt idx="1400">
                  <c:v>42116</c:v>
                </c:pt>
                <c:pt idx="1401">
                  <c:v>42117</c:v>
                </c:pt>
                <c:pt idx="1402">
                  <c:v>42118</c:v>
                </c:pt>
                <c:pt idx="1403">
                  <c:v>42121</c:v>
                </c:pt>
                <c:pt idx="1404">
                  <c:v>42122</c:v>
                </c:pt>
                <c:pt idx="1405">
                  <c:v>42123</c:v>
                </c:pt>
                <c:pt idx="1406">
                  <c:v>42124</c:v>
                </c:pt>
                <c:pt idx="1407">
                  <c:v>42125</c:v>
                </c:pt>
                <c:pt idx="1408">
                  <c:v>42128</c:v>
                </c:pt>
                <c:pt idx="1409">
                  <c:v>42129</c:v>
                </c:pt>
                <c:pt idx="1410">
                  <c:v>42130</c:v>
                </c:pt>
                <c:pt idx="1411">
                  <c:v>42131</c:v>
                </c:pt>
                <c:pt idx="1412">
                  <c:v>42132</c:v>
                </c:pt>
                <c:pt idx="1413">
                  <c:v>42135</c:v>
                </c:pt>
                <c:pt idx="1414">
                  <c:v>42136</c:v>
                </c:pt>
                <c:pt idx="1415">
                  <c:v>42137</c:v>
                </c:pt>
                <c:pt idx="1416">
                  <c:v>42138</c:v>
                </c:pt>
                <c:pt idx="1417">
                  <c:v>42139</c:v>
                </c:pt>
                <c:pt idx="1418">
                  <c:v>42142</c:v>
                </c:pt>
                <c:pt idx="1419">
                  <c:v>42143</c:v>
                </c:pt>
                <c:pt idx="1420">
                  <c:v>42144</c:v>
                </c:pt>
                <c:pt idx="1421">
                  <c:v>42145</c:v>
                </c:pt>
                <c:pt idx="1422">
                  <c:v>42146</c:v>
                </c:pt>
                <c:pt idx="1424">
                  <c:v>42150</c:v>
                </c:pt>
                <c:pt idx="1425">
                  <c:v>42151</c:v>
                </c:pt>
                <c:pt idx="1426">
                  <c:v>42152</c:v>
                </c:pt>
                <c:pt idx="1427">
                  <c:v>42153</c:v>
                </c:pt>
                <c:pt idx="1428">
                  <c:v>42155</c:v>
                </c:pt>
                <c:pt idx="1429">
                  <c:v>42156</c:v>
                </c:pt>
                <c:pt idx="1430">
                  <c:v>42157</c:v>
                </c:pt>
                <c:pt idx="1431">
                  <c:v>42158</c:v>
                </c:pt>
                <c:pt idx="1432">
                  <c:v>42159</c:v>
                </c:pt>
                <c:pt idx="1433">
                  <c:v>42160</c:v>
                </c:pt>
                <c:pt idx="1434">
                  <c:v>42163</c:v>
                </c:pt>
                <c:pt idx="1435">
                  <c:v>42164</c:v>
                </c:pt>
                <c:pt idx="1436">
                  <c:v>42165</c:v>
                </c:pt>
                <c:pt idx="1437">
                  <c:v>42166</c:v>
                </c:pt>
                <c:pt idx="1438">
                  <c:v>42167</c:v>
                </c:pt>
                <c:pt idx="1439">
                  <c:v>42170</c:v>
                </c:pt>
                <c:pt idx="1440">
                  <c:v>42171</c:v>
                </c:pt>
                <c:pt idx="1441">
                  <c:v>42172</c:v>
                </c:pt>
                <c:pt idx="1442">
                  <c:v>42173</c:v>
                </c:pt>
                <c:pt idx="1443">
                  <c:v>42174</c:v>
                </c:pt>
                <c:pt idx="1444">
                  <c:v>42177</c:v>
                </c:pt>
                <c:pt idx="1445">
                  <c:v>42178</c:v>
                </c:pt>
                <c:pt idx="1446">
                  <c:v>42179</c:v>
                </c:pt>
                <c:pt idx="1447">
                  <c:v>42180</c:v>
                </c:pt>
                <c:pt idx="1448">
                  <c:v>42181</c:v>
                </c:pt>
                <c:pt idx="1449">
                  <c:v>42184</c:v>
                </c:pt>
                <c:pt idx="1450">
                  <c:v>42185</c:v>
                </c:pt>
                <c:pt idx="1451">
                  <c:v>42186</c:v>
                </c:pt>
                <c:pt idx="1452">
                  <c:v>42187</c:v>
                </c:pt>
                <c:pt idx="1453">
                  <c:v>42188</c:v>
                </c:pt>
                <c:pt idx="1454">
                  <c:v>42191</c:v>
                </c:pt>
                <c:pt idx="1455">
                  <c:v>42192</c:v>
                </c:pt>
                <c:pt idx="1456">
                  <c:v>42193</c:v>
                </c:pt>
                <c:pt idx="1457">
                  <c:v>42194</c:v>
                </c:pt>
                <c:pt idx="1458">
                  <c:v>42195</c:v>
                </c:pt>
                <c:pt idx="1459">
                  <c:v>42198</c:v>
                </c:pt>
                <c:pt idx="1460">
                  <c:v>42199</c:v>
                </c:pt>
                <c:pt idx="1461">
                  <c:v>42200</c:v>
                </c:pt>
                <c:pt idx="1462">
                  <c:v>42201</c:v>
                </c:pt>
                <c:pt idx="1463">
                  <c:v>42202</c:v>
                </c:pt>
                <c:pt idx="1464">
                  <c:v>42205</c:v>
                </c:pt>
                <c:pt idx="1465">
                  <c:v>42206</c:v>
                </c:pt>
                <c:pt idx="1466">
                  <c:v>42207</c:v>
                </c:pt>
                <c:pt idx="1467">
                  <c:v>42208</c:v>
                </c:pt>
                <c:pt idx="1468">
                  <c:v>42209</c:v>
                </c:pt>
                <c:pt idx="1469">
                  <c:v>42212</c:v>
                </c:pt>
                <c:pt idx="1470">
                  <c:v>42213</c:v>
                </c:pt>
                <c:pt idx="1471">
                  <c:v>42214</c:v>
                </c:pt>
                <c:pt idx="1472">
                  <c:v>42215</c:v>
                </c:pt>
                <c:pt idx="1473">
                  <c:v>42216</c:v>
                </c:pt>
                <c:pt idx="1474">
                  <c:v>42219</c:v>
                </c:pt>
                <c:pt idx="1475">
                  <c:v>42220</c:v>
                </c:pt>
                <c:pt idx="1476">
                  <c:v>42221</c:v>
                </c:pt>
                <c:pt idx="1477">
                  <c:v>42222</c:v>
                </c:pt>
                <c:pt idx="1478">
                  <c:v>42223</c:v>
                </c:pt>
                <c:pt idx="1479">
                  <c:v>42226</c:v>
                </c:pt>
                <c:pt idx="1480">
                  <c:v>42227</c:v>
                </c:pt>
                <c:pt idx="1481">
                  <c:v>42228</c:v>
                </c:pt>
                <c:pt idx="1482">
                  <c:v>42229</c:v>
                </c:pt>
                <c:pt idx="1483">
                  <c:v>42230</c:v>
                </c:pt>
                <c:pt idx="1484">
                  <c:v>42233</c:v>
                </c:pt>
                <c:pt idx="1485">
                  <c:v>42234</c:v>
                </c:pt>
                <c:pt idx="1486">
                  <c:v>42235</c:v>
                </c:pt>
                <c:pt idx="1487">
                  <c:v>42236</c:v>
                </c:pt>
                <c:pt idx="1488">
                  <c:v>42237</c:v>
                </c:pt>
                <c:pt idx="1489">
                  <c:v>42240</c:v>
                </c:pt>
                <c:pt idx="1490">
                  <c:v>42241</c:v>
                </c:pt>
                <c:pt idx="1491">
                  <c:v>42242</c:v>
                </c:pt>
                <c:pt idx="1492">
                  <c:v>42243</c:v>
                </c:pt>
                <c:pt idx="1493">
                  <c:v>42244</c:v>
                </c:pt>
                <c:pt idx="1494">
                  <c:v>42247</c:v>
                </c:pt>
                <c:pt idx="1495">
                  <c:v>42248</c:v>
                </c:pt>
                <c:pt idx="1496">
                  <c:v>42249</c:v>
                </c:pt>
                <c:pt idx="1497">
                  <c:v>42250</c:v>
                </c:pt>
                <c:pt idx="1498">
                  <c:v>42251</c:v>
                </c:pt>
                <c:pt idx="1499">
                  <c:v>42254</c:v>
                </c:pt>
                <c:pt idx="1500">
                  <c:v>42255</c:v>
                </c:pt>
                <c:pt idx="1501">
                  <c:v>42256</c:v>
                </c:pt>
                <c:pt idx="1502">
                  <c:v>42257</c:v>
                </c:pt>
                <c:pt idx="1503">
                  <c:v>42258</c:v>
                </c:pt>
                <c:pt idx="1504">
                  <c:v>42261</c:v>
                </c:pt>
                <c:pt idx="1505">
                  <c:v>42262</c:v>
                </c:pt>
                <c:pt idx="1506">
                  <c:v>42263</c:v>
                </c:pt>
                <c:pt idx="1507">
                  <c:v>42264</c:v>
                </c:pt>
                <c:pt idx="1508">
                  <c:v>42265</c:v>
                </c:pt>
                <c:pt idx="1509">
                  <c:v>42268</c:v>
                </c:pt>
                <c:pt idx="1510">
                  <c:v>42269</c:v>
                </c:pt>
                <c:pt idx="1511">
                  <c:v>42270</c:v>
                </c:pt>
                <c:pt idx="1512">
                  <c:v>42271</c:v>
                </c:pt>
                <c:pt idx="1513">
                  <c:v>42272</c:v>
                </c:pt>
                <c:pt idx="1514">
                  <c:v>42275</c:v>
                </c:pt>
                <c:pt idx="1515">
                  <c:v>42276</c:v>
                </c:pt>
                <c:pt idx="1516">
                  <c:v>42277</c:v>
                </c:pt>
                <c:pt idx="1517">
                  <c:v>42278</c:v>
                </c:pt>
                <c:pt idx="1518">
                  <c:v>42279</c:v>
                </c:pt>
                <c:pt idx="1519">
                  <c:v>42282</c:v>
                </c:pt>
                <c:pt idx="1520">
                  <c:v>42283</c:v>
                </c:pt>
                <c:pt idx="1521">
                  <c:v>42284</c:v>
                </c:pt>
                <c:pt idx="1522">
                  <c:v>42285</c:v>
                </c:pt>
                <c:pt idx="1523">
                  <c:v>42286</c:v>
                </c:pt>
                <c:pt idx="1524">
                  <c:v>42289</c:v>
                </c:pt>
                <c:pt idx="1525">
                  <c:v>42290</c:v>
                </c:pt>
                <c:pt idx="1526">
                  <c:v>42291</c:v>
                </c:pt>
                <c:pt idx="1527">
                  <c:v>42292</c:v>
                </c:pt>
                <c:pt idx="1528">
                  <c:v>42293</c:v>
                </c:pt>
                <c:pt idx="1529">
                  <c:v>42296</c:v>
                </c:pt>
                <c:pt idx="1530">
                  <c:v>42297</c:v>
                </c:pt>
                <c:pt idx="1531">
                  <c:v>42298</c:v>
                </c:pt>
                <c:pt idx="1532">
                  <c:v>42299</c:v>
                </c:pt>
                <c:pt idx="1533">
                  <c:v>42300</c:v>
                </c:pt>
                <c:pt idx="1534">
                  <c:v>42303</c:v>
                </c:pt>
                <c:pt idx="1535">
                  <c:v>42304</c:v>
                </c:pt>
                <c:pt idx="1536">
                  <c:v>42305</c:v>
                </c:pt>
                <c:pt idx="1537">
                  <c:v>42306</c:v>
                </c:pt>
                <c:pt idx="1538">
                  <c:v>42307</c:v>
                </c:pt>
                <c:pt idx="1539">
                  <c:v>42308</c:v>
                </c:pt>
                <c:pt idx="1540">
                  <c:v>42310</c:v>
                </c:pt>
                <c:pt idx="1541">
                  <c:v>42311</c:v>
                </c:pt>
                <c:pt idx="1542">
                  <c:v>42312</c:v>
                </c:pt>
                <c:pt idx="1543">
                  <c:v>42313</c:v>
                </c:pt>
                <c:pt idx="1544">
                  <c:v>42314</c:v>
                </c:pt>
                <c:pt idx="1545">
                  <c:v>42317</c:v>
                </c:pt>
                <c:pt idx="1546">
                  <c:v>42318</c:v>
                </c:pt>
                <c:pt idx="1547">
                  <c:v>42319</c:v>
                </c:pt>
                <c:pt idx="1548">
                  <c:v>42320</c:v>
                </c:pt>
                <c:pt idx="1549">
                  <c:v>42321</c:v>
                </c:pt>
                <c:pt idx="1550">
                  <c:v>42324</c:v>
                </c:pt>
                <c:pt idx="1551">
                  <c:v>42325</c:v>
                </c:pt>
                <c:pt idx="1552">
                  <c:v>42326</c:v>
                </c:pt>
                <c:pt idx="1553">
                  <c:v>42327</c:v>
                </c:pt>
                <c:pt idx="1554">
                  <c:v>42328</c:v>
                </c:pt>
                <c:pt idx="1555">
                  <c:v>42331</c:v>
                </c:pt>
                <c:pt idx="1556">
                  <c:v>42332</c:v>
                </c:pt>
                <c:pt idx="1557">
                  <c:v>42333</c:v>
                </c:pt>
                <c:pt idx="1558">
                  <c:v>42334</c:v>
                </c:pt>
                <c:pt idx="1559">
                  <c:v>42335</c:v>
                </c:pt>
                <c:pt idx="1560">
                  <c:v>42338</c:v>
                </c:pt>
                <c:pt idx="1561">
                  <c:v>42339</c:v>
                </c:pt>
                <c:pt idx="1562">
                  <c:v>42340</c:v>
                </c:pt>
                <c:pt idx="1563">
                  <c:v>42341</c:v>
                </c:pt>
                <c:pt idx="1564">
                  <c:v>42342</c:v>
                </c:pt>
                <c:pt idx="1565">
                  <c:v>42345</c:v>
                </c:pt>
                <c:pt idx="1566">
                  <c:v>42346</c:v>
                </c:pt>
                <c:pt idx="1567">
                  <c:v>42347</c:v>
                </c:pt>
                <c:pt idx="1568">
                  <c:v>42348</c:v>
                </c:pt>
                <c:pt idx="1569">
                  <c:v>42349</c:v>
                </c:pt>
                <c:pt idx="1570">
                  <c:v>42352</c:v>
                </c:pt>
                <c:pt idx="1571">
                  <c:v>42353</c:v>
                </c:pt>
                <c:pt idx="1572">
                  <c:v>42354</c:v>
                </c:pt>
                <c:pt idx="1573">
                  <c:v>42355</c:v>
                </c:pt>
                <c:pt idx="1574">
                  <c:v>42356</c:v>
                </c:pt>
                <c:pt idx="1575">
                  <c:v>42359</c:v>
                </c:pt>
                <c:pt idx="1576">
                  <c:v>42360</c:v>
                </c:pt>
                <c:pt idx="1577">
                  <c:v>42361</c:v>
                </c:pt>
                <c:pt idx="1578">
                  <c:v>42362</c:v>
                </c:pt>
                <c:pt idx="1580">
                  <c:v>42366</c:v>
                </c:pt>
                <c:pt idx="1581">
                  <c:v>42367</c:v>
                </c:pt>
                <c:pt idx="1582">
                  <c:v>42368</c:v>
                </c:pt>
                <c:pt idx="1583">
                  <c:v>42369</c:v>
                </c:pt>
                <c:pt idx="1585">
                  <c:v>42373</c:v>
                </c:pt>
                <c:pt idx="1586">
                  <c:v>42374</c:v>
                </c:pt>
                <c:pt idx="1587">
                  <c:v>42375</c:v>
                </c:pt>
                <c:pt idx="1588">
                  <c:v>42376</c:v>
                </c:pt>
                <c:pt idx="1589">
                  <c:v>42377</c:v>
                </c:pt>
                <c:pt idx="1590">
                  <c:v>42380</c:v>
                </c:pt>
                <c:pt idx="1591">
                  <c:v>42381</c:v>
                </c:pt>
                <c:pt idx="1592">
                  <c:v>42382</c:v>
                </c:pt>
                <c:pt idx="1593">
                  <c:v>42383</c:v>
                </c:pt>
                <c:pt idx="1594">
                  <c:v>42384</c:v>
                </c:pt>
                <c:pt idx="1595">
                  <c:v>42387</c:v>
                </c:pt>
                <c:pt idx="1596">
                  <c:v>42388</c:v>
                </c:pt>
                <c:pt idx="1597">
                  <c:v>42389</c:v>
                </c:pt>
                <c:pt idx="1598">
                  <c:v>42390</c:v>
                </c:pt>
                <c:pt idx="1599">
                  <c:v>42391</c:v>
                </c:pt>
                <c:pt idx="1600">
                  <c:v>42394</c:v>
                </c:pt>
                <c:pt idx="1601">
                  <c:v>42395</c:v>
                </c:pt>
                <c:pt idx="1602">
                  <c:v>42396</c:v>
                </c:pt>
                <c:pt idx="1603">
                  <c:v>42397</c:v>
                </c:pt>
                <c:pt idx="1604">
                  <c:v>42398</c:v>
                </c:pt>
                <c:pt idx="1605">
                  <c:v>42400</c:v>
                </c:pt>
                <c:pt idx="1606">
                  <c:v>42401</c:v>
                </c:pt>
                <c:pt idx="1607">
                  <c:v>42402</c:v>
                </c:pt>
                <c:pt idx="1608">
                  <c:v>42403</c:v>
                </c:pt>
                <c:pt idx="1609">
                  <c:v>42404</c:v>
                </c:pt>
                <c:pt idx="1610">
                  <c:v>42405</c:v>
                </c:pt>
                <c:pt idx="1611">
                  <c:v>42408</c:v>
                </c:pt>
                <c:pt idx="1612">
                  <c:v>42409</c:v>
                </c:pt>
                <c:pt idx="1613">
                  <c:v>42410</c:v>
                </c:pt>
                <c:pt idx="1614">
                  <c:v>42411</c:v>
                </c:pt>
                <c:pt idx="1615">
                  <c:v>42412</c:v>
                </c:pt>
                <c:pt idx="1616">
                  <c:v>42415</c:v>
                </c:pt>
                <c:pt idx="1617">
                  <c:v>42416</c:v>
                </c:pt>
                <c:pt idx="1618">
                  <c:v>42417</c:v>
                </c:pt>
                <c:pt idx="1619">
                  <c:v>42418</c:v>
                </c:pt>
                <c:pt idx="1620">
                  <c:v>42419</c:v>
                </c:pt>
                <c:pt idx="1621">
                  <c:v>42422</c:v>
                </c:pt>
                <c:pt idx="1622">
                  <c:v>42423</c:v>
                </c:pt>
                <c:pt idx="1623">
                  <c:v>42424</c:v>
                </c:pt>
                <c:pt idx="1624">
                  <c:v>42425</c:v>
                </c:pt>
                <c:pt idx="1625">
                  <c:v>42426</c:v>
                </c:pt>
                <c:pt idx="1626">
                  <c:v>42429</c:v>
                </c:pt>
                <c:pt idx="1627">
                  <c:v>42430</c:v>
                </c:pt>
                <c:pt idx="1628">
                  <c:v>42431</c:v>
                </c:pt>
                <c:pt idx="1629">
                  <c:v>42432</c:v>
                </c:pt>
                <c:pt idx="1630">
                  <c:v>42433</c:v>
                </c:pt>
                <c:pt idx="1631">
                  <c:v>42436</c:v>
                </c:pt>
                <c:pt idx="1632">
                  <c:v>42437</c:v>
                </c:pt>
                <c:pt idx="1633">
                  <c:v>42438</c:v>
                </c:pt>
                <c:pt idx="1634">
                  <c:v>42439</c:v>
                </c:pt>
                <c:pt idx="1635">
                  <c:v>42440</c:v>
                </c:pt>
                <c:pt idx="1636">
                  <c:v>42443</c:v>
                </c:pt>
                <c:pt idx="1637">
                  <c:v>42444</c:v>
                </c:pt>
                <c:pt idx="1638">
                  <c:v>42445</c:v>
                </c:pt>
                <c:pt idx="1639">
                  <c:v>42446</c:v>
                </c:pt>
                <c:pt idx="1640">
                  <c:v>42447</c:v>
                </c:pt>
                <c:pt idx="1641">
                  <c:v>42450</c:v>
                </c:pt>
                <c:pt idx="1642">
                  <c:v>42451</c:v>
                </c:pt>
                <c:pt idx="1643">
                  <c:v>42452</c:v>
                </c:pt>
                <c:pt idx="1644">
                  <c:v>42453</c:v>
                </c:pt>
                <c:pt idx="1646">
                  <c:v>42457</c:v>
                </c:pt>
                <c:pt idx="1647">
                  <c:v>42458</c:v>
                </c:pt>
                <c:pt idx="1648">
                  <c:v>42459</c:v>
                </c:pt>
                <c:pt idx="1649">
                  <c:v>42460</c:v>
                </c:pt>
                <c:pt idx="1650">
                  <c:v>42461</c:v>
                </c:pt>
                <c:pt idx="1651">
                  <c:v>42464</c:v>
                </c:pt>
                <c:pt idx="1652">
                  <c:v>42465</c:v>
                </c:pt>
                <c:pt idx="1653">
                  <c:v>42466</c:v>
                </c:pt>
                <c:pt idx="1654">
                  <c:v>42467</c:v>
                </c:pt>
                <c:pt idx="1655">
                  <c:v>42468</c:v>
                </c:pt>
                <c:pt idx="1656">
                  <c:v>42471</c:v>
                </c:pt>
                <c:pt idx="1657">
                  <c:v>42472</c:v>
                </c:pt>
                <c:pt idx="1658">
                  <c:v>42473</c:v>
                </c:pt>
                <c:pt idx="1659">
                  <c:v>42474</c:v>
                </c:pt>
                <c:pt idx="1660">
                  <c:v>42475</c:v>
                </c:pt>
                <c:pt idx="1661">
                  <c:v>42478</c:v>
                </c:pt>
                <c:pt idx="1662">
                  <c:v>42479</c:v>
                </c:pt>
                <c:pt idx="1663">
                  <c:v>42480</c:v>
                </c:pt>
                <c:pt idx="1664">
                  <c:v>42481</c:v>
                </c:pt>
                <c:pt idx="1665">
                  <c:v>42482</c:v>
                </c:pt>
                <c:pt idx="1666">
                  <c:v>42485</c:v>
                </c:pt>
                <c:pt idx="1667">
                  <c:v>42486</c:v>
                </c:pt>
                <c:pt idx="1668">
                  <c:v>42487</c:v>
                </c:pt>
                <c:pt idx="1669">
                  <c:v>42488</c:v>
                </c:pt>
                <c:pt idx="1670">
                  <c:v>42489</c:v>
                </c:pt>
                <c:pt idx="1671">
                  <c:v>42490</c:v>
                </c:pt>
                <c:pt idx="1672">
                  <c:v>42492</c:v>
                </c:pt>
                <c:pt idx="1673">
                  <c:v>42493</c:v>
                </c:pt>
                <c:pt idx="1674">
                  <c:v>42494</c:v>
                </c:pt>
                <c:pt idx="1675">
                  <c:v>42495</c:v>
                </c:pt>
                <c:pt idx="1676">
                  <c:v>42496</c:v>
                </c:pt>
                <c:pt idx="1677">
                  <c:v>42499</c:v>
                </c:pt>
                <c:pt idx="1678">
                  <c:v>42500</c:v>
                </c:pt>
                <c:pt idx="1679">
                  <c:v>42501</c:v>
                </c:pt>
                <c:pt idx="1680">
                  <c:v>42502</c:v>
                </c:pt>
                <c:pt idx="1681">
                  <c:v>42503</c:v>
                </c:pt>
                <c:pt idx="1682">
                  <c:v>42506</c:v>
                </c:pt>
                <c:pt idx="1683">
                  <c:v>42507</c:v>
                </c:pt>
                <c:pt idx="1684">
                  <c:v>42508</c:v>
                </c:pt>
                <c:pt idx="1685">
                  <c:v>42509</c:v>
                </c:pt>
                <c:pt idx="1686">
                  <c:v>42510</c:v>
                </c:pt>
                <c:pt idx="1687">
                  <c:v>42513</c:v>
                </c:pt>
                <c:pt idx="1688">
                  <c:v>42514</c:v>
                </c:pt>
                <c:pt idx="1689">
                  <c:v>42515</c:v>
                </c:pt>
                <c:pt idx="1690">
                  <c:v>42516</c:v>
                </c:pt>
                <c:pt idx="1691">
                  <c:v>42517</c:v>
                </c:pt>
                <c:pt idx="1692">
                  <c:v>42520</c:v>
                </c:pt>
                <c:pt idx="1693">
                  <c:v>42521</c:v>
                </c:pt>
                <c:pt idx="1694">
                  <c:v>42522</c:v>
                </c:pt>
                <c:pt idx="1695">
                  <c:v>42523</c:v>
                </c:pt>
                <c:pt idx="1696">
                  <c:v>42524</c:v>
                </c:pt>
                <c:pt idx="1697">
                  <c:v>42527</c:v>
                </c:pt>
                <c:pt idx="1698">
                  <c:v>42528</c:v>
                </c:pt>
                <c:pt idx="1699">
                  <c:v>42529</c:v>
                </c:pt>
                <c:pt idx="1700">
                  <c:v>42530</c:v>
                </c:pt>
                <c:pt idx="1701">
                  <c:v>42531</c:v>
                </c:pt>
                <c:pt idx="1702">
                  <c:v>42534</c:v>
                </c:pt>
                <c:pt idx="1703">
                  <c:v>42535</c:v>
                </c:pt>
                <c:pt idx="1704">
                  <c:v>42536</c:v>
                </c:pt>
                <c:pt idx="1705">
                  <c:v>42537</c:v>
                </c:pt>
                <c:pt idx="1706">
                  <c:v>42538</c:v>
                </c:pt>
                <c:pt idx="1707">
                  <c:v>42541</c:v>
                </c:pt>
                <c:pt idx="1708">
                  <c:v>42542</c:v>
                </c:pt>
                <c:pt idx="1709">
                  <c:v>42543</c:v>
                </c:pt>
                <c:pt idx="1710">
                  <c:v>42544</c:v>
                </c:pt>
                <c:pt idx="1711">
                  <c:v>42545</c:v>
                </c:pt>
                <c:pt idx="1712">
                  <c:v>42548</c:v>
                </c:pt>
                <c:pt idx="1713">
                  <c:v>42549</c:v>
                </c:pt>
                <c:pt idx="1714">
                  <c:v>42550</c:v>
                </c:pt>
                <c:pt idx="1715">
                  <c:v>42551</c:v>
                </c:pt>
                <c:pt idx="1716">
                  <c:v>42552</c:v>
                </c:pt>
                <c:pt idx="1717">
                  <c:v>42555</c:v>
                </c:pt>
                <c:pt idx="1718">
                  <c:v>42556</c:v>
                </c:pt>
                <c:pt idx="1719">
                  <c:v>42557</c:v>
                </c:pt>
                <c:pt idx="1720">
                  <c:v>42558</c:v>
                </c:pt>
                <c:pt idx="1721">
                  <c:v>42559</c:v>
                </c:pt>
                <c:pt idx="1722">
                  <c:v>42562</c:v>
                </c:pt>
                <c:pt idx="1723">
                  <c:v>42563</c:v>
                </c:pt>
                <c:pt idx="1724">
                  <c:v>42564</c:v>
                </c:pt>
                <c:pt idx="1725">
                  <c:v>42565</c:v>
                </c:pt>
                <c:pt idx="1726">
                  <c:v>42566</c:v>
                </c:pt>
                <c:pt idx="1727">
                  <c:v>42569</c:v>
                </c:pt>
                <c:pt idx="1728">
                  <c:v>42570</c:v>
                </c:pt>
                <c:pt idx="1729">
                  <c:v>42571</c:v>
                </c:pt>
                <c:pt idx="1730">
                  <c:v>42572</c:v>
                </c:pt>
                <c:pt idx="1731">
                  <c:v>42573</c:v>
                </c:pt>
                <c:pt idx="1732">
                  <c:v>42576</c:v>
                </c:pt>
                <c:pt idx="1733">
                  <c:v>42577</c:v>
                </c:pt>
                <c:pt idx="1734">
                  <c:v>42578</c:v>
                </c:pt>
                <c:pt idx="1735">
                  <c:v>42579</c:v>
                </c:pt>
                <c:pt idx="1736">
                  <c:v>42580</c:v>
                </c:pt>
                <c:pt idx="1737">
                  <c:v>42582</c:v>
                </c:pt>
                <c:pt idx="1738">
                  <c:v>42583</c:v>
                </c:pt>
                <c:pt idx="1739">
                  <c:v>42584</c:v>
                </c:pt>
                <c:pt idx="1740">
                  <c:v>42585</c:v>
                </c:pt>
                <c:pt idx="1741">
                  <c:v>42586</c:v>
                </c:pt>
                <c:pt idx="1742">
                  <c:v>42587</c:v>
                </c:pt>
                <c:pt idx="1743">
                  <c:v>42590</c:v>
                </c:pt>
                <c:pt idx="1744">
                  <c:v>42591</c:v>
                </c:pt>
                <c:pt idx="1745">
                  <c:v>42592</c:v>
                </c:pt>
                <c:pt idx="1746">
                  <c:v>42593</c:v>
                </c:pt>
                <c:pt idx="1747">
                  <c:v>42594</c:v>
                </c:pt>
                <c:pt idx="1748">
                  <c:v>42597</c:v>
                </c:pt>
                <c:pt idx="1749">
                  <c:v>42598</c:v>
                </c:pt>
                <c:pt idx="1750">
                  <c:v>42599</c:v>
                </c:pt>
                <c:pt idx="1751">
                  <c:v>42600</c:v>
                </c:pt>
                <c:pt idx="1752">
                  <c:v>42601</c:v>
                </c:pt>
                <c:pt idx="1753">
                  <c:v>42604</c:v>
                </c:pt>
                <c:pt idx="1754">
                  <c:v>42605</c:v>
                </c:pt>
                <c:pt idx="1755">
                  <c:v>42606</c:v>
                </c:pt>
                <c:pt idx="1756">
                  <c:v>42607</c:v>
                </c:pt>
                <c:pt idx="1757">
                  <c:v>42608</c:v>
                </c:pt>
                <c:pt idx="1758">
                  <c:v>42611</c:v>
                </c:pt>
                <c:pt idx="1759">
                  <c:v>42612</c:v>
                </c:pt>
                <c:pt idx="1760">
                  <c:v>42613</c:v>
                </c:pt>
                <c:pt idx="1761">
                  <c:v>42614</c:v>
                </c:pt>
                <c:pt idx="1762">
                  <c:v>42615</c:v>
                </c:pt>
                <c:pt idx="1763">
                  <c:v>42618</c:v>
                </c:pt>
                <c:pt idx="1764">
                  <c:v>42619</c:v>
                </c:pt>
                <c:pt idx="1765">
                  <c:v>42620</c:v>
                </c:pt>
                <c:pt idx="1766">
                  <c:v>42621</c:v>
                </c:pt>
                <c:pt idx="1767">
                  <c:v>42622</c:v>
                </c:pt>
                <c:pt idx="1768">
                  <c:v>42625</c:v>
                </c:pt>
                <c:pt idx="1769">
                  <c:v>42626</c:v>
                </c:pt>
                <c:pt idx="1770">
                  <c:v>42627</c:v>
                </c:pt>
                <c:pt idx="1771">
                  <c:v>42628</c:v>
                </c:pt>
                <c:pt idx="1772">
                  <c:v>42629</c:v>
                </c:pt>
                <c:pt idx="1773">
                  <c:v>42632</c:v>
                </c:pt>
                <c:pt idx="1774">
                  <c:v>42633</c:v>
                </c:pt>
                <c:pt idx="1775">
                  <c:v>42634</c:v>
                </c:pt>
                <c:pt idx="1776">
                  <c:v>42635</c:v>
                </c:pt>
                <c:pt idx="1777">
                  <c:v>42636</c:v>
                </c:pt>
                <c:pt idx="1778">
                  <c:v>42639</c:v>
                </c:pt>
                <c:pt idx="1779">
                  <c:v>42640</c:v>
                </c:pt>
                <c:pt idx="1780">
                  <c:v>42641</c:v>
                </c:pt>
                <c:pt idx="1781">
                  <c:v>42642</c:v>
                </c:pt>
                <c:pt idx="1782">
                  <c:v>42643</c:v>
                </c:pt>
                <c:pt idx="1783">
                  <c:v>42646</c:v>
                </c:pt>
                <c:pt idx="1784">
                  <c:v>42647</c:v>
                </c:pt>
                <c:pt idx="1785">
                  <c:v>42648</c:v>
                </c:pt>
                <c:pt idx="1786">
                  <c:v>42649</c:v>
                </c:pt>
                <c:pt idx="1787">
                  <c:v>42650</c:v>
                </c:pt>
                <c:pt idx="1788">
                  <c:v>42653</c:v>
                </c:pt>
                <c:pt idx="1789">
                  <c:v>42654</c:v>
                </c:pt>
                <c:pt idx="1790">
                  <c:v>42655</c:v>
                </c:pt>
                <c:pt idx="1791">
                  <c:v>42656</c:v>
                </c:pt>
                <c:pt idx="1792">
                  <c:v>42657</c:v>
                </c:pt>
                <c:pt idx="1793">
                  <c:v>42660</c:v>
                </c:pt>
                <c:pt idx="1794">
                  <c:v>42661</c:v>
                </c:pt>
                <c:pt idx="1795">
                  <c:v>42662</c:v>
                </c:pt>
                <c:pt idx="1796">
                  <c:v>42663</c:v>
                </c:pt>
                <c:pt idx="1797">
                  <c:v>42664</c:v>
                </c:pt>
                <c:pt idx="1798">
                  <c:v>42667</c:v>
                </c:pt>
                <c:pt idx="1799">
                  <c:v>42668</c:v>
                </c:pt>
                <c:pt idx="1800">
                  <c:v>42669</c:v>
                </c:pt>
                <c:pt idx="1801">
                  <c:v>42670</c:v>
                </c:pt>
                <c:pt idx="1802">
                  <c:v>42671</c:v>
                </c:pt>
                <c:pt idx="1803">
                  <c:v>42674</c:v>
                </c:pt>
                <c:pt idx="1804">
                  <c:v>42675</c:v>
                </c:pt>
                <c:pt idx="1805">
                  <c:v>42676</c:v>
                </c:pt>
                <c:pt idx="1806">
                  <c:v>42677</c:v>
                </c:pt>
                <c:pt idx="1807">
                  <c:v>42678</c:v>
                </c:pt>
                <c:pt idx="1808">
                  <c:v>42681</c:v>
                </c:pt>
                <c:pt idx="1809">
                  <c:v>42682</c:v>
                </c:pt>
                <c:pt idx="1810">
                  <c:v>42683</c:v>
                </c:pt>
                <c:pt idx="1811">
                  <c:v>42684</c:v>
                </c:pt>
                <c:pt idx="1812">
                  <c:v>42685</c:v>
                </c:pt>
                <c:pt idx="1813">
                  <c:v>42688</c:v>
                </c:pt>
                <c:pt idx="1814">
                  <c:v>42689</c:v>
                </c:pt>
                <c:pt idx="1815">
                  <c:v>42690</c:v>
                </c:pt>
                <c:pt idx="1816">
                  <c:v>42691</c:v>
                </c:pt>
                <c:pt idx="1817">
                  <c:v>42692</c:v>
                </c:pt>
                <c:pt idx="1818">
                  <c:v>42695</c:v>
                </c:pt>
                <c:pt idx="1819">
                  <c:v>42696</c:v>
                </c:pt>
                <c:pt idx="1820">
                  <c:v>42697</c:v>
                </c:pt>
                <c:pt idx="1821">
                  <c:v>42698</c:v>
                </c:pt>
                <c:pt idx="1822">
                  <c:v>42699</c:v>
                </c:pt>
                <c:pt idx="1823">
                  <c:v>42702</c:v>
                </c:pt>
                <c:pt idx="1824">
                  <c:v>42703</c:v>
                </c:pt>
                <c:pt idx="1825">
                  <c:v>42704</c:v>
                </c:pt>
                <c:pt idx="1826">
                  <c:v>42705</c:v>
                </c:pt>
                <c:pt idx="1827">
                  <c:v>42706</c:v>
                </c:pt>
                <c:pt idx="1828">
                  <c:v>42709</c:v>
                </c:pt>
                <c:pt idx="1829">
                  <c:v>42710</c:v>
                </c:pt>
                <c:pt idx="1830">
                  <c:v>42711</c:v>
                </c:pt>
                <c:pt idx="1831">
                  <c:v>42712</c:v>
                </c:pt>
                <c:pt idx="1832">
                  <c:v>42713</c:v>
                </c:pt>
                <c:pt idx="1833">
                  <c:v>42716</c:v>
                </c:pt>
                <c:pt idx="1834">
                  <c:v>42717</c:v>
                </c:pt>
                <c:pt idx="1835">
                  <c:v>42718</c:v>
                </c:pt>
                <c:pt idx="1836">
                  <c:v>42719</c:v>
                </c:pt>
                <c:pt idx="1837">
                  <c:v>42720</c:v>
                </c:pt>
                <c:pt idx="1838">
                  <c:v>42723</c:v>
                </c:pt>
                <c:pt idx="1839">
                  <c:v>42724</c:v>
                </c:pt>
                <c:pt idx="1840">
                  <c:v>42725</c:v>
                </c:pt>
                <c:pt idx="1841">
                  <c:v>42726</c:v>
                </c:pt>
                <c:pt idx="1842">
                  <c:v>42727</c:v>
                </c:pt>
                <c:pt idx="1844">
                  <c:v>42731</c:v>
                </c:pt>
                <c:pt idx="1845">
                  <c:v>42732</c:v>
                </c:pt>
                <c:pt idx="1846">
                  <c:v>42733</c:v>
                </c:pt>
                <c:pt idx="1847">
                  <c:v>42734</c:v>
                </c:pt>
                <c:pt idx="1848">
                  <c:v>42735</c:v>
                </c:pt>
                <c:pt idx="1850">
                  <c:v>42738</c:v>
                </c:pt>
                <c:pt idx="1851">
                  <c:v>42739</c:v>
                </c:pt>
                <c:pt idx="1852">
                  <c:v>42740</c:v>
                </c:pt>
                <c:pt idx="1853">
                  <c:v>42741</c:v>
                </c:pt>
                <c:pt idx="1854">
                  <c:v>42744</c:v>
                </c:pt>
                <c:pt idx="1855">
                  <c:v>42745</c:v>
                </c:pt>
                <c:pt idx="1856">
                  <c:v>42746</c:v>
                </c:pt>
                <c:pt idx="1857">
                  <c:v>42747</c:v>
                </c:pt>
                <c:pt idx="1858">
                  <c:v>42748</c:v>
                </c:pt>
                <c:pt idx="1859">
                  <c:v>42751</c:v>
                </c:pt>
                <c:pt idx="1860">
                  <c:v>42752</c:v>
                </c:pt>
                <c:pt idx="1861">
                  <c:v>42753</c:v>
                </c:pt>
                <c:pt idx="1862">
                  <c:v>42754</c:v>
                </c:pt>
                <c:pt idx="1863">
                  <c:v>42755</c:v>
                </c:pt>
                <c:pt idx="1864">
                  <c:v>42758</c:v>
                </c:pt>
                <c:pt idx="1865">
                  <c:v>42759</c:v>
                </c:pt>
                <c:pt idx="1866">
                  <c:v>42760</c:v>
                </c:pt>
                <c:pt idx="1867">
                  <c:v>42761</c:v>
                </c:pt>
                <c:pt idx="1868">
                  <c:v>42762</c:v>
                </c:pt>
                <c:pt idx="1869">
                  <c:v>42765</c:v>
                </c:pt>
                <c:pt idx="1870">
                  <c:v>42766</c:v>
                </c:pt>
                <c:pt idx="1871">
                  <c:v>42767</c:v>
                </c:pt>
                <c:pt idx="1872">
                  <c:v>42768</c:v>
                </c:pt>
                <c:pt idx="1873">
                  <c:v>42769</c:v>
                </c:pt>
                <c:pt idx="1874">
                  <c:v>42772</c:v>
                </c:pt>
                <c:pt idx="1875">
                  <c:v>42773</c:v>
                </c:pt>
                <c:pt idx="1876">
                  <c:v>42774</c:v>
                </c:pt>
                <c:pt idx="1877">
                  <c:v>42775</c:v>
                </c:pt>
                <c:pt idx="1878">
                  <c:v>42776</c:v>
                </c:pt>
                <c:pt idx="1879">
                  <c:v>42779</c:v>
                </c:pt>
                <c:pt idx="1880">
                  <c:v>42780</c:v>
                </c:pt>
                <c:pt idx="1881">
                  <c:v>42781</c:v>
                </c:pt>
                <c:pt idx="1882">
                  <c:v>42782</c:v>
                </c:pt>
                <c:pt idx="1883">
                  <c:v>42783</c:v>
                </c:pt>
                <c:pt idx="1884">
                  <c:v>42786</c:v>
                </c:pt>
                <c:pt idx="1885">
                  <c:v>42787</c:v>
                </c:pt>
                <c:pt idx="1886">
                  <c:v>42788</c:v>
                </c:pt>
                <c:pt idx="1887">
                  <c:v>42789</c:v>
                </c:pt>
                <c:pt idx="1888">
                  <c:v>42790</c:v>
                </c:pt>
                <c:pt idx="1889">
                  <c:v>42793</c:v>
                </c:pt>
                <c:pt idx="1890">
                  <c:v>42794</c:v>
                </c:pt>
                <c:pt idx="1891">
                  <c:v>42795</c:v>
                </c:pt>
                <c:pt idx="1892">
                  <c:v>42796</c:v>
                </c:pt>
                <c:pt idx="1893">
                  <c:v>42797</c:v>
                </c:pt>
                <c:pt idx="1894">
                  <c:v>42800</c:v>
                </c:pt>
                <c:pt idx="1895">
                  <c:v>42801</c:v>
                </c:pt>
                <c:pt idx="1896">
                  <c:v>42802</c:v>
                </c:pt>
                <c:pt idx="1897">
                  <c:v>42803</c:v>
                </c:pt>
                <c:pt idx="1898">
                  <c:v>42804</c:v>
                </c:pt>
                <c:pt idx="1899">
                  <c:v>42807</c:v>
                </c:pt>
                <c:pt idx="1900">
                  <c:v>42808</c:v>
                </c:pt>
                <c:pt idx="1901">
                  <c:v>42809</c:v>
                </c:pt>
                <c:pt idx="1902">
                  <c:v>42810</c:v>
                </c:pt>
                <c:pt idx="1903">
                  <c:v>42811</c:v>
                </c:pt>
                <c:pt idx="1904">
                  <c:v>42814</c:v>
                </c:pt>
                <c:pt idx="1905">
                  <c:v>42815</c:v>
                </c:pt>
                <c:pt idx="1906">
                  <c:v>42816</c:v>
                </c:pt>
                <c:pt idx="1907">
                  <c:v>42817</c:v>
                </c:pt>
                <c:pt idx="1908">
                  <c:v>42818</c:v>
                </c:pt>
                <c:pt idx="1909">
                  <c:v>42821</c:v>
                </c:pt>
                <c:pt idx="1910">
                  <c:v>42822</c:v>
                </c:pt>
                <c:pt idx="1911">
                  <c:v>42823</c:v>
                </c:pt>
                <c:pt idx="1912">
                  <c:v>42824</c:v>
                </c:pt>
                <c:pt idx="1913">
                  <c:v>42825</c:v>
                </c:pt>
                <c:pt idx="1914">
                  <c:v>42828</c:v>
                </c:pt>
                <c:pt idx="1915">
                  <c:v>42829</c:v>
                </c:pt>
                <c:pt idx="1916">
                  <c:v>42830</c:v>
                </c:pt>
                <c:pt idx="1917">
                  <c:v>42831</c:v>
                </c:pt>
                <c:pt idx="1918">
                  <c:v>42832</c:v>
                </c:pt>
                <c:pt idx="1919">
                  <c:v>42835</c:v>
                </c:pt>
                <c:pt idx="1920">
                  <c:v>42836</c:v>
                </c:pt>
                <c:pt idx="1921">
                  <c:v>42837</c:v>
                </c:pt>
                <c:pt idx="1922">
                  <c:v>42838</c:v>
                </c:pt>
                <c:pt idx="1924">
                  <c:v>42842</c:v>
                </c:pt>
                <c:pt idx="1925">
                  <c:v>42843</c:v>
                </c:pt>
                <c:pt idx="1926">
                  <c:v>42844</c:v>
                </c:pt>
                <c:pt idx="1927">
                  <c:v>42845</c:v>
                </c:pt>
                <c:pt idx="1928">
                  <c:v>42846</c:v>
                </c:pt>
                <c:pt idx="1929">
                  <c:v>42849</c:v>
                </c:pt>
                <c:pt idx="1930">
                  <c:v>42850</c:v>
                </c:pt>
                <c:pt idx="1931">
                  <c:v>42851</c:v>
                </c:pt>
                <c:pt idx="1932">
                  <c:v>42852</c:v>
                </c:pt>
                <c:pt idx="1933">
                  <c:v>42853</c:v>
                </c:pt>
                <c:pt idx="1934">
                  <c:v>42855</c:v>
                </c:pt>
                <c:pt idx="1935">
                  <c:v>42856</c:v>
                </c:pt>
                <c:pt idx="1936">
                  <c:v>42857</c:v>
                </c:pt>
                <c:pt idx="1937">
                  <c:v>42858</c:v>
                </c:pt>
                <c:pt idx="1938">
                  <c:v>42859</c:v>
                </c:pt>
                <c:pt idx="1939">
                  <c:v>42860</c:v>
                </c:pt>
                <c:pt idx="1940">
                  <c:v>42863</c:v>
                </c:pt>
                <c:pt idx="1941">
                  <c:v>42864</c:v>
                </c:pt>
                <c:pt idx="1942">
                  <c:v>42865</c:v>
                </c:pt>
                <c:pt idx="1943">
                  <c:v>42866</c:v>
                </c:pt>
                <c:pt idx="1944">
                  <c:v>42867</c:v>
                </c:pt>
                <c:pt idx="1945">
                  <c:v>42870</c:v>
                </c:pt>
                <c:pt idx="1946">
                  <c:v>42871</c:v>
                </c:pt>
                <c:pt idx="1947">
                  <c:v>42872</c:v>
                </c:pt>
                <c:pt idx="1948">
                  <c:v>42873</c:v>
                </c:pt>
                <c:pt idx="1949">
                  <c:v>42874</c:v>
                </c:pt>
                <c:pt idx="1950">
                  <c:v>42877</c:v>
                </c:pt>
                <c:pt idx="1951">
                  <c:v>42878</c:v>
                </c:pt>
                <c:pt idx="1952">
                  <c:v>42879</c:v>
                </c:pt>
                <c:pt idx="1953">
                  <c:v>42880</c:v>
                </c:pt>
                <c:pt idx="1954">
                  <c:v>42881</c:v>
                </c:pt>
                <c:pt idx="1955">
                  <c:v>42884</c:v>
                </c:pt>
                <c:pt idx="1956">
                  <c:v>42885</c:v>
                </c:pt>
                <c:pt idx="1957">
                  <c:v>42886</c:v>
                </c:pt>
                <c:pt idx="1958">
                  <c:v>42887</c:v>
                </c:pt>
                <c:pt idx="1959">
                  <c:v>42888</c:v>
                </c:pt>
                <c:pt idx="1960">
                  <c:v>42891</c:v>
                </c:pt>
                <c:pt idx="1961">
                  <c:v>42892</c:v>
                </c:pt>
                <c:pt idx="1962">
                  <c:v>42893</c:v>
                </c:pt>
                <c:pt idx="1963">
                  <c:v>42894</c:v>
                </c:pt>
                <c:pt idx="1964">
                  <c:v>42895</c:v>
                </c:pt>
                <c:pt idx="1965">
                  <c:v>42898</c:v>
                </c:pt>
                <c:pt idx="1966">
                  <c:v>42899</c:v>
                </c:pt>
                <c:pt idx="1967">
                  <c:v>42900</c:v>
                </c:pt>
                <c:pt idx="1968">
                  <c:v>42901</c:v>
                </c:pt>
                <c:pt idx="1969">
                  <c:v>42902</c:v>
                </c:pt>
                <c:pt idx="1970">
                  <c:v>42905</c:v>
                </c:pt>
                <c:pt idx="1971">
                  <c:v>42906</c:v>
                </c:pt>
                <c:pt idx="1972">
                  <c:v>42907</c:v>
                </c:pt>
                <c:pt idx="1973">
                  <c:v>42908</c:v>
                </c:pt>
                <c:pt idx="1974">
                  <c:v>42909</c:v>
                </c:pt>
                <c:pt idx="1975">
                  <c:v>42912</c:v>
                </c:pt>
                <c:pt idx="1976">
                  <c:v>42913</c:v>
                </c:pt>
                <c:pt idx="1977">
                  <c:v>42914</c:v>
                </c:pt>
                <c:pt idx="1978">
                  <c:v>42915</c:v>
                </c:pt>
                <c:pt idx="1979">
                  <c:v>42916</c:v>
                </c:pt>
                <c:pt idx="1980">
                  <c:v>42919</c:v>
                </c:pt>
                <c:pt idx="1981">
                  <c:v>42920</c:v>
                </c:pt>
                <c:pt idx="1982">
                  <c:v>42921</c:v>
                </c:pt>
                <c:pt idx="1983">
                  <c:v>42922</c:v>
                </c:pt>
                <c:pt idx="1984">
                  <c:v>42923</c:v>
                </c:pt>
                <c:pt idx="1985">
                  <c:v>42926</c:v>
                </c:pt>
                <c:pt idx="1986">
                  <c:v>42927</c:v>
                </c:pt>
                <c:pt idx="1987">
                  <c:v>42928</c:v>
                </c:pt>
                <c:pt idx="1988">
                  <c:v>42929</c:v>
                </c:pt>
                <c:pt idx="1989">
                  <c:v>42930</c:v>
                </c:pt>
                <c:pt idx="1990">
                  <c:v>42933</c:v>
                </c:pt>
                <c:pt idx="1991">
                  <c:v>42934</c:v>
                </c:pt>
                <c:pt idx="1992">
                  <c:v>42935</c:v>
                </c:pt>
                <c:pt idx="1993">
                  <c:v>42936</c:v>
                </c:pt>
                <c:pt idx="1994">
                  <c:v>42937</c:v>
                </c:pt>
                <c:pt idx="1995">
                  <c:v>42940</c:v>
                </c:pt>
                <c:pt idx="1996">
                  <c:v>42941</c:v>
                </c:pt>
                <c:pt idx="1997">
                  <c:v>42942</c:v>
                </c:pt>
                <c:pt idx="1998">
                  <c:v>42943</c:v>
                </c:pt>
                <c:pt idx="1999">
                  <c:v>42944</c:v>
                </c:pt>
                <c:pt idx="2000">
                  <c:v>42947</c:v>
                </c:pt>
                <c:pt idx="2001">
                  <c:v>42948</c:v>
                </c:pt>
                <c:pt idx="2002">
                  <c:v>42949</c:v>
                </c:pt>
                <c:pt idx="2003">
                  <c:v>42950</c:v>
                </c:pt>
                <c:pt idx="2004">
                  <c:v>42951</c:v>
                </c:pt>
                <c:pt idx="2005">
                  <c:v>42954</c:v>
                </c:pt>
                <c:pt idx="2006">
                  <c:v>42955</c:v>
                </c:pt>
                <c:pt idx="2007">
                  <c:v>42956</c:v>
                </c:pt>
                <c:pt idx="2008">
                  <c:v>42957</c:v>
                </c:pt>
                <c:pt idx="2009">
                  <c:v>42958</c:v>
                </c:pt>
                <c:pt idx="2010">
                  <c:v>42961</c:v>
                </c:pt>
                <c:pt idx="2011">
                  <c:v>42962</c:v>
                </c:pt>
                <c:pt idx="2012">
                  <c:v>42963</c:v>
                </c:pt>
                <c:pt idx="2013">
                  <c:v>42964</c:v>
                </c:pt>
                <c:pt idx="2014">
                  <c:v>42965</c:v>
                </c:pt>
                <c:pt idx="2015">
                  <c:v>42968</c:v>
                </c:pt>
                <c:pt idx="2016">
                  <c:v>42969</c:v>
                </c:pt>
                <c:pt idx="2017">
                  <c:v>42970</c:v>
                </c:pt>
                <c:pt idx="2018">
                  <c:v>42971</c:v>
                </c:pt>
                <c:pt idx="2019">
                  <c:v>42972</c:v>
                </c:pt>
                <c:pt idx="2020">
                  <c:v>42975</c:v>
                </c:pt>
                <c:pt idx="2021">
                  <c:v>42976</c:v>
                </c:pt>
                <c:pt idx="2022">
                  <c:v>42977</c:v>
                </c:pt>
                <c:pt idx="2023">
                  <c:v>42978</c:v>
                </c:pt>
                <c:pt idx="2024">
                  <c:v>42979</c:v>
                </c:pt>
                <c:pt idx="2025">
                  <c:v>42982</c:v>
                </c:pt>
                <c:pt idx="2026">
                  <c:v>42983</c:v>
                </c:pt>
                <c:pt idx="2027">
                  <c:v>42984</c:v>
                </c:pt>
                <c:pt idx="2028">
                  <c:v>42985</c:v>
                </c:pt>
                <c:pt idx="2029">
                  <c:v>42986</c:v>
                </c:pt>
                <c:pt idx="2030">
                  <c:v>42989</c:v>
                </c:pt>
                <c:pt idx="2031">
                  <c:v>42990</c:v>
                </c:pt>
                <c:pt idx="2032">
                  <c:v>42991</c:v>
                </c:pt>
                <c:pt idx="2033">
                  <c:v>42992</c:v>
                </c:pt>
                <c:pt idx="2034">
                  <c:v>42993</c:v>
                </c:pt>
                <c:pt idx="2035">
                  <c:v>42996</c:v>
                </c:pt>
                <c:pt idx="2036">
                  <c:v>42997</c:v>
                </c:pt>
                <c:pt idx="2037">
                  <c:v>42998</c:v>
                </c:pt>
                <c:pt idx="2038">
                  <c:v>42999</c:v>
                </c:pt>
                <c:pt idx="2039">
                  <c:v>43000</c:v>
                </c:pt>
                <c:pt idx="2040">
                  <c:v>43003</c:v>
                </c:pt>
                <c:pt idx="2041">
                  <c:v>43004</c:v>
                </c:pt>
                <c:pt idx="2042">
                  <c:v>43005</c:v>
                </c:pt>
                <c:pt idx="2043">
                  <c:v>43006</c:v>
                </c:pt>
                <c:pt idx="2044">
                  <c:v>43007</c:v>
                </c:pt>
                <c:pt idx="2045">
                  <c:v>43008</c:v>
                </c:pt>
                <c:pt idx="2046">
                  <c:v>43010</c:v>
                </c:pt>
                <c:pt idx="2047">
                  <c:v>43011</c:v>
                </c:pt>
                <c:pt idx="2048">
                  <c:v>43012</c:v>
                </c:pt>
                <c:pt idx="2049">
                  <c:v>43013</c:v>
                </c:pt>
                <c:pt idx="2050">
                  <c:v>43014</c:v>
                </c:pt>
                <c:pt idx="2051">
                  <c:v>43017</c:v>
                </c:pt>
                <c:pt idx="2052">
                  <c:v>43018</c:v>
                </c:pt>
                <c:pt idx="2053">
                  <c:v>43019</c:v>
                </c:pt>
                <c:pt idx="2054">
                  <c:v>43020</c:v>
                </c:pt>
                <c:pt idx="2055">
                  <c:v>43021</c:v>
                </c:pt>
                <c:pt idx="2056">
                  <c:v>43024</c:v>
                </c:pt>
                <c:pt idx="2057">
                  <c:v>43025</c:v>
                </c:pt>
                <c:pt idx="2058">
                  <c:v>43026</c:v>
                </c:pt>
                <c:pt idx="2059">
                  <c:v>43027</c:v>
                </c:pt>
                <c:pt idx="2060">
                  <c:v>43028</c:v>
                </c:pt>
                <c:pt idx="2061">
                  <c:v>43031</c:v>
                </c:pt>
                <c:pt idx="2062">
                  <c:v>43032</c:v>
                </c:pt>
                <c:pt idx="2063">
                  <c:v>43033</c:v>
                </c:pt>
                <c:pt idx="2064">
                  <c:v>43034</c:v>
                </c:pt>
                <c:pt idx="2065">
                  <c:v>43035</c:v>
                </c:pt>
                <c:pt idx="2066">
                  <c:v>43038</c:v>
                </c:pt>
                <c:pt idx="2067">
                  <c:v>43039</c:v>
                </c:pt>
                <c:pt idx="2068">
                  <c:v>43040</c:v>
                </c:pt>
                <c:pt idx="2069">
                  <c:v>43041</c:v>
                </c:pt>
                <c:pt idx="2070">
                  <c:v>43042</c:v>
                </c:pt>
                <c:pt idx="2071">
                  <c:v>43045</c:v>
                </c:pt>
                <c:pt idx="2072">
                  <c:v>43046</c:v>
                </c:pt>
                <c:pt idx="2073">
                  <c:v>43047</c:v>
                </c:pt>
                <c:pt idx="2074">
                  <c:v>43048</c:v>
                </c:pt>
                <c:pt idx="2075">
                  <c:v>43049</c:v>
                </c:pt>
                <c:pt idx="2076">
                  <c:v>43052</c:v>
                </c:pt>
                <c:pt idx="2077">
                  <c:v>43053</c:v>
                </c:pt>
                <c:pt idx="2078">
                  <c:v>43054</c:v>
                </c:pt>
                <c:pt idx="2079">
                  <c:v>43055</c:v>
                </c:pt>
                <c:pt idx="2080">
                  <c:v>43056</c:v>
                </c:pt>
                <c:pt idx="2081">
                  <c:v>43059</c:v>
                </c:pt>
                <c:pt idx="2082">
                  <c:v>43060</c:v>
                </c:pt>
                <c:pt idx="2083">
                  <c:v>43061</c:v>
                </c:pt>
                <c:pt idx="2084">
                  <c:v>43062</c:v>
                </c:pt>
                <c:pt idx="2085">
                  <c:v>43063</c:v>
                </c:pt>
                <c:pt idx="2086">
                  <c:v>43066</c:v>
                </c:pt>
                <c:pt idx="2087">
                  <c:v>43067</c:v>
                </c:pt>
                <c:pt idx="2088">
                  <c:v>43068</c:v>
                </c:pt>
                <c:pt idx="2089">
                  <c:v>43069</c:v>
                </c:pt>
                <c:pt idx="2090">
                  <c:v>43070</c:v>
                </c:pt>
                <c:pt idx="2091">
                  <c:v>43073</c:v>
                </c:pt>
                <c:pt idx="2092">
                  <c:v>43074</c:v>
                </c:pt>
                <c:pt idx="2093">
                  <c:v>43075</c:v>
                </c:pt>
                <c:pt idx="2094">
                  <c:v>43076</c:v>
                </c:pt>
                <c:pt idx="2095">
                  <c:v>43077</c:v>
                </c:pt>
                <c:pt idx="2096">
                  <c:v>43080</c:v>
                </c:pt>
                <c:pt idx="2097">
                  <c:v>43081</c:v>
                </c:pt>
                <c:pt idx="2098">
                  <c:v>43082</c:v>
                </c:pt>
                <c:pt idx="2099">
                  <c:v>43083</c:v>
                </c:pt>
                <c:pt idx="2100">
                  <c:v>43084</c:v>
                </c:pt>
                <c:pt idx="2101">
                  <c:v>43087</c:v>
                </c:pt>
                <c:pt idx="2102">
                  <c:v>43088</c:v>
                </c:pt>
                <c:pt idx="2103">
                  <c:v>43089</c:v>
                </c:pt>
                <c:pt idx="2104">
                  <c:v>43090</c:v>
                </c:pt>
                <c:pt idx="2105">
                  <c:v>43091</c:v>
                </c:pt>
                <c:pt idx="2107">
                  <c:v>43095</c:v>
                </c:pt>
                <c:pt idx="2108">
                  <c:v>43096</c:v>
                </c:pt>
                <c:pt idx="2109">
                  <c:v>43097</c:v>
                </c:pt>
                <c:pt idx="2110">
                  <c:v>43098</c:v>
                </c:pt>
                <c:pt idx="2111">
                  <c:v>43100</c:v>
                </c:pt>
                <c:pt idx="2113">
                  <c:v>43102</c:v>
                </c:pt>
                <c:pt idx="2114">
                  <c:v>43103</c:v>
                </c:pt>
                <c:pt idx="2115">
                  <c:v>43104</c:v>
                </c:pt>
                <c:pt idx="2116">
                  <c:v>43105</c:v>
                </c:pt>
                <c:pt idx="2117">
                  <c:v>43108</c:v>
                </c:pt>
                <c:pt idx="2118">
                  <c:v>43109</c:v>
                </c:pt>
                <c:pt idx="2119">
                  <c:v>43110</c:v>
                </c:pt>
                <c:pt idx="2120">
                  <c:v>43111</c:v>
                </c:pt>
                <c:pt idx="2121">
                  <c:v>43112</c:v>
                </c:pt>
                <c:pt idx="2122">
                  <c:v>43115</c:v>
                </c:pt>
                <c:pt idx="2123">
                  <c:v>43116</c:v>
                </c:pt>
                <c:pt idx="2124">
                  <c:v>43117</c:v>
                </c:pt>
                <c:pt idx="2125">
                  <c:v>43118</c:v>
                </c:pt>
                <c:pt idx="2126">
                  <c:v>43119</c:v>
                </c:pt>
                <c:pt idx="2127">
                  <c:v>43122</c:v>
                </c:pt>
                <c:pt idx="2128">
                  <c:v>43123</c:v>
                </c:pt>
                <c:pt idx="2129">
                  <c:v>43124</c:v>
                </c:pt>
                <c:pt idx="2130">
                  <c:v>43125</c:v>
                </c:pt>
                <c:pt idx="2131">
                  <c:v>43126</c:v>
                </c:pt>
                <c:pt idx="2132">
                  <c:v>43129</c:v>
                </c:pt>
                <c:pt idx="2133">
                  <c:v>43130</c:v>
                </c:pt>
                <c:pt idx="2134">
                  <c:v>43131</c:v>
                </c:pt>
                <c:pt idx="2135">
                  <c:v>43132</c:v>
                </c:pt>
                <c:pt idx="2136">
                  <c:v>43133</c:v>
                </c:pt>
                <c:pt idx="2137">
                  <c:v>43136</c:v>
                </c:pt>
                <c:pt idx="2138">
                  <c:v>43137</c:v>
                </c:pt>
                <c:pt idx="2139">
                  <c:v>43138</c:v>
                </c:pt>
                <c:pt idx="2140">
                  <c:v>43139</c:v>
                </c:pt>
                <c:pt idx="2141">
                  <c:v>43140</c:v>
                </c:pt>
                <c:pt idx="2142">
                  <c:v>43143</c:v>
                </c:pt>
                <c:pt idx="2143">
                  <c:v>43144</c:v>
                </c:pt>
                <c:pt idx="2144">
                  <c:v>43145</c:v>
                </c:pt>
                <c:pt idx="2145">
                  <c:v>43146</c:v>
                </c:pt>
                <c:pt idx="2146">
                  <c:v>43147</c:v>
                </c:pt>
                <c:pt idx="2147">
                  <c:v>43150</c:v>
                </c:pt>
                <c:pt idx="2148">
                  <c:v>43151</c:v>
                </c:pt>
                <c:pt idx="2149">
                  <c:v>43152</c:v>
                </c:pt>
                <c:pt idx="2150">
                  <c:v>43153</c:v>
                </c:pt>
                <c:pt idx="2151">
                  <c:v>43154</c:v>
                </c:pt>
                <c:pt idx="2152">
                  <c:v>43157</c:v>
                </c:pt>
                <c:pt idx="2153">
                  <c:v>43158</c:v>
                </c:pt>
                <c:pt idx="2154">
                  <c:v>43159</c:v>
                </c:pt>
                <c:pt idx="2155">
                  <c:v>43160</c:v>
                </c:pt>
                <c:pt idx="2156">
                  <c:v>43161</c:v>
                </c:pt>
                <c:pt idx="2157">
                  <c:v>43164</c:v>
                </c:pt>
                <c:pt idx="2158">
                  <c:v>43165</c:v>
                </c:pt>
                <c:pt idx="2159">
                  <c:v>43166</c:v>
                </c:pt>
                <c:pt idx="2160">
                  <c:v>43167</c:v>
                </c:pt>
                <c:pt idx="2161">
                  <c:v>43168</c:v>
                </c:pt>
                <c:pt idx="2162">
                  <c:v>43171</c:v>
                </c:pt>
                <c:pt idx="2163">
                  <c:v>43172</c:v>
                </c:pt>
                <c:pt idx="2164">
                  <c:v>43173</c:v>
                </c:pt>
                <c:pt idx="2165">
                  <c:v>43174</c:v>
                </c:pt>
                <c:pt idx="2166">
                  <c:v>43175</c:v>
                </c:pt>
                <c:pt idx="2167">
                  <c:v>43178</c:v>
                </c:pt>
                <c:pt idx="2168">
                  <c:v>43179</c:v>
                </c:pt>
                <c:pt idx="2169">
                  <c:v>43180</c:v>
                </c:pt>
                <c:pt idx="2170">
                  <c:v>43181</c:v>
                </c:pt>
                <c:pt idx="2171">
                  <c:v>43182</c:v>
                </c:pt>
                <c:pt idx="2172">
                  <c:v>43185</c:v>
                </c:pt>
                <c:pt idx="2173">
                  <c:v>43186</c:v>
                </c:pt>
                <c:pt idx="2174">
                  <c:v>43187</c:v>
                </c:pt>
                <c:pt idx="2175">
                  <c:v>43188</c:v>
                </c:pt>
                <c:pt idx="2177">
                  <c:v>43190</c:v>
                </c:pt>
                <c:pt idx="2178">
                  <c:v>43192</c:v>
                </c:pt>
                <c:pt idx="2179">
                  <c:v>43193</c:v>
                </c:pt>
                <c:pt idx="2180">
                  <c:v>43194</c:v>
                </c:pt>
                <c:pt idx="2181">
                  <c:v>43195</c:v>
                </c:pt>
                <c:pt idx="2182">
                  <c:v>43196</c:v>
                </c:pt>
                <c:pt idx="2183">
                  <c:v>43199</c:v>
                </c:pt>
                <c:pt idx="2184">
                  <c:v>43200</c:v>
                </c:pt>
                <c:pt idx="2185">
                  <c:v>43201</c:v>
                </c:pt>
                <c:pt idx="2186">
                  <c:v>43202</c:v>
                </c:pt>
                <c:pt idx="2187">
                  <c:v>43203</c:v>
                </c:pt>
                <c:pt idx="2188">
                  <c:v>43206</c:v>
                </c:pt>
                <c:pt idx="2189">
                  <c:v>43207</c:v>
                </c:pt>
                <c:pt idx="2190">
                  <c:v>43208</c:v>
                </c:pt>
                <c:pt idx="2191">
                  <c:v>43209</c:v>
                </c:pt>
                <c:pt idx="2192">
                  <c:v>43210</c:v>
                </c:pt>
                <c:pt idx="2193">
                  <c:v>43213</c:v>
                </c:pt>
                <c:pt idx="2194">
                  <c:v>43214</c:v>
                </c:pt>
                <c:pt idx="2195">
                  <c:v>43215</c:v>
                </c:pt>
                <c:pt idx="2196">
                  <c:v>43216</c:v>
                </c:pt>
                <c:pt idx="2197">
                  <c:v>43217</c:v>
                </c:pt>
                <c:pt idx="2198">
                  <c:v>43220</c:v>
                </c:pt>
                <c:pt idx="2199">
                  <c:v>43221</c:v>
                </c:pt>
                <c:pt idx="2200">
                  <c:v>43222</c:v>
                </c:pt>
                <c:pt idx="2201">
                  <c:v>43223</c:v>
                </c:pt>
                <c:pt idx="2202">
                  <c:v>43224</c:v>
                </c:pt>
                <c:pt idx="2203">
                  <c:v>43227</c:v>
                </c:pt>
                <c:pt idx="2204">
                  <c:v>43228</c:v>
                </c:pt>
                <c:pt idx="2205">
                  <c:v>43229</c:v>
                </c:pt>
                <c:pt idx="2206">
                  <c:v>43230</c:v>
                </c:pt>
                <c:pt idx="2207">
                  <c:v>43231</c:v>
                </c:pt>
                <c:pt idx="2208">
                  <c:v>43234</c:v>
                </c:pt>
                <c:pt idx="2209">
                  <c:v>43235</c:v>
                </c:pt>
                <c:pt idx="2210">
                  <c:v>43236</c:v>
                </c:pt>
                <c:pt idx="2211">
                  <c:v>43237</c:v>
                </c:pt>
                <c:pt idx="2212">
                  <c:v>43238</c:v>
                </c:pt>
                <c:pt idx="2213">
                  <c:v>43241</c:v>
                </c:pt>
                <c:pt idx="2214">
                  <c:v>43242</c:v>
                </c:pt>
                <c:pt idx="2215">
                  <c:v>43243</c:v>
                </c:pt>
                <c:pt idx="2216">
                  <c:v>43244</c:v>
                </c:pt>
                <c:pt idx="2217">
                  <c:v>43245</c:v>
                </c:pt>
                <c:pt idx="2218">
                  <c:v>43248</c:v>
                </c:pt>
                <c:pt idx="2219">
                  <c:v>43249</c:v>
                </c:pt>
                <c:pt idx="2220">
                  <c:v>43250</c:v>
                </c:pt>
                <c:pt idx="2221">
                  <c:v>43251</c:v>
                </c:pt>
                <c:pt idx="2222">
                  <c:v>43252</c:v>
                </c:pt>
                <c:pt idx="2223">
                  <c:v>43255</c:v>
                </c:pt>
                <c:pt idx="2224">
                  <c:v>43256</c:v>
                </c:pt>
                <c:pt idx="2225">
                  <c:v>43257</c:v>
                </c:pt>
                <c:pt idx="2226">
                  <c:v>43258</c:v>
                </c:pt>
                <c:pt idx="2227">
                  <c:v>43259</c:v>
                </c:pt>
                <c:pt idx="2228">
                  <c:v>43262</c:v>
                </c:pt>
                <c:pt idx="2229">
                  <c:v>43263</c:v>
                </c:pt>
                <c:pt idx="2230">
                  <c:v>43264</c:v>
                </c:pt>
                <c:pt idx="2231">
                  <c:v>43265</c:v>
                </c:pt>
                <c:pt idx="2232">
                  <c:v>43266</c:v>
                </c:pt>
                <c:pt idx="2233">
                  <c:v>43269</c:v>
                </c:pt>
                <c:pt idx="2234">
                  <c:v>43270</c:v>
                </c:pt>
                <c:pt idx="2235">
                  <c:v>43271</c:v>
                </c:pt>
                <c:pt idx="2236">
                  <c:v>43272</c:v>
                </c:pt>
                <c:pt idx="2237">
                  <c:v>43273</c:v>
                </c:pt>
                <c:pt idx="2238">
                  <c:v>43276</c:v>
                </c:pt>
                <c:pt idx="2239">
                  <c:v>43277</c:v>
                </c:pt>
                <c:pt idx="2240">
                  <c:v>43278</c:v>
                </c:pt>
                <c:pt idx="2241">
                  <c:v>43279</c:v>
                </c:pt>
                <c:pt idx="2242">
                  <c:v>43280</c:v>
                </c:pt>
                <c:pt idx="2243">
                  <c:v>43281</c:v>
                </c:pt>
                <c:pt idx="2244">
                  <c:v>43283</c:v>
                </c:pt>
                <c:pt idx="2245">
                  <c:v>43284</c:v>
                </c:pt>
                <c:pt idx="2246">
                  <c:v>43285</c:v>
                </c:pt>
                <c:pt idx="2247">
                  <c:v>43286</c:v>
                </c:pt>
                <c:pt idx="2248">
                  <c:v>43287</c:v>
                </c:pt>
                <c:pt idx="2249">
                  <c:v>43290</c:v>
                </c:pt>
                <c:pt idx="2250">
                  <c:v>43291</c:v>
                </c:pt>
                <c:pt idx="2251">
                  <c:v>43292</c:v>
                </c:pt>
                <c:pt idx="2252">
                  <c:v>43293</c:v>
                </c:pt>
                <c:pt idx="2253">
                  <c:v>43294</c:v>
                </c:pt>
                <c:pt idx="2254">
                  <c:v>43297</c:v>
                </c:pt>
                <c:pt idx="2255">
                  <c:v>43298</c:v>
                </c:pt>
                <c:pt idx="2256">
                  <c:v>43299</c:v>
                </c:pt>
                <c:pt idx="2257">
                  <c:v>43300</c:v>
                </c:pt>
                <c:pt idx="2258">
                  <c:v>43301</c:v>
                </c:pt>
                <c:pt idx="2259">
                  <c:v>43304</c:v>
                </c:pt>
                <c:pt idx="2260">
                  <c:v>43305</c:v>
                </c:pt>
                <c:pt idx="2261">
                  <c:v>43306</c:v>
                </c:pt>
                <c:pt idx="2262">
                  <c:v>43307</c:v>
                </c:pt>
                <c:pt idx="2263">
                  <c:v>43308</c:v>
                </c:pt>
                <c:pt idx="2264">
                  <c:v>43311</c:v>
                </c:pt>
                <c:pt idx="2265">
                  <c:v>43312</c:v>
                </c:pt>
                <c:pt idx="2266">
                  <c:v>43313</c:v>
                </c:pt>
                <c:pt idx="2267">
                  <c:v>43314</c:v>
                </c:pt>
                <c:pt idx="2268">
                  <c:v>43315</c:v>
                </c:pt>
                <c:pt idx="2269">
                  <c:v>43318</c:v>
                </c:pt>
                <c:pt idx="2270">
                  <c:v>43319</c:v>
                </c:pt>
                <c:pt idx="2271">
                  <c:v>43320</c:v>
                </c:pt>
                <c:pt idx="2272">
                  <c:v>43321</c:v>
                </c:pt>
                <c:pt idx="2273">
                  <c:v>43322</c:v>
                </c:pt>
                <c:pt idx="2274">
                  <c:v>43325</c:v>
                </c:pt>
                <c:pt idx="2275">
                  <c:v>43326</c:v>
                </c:pt>
                <c:pt idx="2276">
                  <c:v>43327</c:v>
                </c:pt>
                <c:pt idx="2277">
                  <c:v>43328</c:v>
                </c:pt>
                <c:pt idx="2278">
                  <c:v>43329</c:v>
                </c:pt>
                <c:pt idx="2279">
                  <c:v>43332</c:v>
                </c:pt>
                <c:pt idx="2280">
                  <c:v>43333</c:v>
                </c:pt>
                <c:pt idx="2281">
                  <c:v>43334</c:v>
                </c:pt>
                <c:pt idx="2282">
                  <c:v>43335</c:v>
                </c:pt>
                <c:pt idx="2283">
                  <c:v>43336</c:v>
                </c:pt>
                <c:pt idx="2284">
                  <c:v>43339</c:v>
                </c:pt>
                <c:pt idx="2285">
                  <c:v>43340</c:v>
                </c:pt>
                <c:pt idx="2286">
                  <c:v>43341</c:v>
                </c:pt>
                <c:pt idx="2287">
                  <c:v>43342</c:v>
                </c:pt>
                <c:pt idx="2288">
                  <c:v>43343</c:v>
                </c:pt>
                <c:pt idx="2289">
                  <c:v>43346</c:v>
                </c:pt>
                <c:pt idx="2290">
                  <c:v>43347</c:v>
                </c:pt>
                <c:pt idx="2291">
                  <c:v>43348</c:v>
                </c:pt>
                <c:pt idx="2292">
                  <c:v>43349</c:v>
                </c:pt>
                <c:pt idx="2293">
                  <c:v>43350</c:v>
                </c:pt>
                <c:pt idx="2294">
                  <c:v>43353</c:v>
                </c:pt>
                <c:pt idx="2295">
                  <c:v>43354</c:v>
                </c:pt>
                <c:pt idx="2296">
                  <c:v>43355</c:v>
                </c:pt>
                <c:pt idx="2297">
                  <c:v>43356</c:v>
                </c:pt>
                <c:pt idx="2298">
                  <c:v>43357</c:v>
                </c:pt>
                <c:pt idx="2299">
                  <c:v>43360</c:v>
                </c:pt>
                <c:pt idx="2300">
                  <c:v>43361</c:v>
                </c:pt>
                <c:pt idx="2301">
                  <c:v>43362</c:v>
                </c:pt>
                <c:pt idx="2302">
                  <c:v>43363</c:v>
                </c:pt>
                <c:pt idx="2303">
                  <c:v>43364</c:v>
                </c:pt>
                <c:pt idx="2304">
                  <c:v>43367</c:v>
                </c:pt>
                <c:pt idx="2305">
                  <c:v>43368</c:v>
                </c:pt>
                <c:pt idx="2306">
                  <c:v>43369</c:v>
                </c:pt>
                <c:pt idx="2307">
                  <c:v>43370</c:v>
                </c:pt>
                <c:pt idx="2308">
                  <c:v>43371</c:v>
                </c:pt>
                <c:pt idx="2309">
                  <c:v>43373</c:v>
                </c:pt>
                <c:pt idx="2310">
                  <c:v>43374</c:v>
                </c:pt>
                <c:pt idx="2311">
                  <c:v>43375</c:v>
                </c:pt>
                <c:pt idx="2312">
                  <c:v>43376</c:v>
                </c:pt>
                <c:pt idx="2313">
                  <c:v>43377</c:v>
                </c:pt>
                <c:pt idx="2314">
                  <c:v>43378</c:v>
                </c:pt>
                <c:pt idx="2315">
                  <c:v>43381</c:v>
                </c:pt>
                <c:pt idx="2316">
                  <c:v>43382</c:v>
                </c:pt>
                <c:pt idx="2317">
                  <c:v>43383</c:v>
                </c:pt>
                <c:pt idx="2318">
                  <c:v>43384</c:v>
                </c:pt>
                <c:pt idx="2319">
                  <c:v>43385</c:v>
                </c:pt>
                <c:pt idx="2320">
                  <c:v>43388</c:v>
                </c:pt>
                <c:pt idx="2321">
                  <c:v>43389</c:v>
                </c:pt>
                <c:pt idx="2322">
                  <c:v>43390</c:v>
                </c:pt>
                <c:pt idx="2323">
                  <c:v>43391</c:v>
                </c:pt>
                <c:pt idx="2324">
                  <c:v>43392</c:v>
                </c:pt>
                <c:pt idx="2325">
                  <c:v>43395</c:v>
                </c:pt>
                <c:pt idx="2326">
                  <c:v>43396</c:v>
                </c:pt>
                <c:pt idx="2327">
                  <c:v>43397</c:v>
                </c:pt>
                <c:pt idx="2328">
                  <c:v>43398</c:v>
                </c:pt>
                <c:pt idx="2329">
                  <c:v>43399</c:v>
                </c:pt>
                <c:pt idx="2330">
                  <c:v>43402</c:v>
                </c:pt>
                <c:pt idx="2331">
                  <c:v>43403</c:v>
                </c:pt>
                <c:pt idx="2332">
                  <c:v>43404</c:v>
                </c:pt>
                <c:pt idx="2333">
                  <c:v>43405</c:v>
                </c:pt>
                <c:pt idx="2334">
                  <c:v>43406</c:v>
                </c:pt>
                <c:pt idx="2335">
                  <c:v>43409</c:v>
                </c:pt>
                <c:pt idx="2336">
                  <c:v>43410</c:v>
                </c:pt>
                <c:pt idx="2337">
                  <c:v>43411</c:v>
                </c:pt>
                <c:pt idx="2338">
                  <c:v>43412</c:v>
                </c:pt>
                <c:pt idx="2339">
                  <c:v>43413</c:v>
                </c:pt>
                <c:pt idx="2340">
                  <c:v>43416</c:v>
                </c:pt>
                <c:pt idx="2341">
                  <c:v>43417</c:v>
                </c:pt>
                <c:pt idx="2342">
                  <c:v>43418</c:v>
                </c:pt>
                <c:pt idx="2343">
                  <c:v>43419</c:v>
                </c:pt>
                <c:pt idx="2344">
                  <c:v>43420</c:v>
                </c:pt>
                <c:pt idx="2345">
                  <c:v>43423</c:v>
                </c:pt>
                <c:pt idx="2346">
                  <c:v>43424</c:v>
                </c:pt>
                <c:pt idx="2347">
                  <c:v>43425</c:v>
                </c:pt>
                <c:pt idx="2348">
                  <c:v>43426</c:v>
                </c:pt>
                <c:pt idx="2349">
                  <c:v>43427</c:v>
                </c:pt>
                <c:pt idx="2350">
                  <c:v>43430</c:v>
                </c:pt>
                <c:pt idx="2351">
                  <c:v>43431</c:v>
                </c:pt>
                <c:pt idx="2352">
                  <c:v>43432</c:v>
                </c:pt>
                <c:pt idx="2353">
                  <c:v>43433</c:v>
                </c:pt>
                <c:pt idx="2354">
                  <c:v>43434</c:v>
                </c:pt>
                <c:pt idx="2355">
                  <c:v>43437</c:v>
                </c:pt>
                <c:pt idx="2356">
                  <c:v>43438</c:v>
                </c:pt>
                <c:pt idx="2357">
                  <c:v>43439</c:v>
                </c:pt>
                <c:pt idx="2358">
                  <c:v>43440</c:v>
                </c:pt>
                <c:pt idx="2359">
                  <c:v>43441</c:v>
                </c:pt>
                <c:pt idx="2360">
                  <c:v>43444</c:v>
                </c:pt>
                <c:pt idx="2361">
                  <c:v>43445</c:v>
                </c:pt>
                <c:pt idx="2362">
                  <c:v>43446</c:v>
                </c:pt>
                <c:pt idx="2363">
                  <c:v>43447</c:v>
                </c:pt>
                <c:pt idx="2364">
                  <c:v>43448</c:v>
                </c:pt>
                <c:pt idx="2365">
                  <c:v>43451</c:v>
                </c:pt>
                <c:pt idx="2366">
                  <c:v>43452</c:v>
                </c:pt>
                <c:pt idx="2367">
                  <c:v>43453</c:v>
                </c:pt>
                <c:pt idx="2368">
                  <c:v>43454</c:v>
                </c:pt>
                <c:pt idx="2369">
                  <c:v>43455</c:v>
                </c:pt>
                <c:pt idx="2370">
                  <c:v>43458</c:v>
                </c:pt>
                <c:pt idx="2372">
                  <c:v>43460</c:v>
                </c:pt>
                <c:pt idx="2373">
                  <c:v>43461</c:v>
                </c:pt>
                <c:pt idx="2374">
                  <c:v>43462</c:v>
                </c:pt>
                <c:pt idx="2375">
                  <c:v>43465</c:v>
                </c:pt>
                <c:pt idx="2377">
                  <c:v>43467</c:v>
                </c:pt>
                <c:pt idx="2378">
                  <c:v>43468</c:v>
                </c:pt>
                <c:pt idx="2379">
                  <c:v>43469</c:v>
                </c:pt>
                <c:pt idx="2380">
                  <c:v>43472</c:v>
                </c:pt>
                <c:pt idx="2381">
                  <c:v>43473</c:v>
                </c:pt>
                <c:pt idx="2382">
                  <c:v>43474</c:v>
                </c:pt>
                <c:pt idx="2383">
                  <c:v>43475</c:v>
                </c:pt>
                <c:pt idx="2384">
                  <c:v>43476</c:v>
                </c:pt>
                <c:pt idx="2385">
                  <c:v>43479</c:v>
                </c:pt>
                <c:pt idx="2386">
                  <c:v>43480</c:v>
                </c:pt>
                <c:pt idx="2387">
                  <c:v>43481</c:v>
                </c:pt>
                <c:pt idx="2388">
                  <c:v>43482</c:v>
                </c:pt>
                <c:pt idx="2389">
                  <c:v>43483</c:v>
                </c:pt>
                <c:pt idx="2390">
                  <c:v>43486</c:v>
                </c:pt>
                <c:pt idx="2391">
                  <c:v>43487</c:v>
                </c:pt>
                <c:pt idx="2392">
                  <c:v>43488</c:v>
                </c:pt>
                <c:pt idx="2393">
                  <c:v>43489</c:v>
                </c:pt>
                <c:pt idx="2394">
                  <c:v>43490</c:v>
                </c:pt>
                <c:pt idx="2395">
                  <c:v>43493</c:v>
                </c:pt>
                <c:pt idx="2396">
                  <c:v>43494</c:v>
                </c:pt>
                <c:pt idx="2397">
                  <c:v>43495</c:v>
                </c:pt>
                <c:pt idx="2398">
                  <c:v>43496</c:v>
                </c:pt>
                <c:pt idx="2399">
                  <c:v>43497</c:v>
                </c:pt>
                <c:pt idx="2400">
                  <c:v>43500</c:v>
                </c:pt>
                <c:pt idx="2401">
                  <c:v>43501</c:v>
                </c:pt>
                <c:pt idx="2402">
                  <c:v>43502</c:v>
                </c:pt>
                <c:pt idx="2403">
                  <c:v>43503</c:v>
                </c:pt>
                <c:pt idx="2404">
                  <c:v>43504</c:v>
                </c:pt>
                <c:pt idx="2405">
                  <c:v>43507</c:v>
                </c:pt>
                <c:pt idx="2406">
                  <c:v>43508</c:v>
                </c:pt>
                <c:pt idx="2407">
                  <c:v>43509</c:v>
                </c:pt>
                <c:pt idx="2408">
                  <c:v>43510</c:v>
                </c:pt>
                <c:pt idx="2409">
                  <c:v>43511</c:v>
                </c:pt>
                <c:pt idx="2410">
                  <c:v>43514</c:v>
                </c:pt>
                <c:pt idx="2411">
                  <c:v>43515</c:v>
                </c:pt>
                <c:pt idx="2412">
                  <c:v>43516</c:v>
                </c:pt>
                <c:pt idx="2413">
                  <c:v>43517</c:v>
                </c:pt>
                <c:pt idx="2414">
                  <c:v>43518</c:v>
                </c:pt>
                <c:pt idx="2415">
                  <c:v>43521</c:v>
                </c:pt>
                <c:pt idx="2416">
                  <c:v>43522</c:v>
                </c:pt>
                <c:pt idx="2417">
                  <c:v>43523</c:v>
                </c:pt>
                <c:pt idx="2418">
                  <c:v>43524</c:v>
                </c:pt>
                <c:pt idx="2419">
                  <c:v>43525</c:v>
                </c:pt>
                <c:pt idx="2420">
                  <c:v>43528</c:v>
                </c:pt>
                <c:pt idx="2421">
                  <c:v>43529</c:v>
                </c:pt>
                <c:pt idx="2422">
                  <c:v>43530</c:v>
                </c:pt>
                <c:pt idx="2423">
                  <c:v>43531</c:v>
                </c:pt>
                <c:pt idx="2424">
                  <c:v>43532</c:v>
                </c:pt>
                <c:pt idx="2425">
                  <c:v>43535</c:v>
                </c:pt>
                <c:pt idx="2426">
                  <c:v>43536</c:v>
                </c:pt>
                <c:pt idx="2427">
                  <c:v>43537</c:v>
                </c:pt>
                <c:pt idx="2428">
                  <c:v>43538</c:v>
                </c:pt>
                <c:pt idx="2429">
                  <c:v>43539</c:v>
                </c:pt>
                <c:pt idx="2430">
                  <c:v>43542</c:v>
                </c:pt>
                <c:pt idx="2431">
                  <c:v>43543</c:v>
                </c:pt>
                <c:pt idx="2432">
                  <c:v>43544</c:v>
                </c:pt>
                <c:pt idx="2433">
                  <c:v>43545</c:v>
                </c:pt>
                <c:pt idx="2434">
                  <c:v>43546</c:v>
                </c:pt>
                <c:pt idx="2435">
                  <c:v>43549</c:v>
                </c:pt>
                <c:pt idx="2436">
                  <c:v>43550</c:v>
                </c:pt>
                <c:pt idx="2437">
                  <c:v>43551</c:v>
                </c:pt>
                <c:pt idx="2438">
                  <c:v>43552</c:v>
                </c:pt>
                <c:pt idx="2439">
                  <c:v>43553</c:v>
                </c:pt>
                <c:pt idx="2440">
                  <c:v>43555</c:v>
                </c:pt>
                <c:pt idx="2441">
                  <c:v>43556</c:v>
                </c:pt>
                <c:pt idx="2442">
                  <c:v>43557</c:v>
                </c:pt>
                <c:pt idx="2443">
                  <c:v>43558</c:v>
                </c:pt>
                <c:pt idx="2444">
                  <c:v>43559</c:v>
                </c:pt>
                <c:pt idx="2445">
                  <c:v>43560</c:v>
                </c:pt>
                <c:pt idx="2446">
                  <c:v>43563</c:v>
                </c:pt>
                <c:pt idx="2447">
                  <c:v>43564</c:v>
                </c:pt>
                <c:pt idx="2448">
                  <c:v>43565</c:v>
                </c:pt>
                <c:pt idx="2449">
                  <c:v>43566</c:v>
                </c:pt>
                <c:pt idx="2450">
                  <c:v>43567</c:v>
                </c:pt>
                <c:pt idx="2451">
                  <c:v>43570</c:v>
                </c:pt>
                <c:pt idx="2452">
                  <c:v>43571</c:v>
                </c:pt>
                <c:pt idx="2453">
                  <c:v>43572</c:v>
                </c:pt>
                <c:pt idx="2454">
                  <c:v>43573</c:v>
                </c:pt>
                <c:pt idx="2456">
                  <c:v>43577</c:v>
                </c:pt>
                <c:pt idx="2457">
                  <c:v>43578</c:v>
                </c:pt>
                <c:pt idx="2458">
                  <c:v>43579</c:v>
                </c:pt>
                <c:pt idx="2459">
                  <c:v>43580</c:v>
                </c:pt>
                <c:pt idx="2460">
                  <c:v>43581</c:v>
                </c:pt>
                <c:pt idx="2461">
                  <c:v>43584</c:v>
                </c:pt>
                <c:pt idx="2462">
                  <c:v>43585</c:v>
                </c:pt>
                <c:pt idx="2463">
                  <c:v>43586</c:v>
                </c:pt>
                <c:pt idx="2464">
                  <c:v>43587</c:v>
                </c:pt>
                <c:pt idx="2465">
                  <c:v>43588</c:v>
                </c:pt>
                <c:pt idx="2466">
                  <c:v>43591</c:v>
                </c:pt>
                <c:pt idx="2467">
                  <c:v>43592</c:v>
                </c:pt>
                <c:pt idx="2468">
                  <c:v>43593</c:v>
                </c:pt>
                <c:pt idx="2469">
                  <c:v>43594</c:v>
                </c:pt>
                <c:pt idx="2470">
                  <c:v>43595</c:v>
                </c:pt>
                <c:pt idx="2471">
                  <c:v>43598</c:v>
                </c:pt>
                <c:pt idx="2472">
                  <c:v>43599</c:v>
                </c:pt>
                <c:pt idx="2473">
                  <c:v>43600</c:v>
                </c:pt>
                <c:pt idx="2474">
                  <c:v>43601</c:v>
                </c:pt>
                <c:pt idx="2475">
                  <c:v>43602</c:v>
                </c:pt>
                <c:pt idx="2476">
                  <c:v>43605</c:v>
                </c:pt>
                <c:pt idx="2477">
                  <c:v>43606</c:v>
                </c:pt>
                <c:pt idx="2478">
                  <c:v>43607</c:v>
                </c:pt>
                <c:pt idx="2479">
                  <c:v>43608</c:v>
                </c:pt>
                <c:pt idx="2480">
                  <c:v>43609</c:v>
                </c:pt>
                <c:pt idx="2481">
                  <c:v>43612</c:v>
                </c:pt>
                <c:pt idx="2482">
                  <c:v>43613</c:v>
                </c:pt>
                <c:pt idx="2483">
                  <c:v>43614</c:v>
                </c:pt>
                <c:pt idx="2484">
                  <c:v>43615</c:v>
                </c:pt>
                <c:pt idx="2485">
                  <c:v>43616</c:v>
                </c:pt>
                <c:pt idx="2486">
                  <c:v>43619</c:v>
                </c:pt>
                <c:pt idx="2487">
                  <c:v>43620</c:v>
                </c:pt>
                <c:pt idx="2488">
                  <c:v>43621</c:v>
                </c:pt>
                <c:pt idx="2489">
                  <c:v>43622</c:v>
                </c:pt>
                <c:pt idx="2490">
                  <c:v>43623</c:v>
                </c:pt>
                <c:pt idx="2491">
                  <c:v>43626</c:v>
                </c:pt>
                <c:pt idx="2492">
                  <c:v>43627</c:v>
                </c:pt>
                <c:pt idx="2493">
                  <c:v>43628</c:v>
                </c:pt>
                <c:pt idx="2494">
                  <c:v>43629</c:v>
                </c:pt>
                <c:pt idx="2495">
                  <c:v>43630</c:v>
                </c:pt>
                <c:pt idx="2496">
                  <c:v>43633</c:v>
                </c:pt>
                <c:pt idx="2497">
                  <c:v>43634</c:v>
                </c:pt>
                <c:pt idx="2498">
                  <c:v>43635</c:v>
                </c:pt>
                <c:pt idx="2499">
                  <c:v>43636</c:v>
                </c:pt>
                <c:pt idx="2500">
                  <c:v>43637</c:v>
                </c:pt>
                <c:pt idx="2501">
                  <c:v>43640</c:v>
                </c:pt>
                <c:pt idx="2502">
                  <c:v>43641</c:v>
                </c:pt>
                <c:pt idx="2503">
                  <c:v>43642</c:v>
                </c:pt>
                <c:pt idx="2504">
                  <c:v>43643</c:v>
                </c:pt>
                <c:pt idx="2505">
                  <c:v>43644</c:v>
                </c:pt>
                <c:pt idx="2506">
                  <c:v>43646</c:v>
                </c:pt>
                <c:pt idx="2507">
                  <c:v>43647</c:v>
                </c:pt>
                <c:pt idx="2508">
                  <c:v>43648</c:v>
                </c:pt>
                <c:pt idx="2509">
                  <c:v>43649</c:v>
                </c:pt>
                <c:pt idx="2510">
                  <c:v>43650</c:v>
                </c:pt>
                <c:pt idx="2511">
                  <c:v>43651</c:v>
                </c:pt>
                <c:pt idx="2512">
                  <c:v>43654</c:v>
                </c:pt>
                <c:pt idx="2513">
                  <c:v>43655</c:v>
                </c:pt>
                <c:pt idx="2514">
                  <c:v>43656</c:v>
                </c:pt>
                <c:pt idx="2515">
                  <c:v>43657</c:v>
                </c:pt>
                <c:pt idx="2516">
                  <c:v>43658</c:v>
                </c:pt>
                <c:pt idx="2517">
                  <c:v>43661</c:v>
                </c:pt>
                <c:pt idx="2518">
                  <c:v>43662</c:v>
                </c:pt>
                <c:pt idx="2519">
                  <c:v>43663</c:v>
                </c:pt>
                <c:pt idx="2520">
                  <c:v>43664</c:v>
                </c:pt>
                <c:pt idx="2521">
                  <c:v>43665</c:v>
                </c:pt>
                <c:pt idx="2522">
                  <c:v>43668</c:v>
                </c:pt>
                <c:pt idx="2523">
                  <c:v>43669</c:v>
                </c:pt>
                <c:pt idx="2524">
                  <c:v>43670</c:v>
                </c:pt>
                <c:pt idx="2525">
                  <c:v>43671</c:v>
                </c:pt>
                <c:pt idx="2526">
                  <c:v>43672</c:v>
                </c:pt>
                <c:pt idx="2527">
                  <c:v>43675</c:v>
                </c:pt>
                <c:pt idx="2528">
                  <c:v>43676</c:v>
                </c:pt>
                <c:pt idx="2529">
                  <c:v>43677</c:v>
                </c:pt>
                <c:pt idx="2530">
                  <c:v>43678</c:v>
                </c:pt>
                <c:pt idx="2531">
                  <c:v>43679</c:v>
                </c:pt>
                <c:pt idx="2532">
                  <c:v>43682</c:v>
                </c:pt>
                <c:pt idx="2533">
                  <c:v>43683</c:v>
                </c:pt>
                <c:pt idx="2534">
                  <c:v>43684</c:v>
                </c:pt>
                <c:pt idx="2535">
                  <c:v>43685</c:v>
                </c:pt>
                <c:pt idx="2536">
                  <c:v>43686</c:v>
                </c:pt>
                <c:pt idx="2537">
                  <c:v>43689</c:v>
                </c:pt>
                <c:pt idx="2538">
                  <c:v>43690</c:v>
                </c:pt>
                <c:pt idx="2539">
                  <c:v>43691</c:v>
                </c:pt>
                <c:pt idx="2540">
                  <c:v>43692</c:v>
                </c:pt>
                <c:pt idx="2541">
                  <c:v>43693</c:v>
                </c:pt>
                <c:pt idx="2542">
                  <c:v>43696</c:v>
                </c:pt>
                <c:pt idx="2543">
                  <c:v>43697</c:v>
                </c:pt>
                <c:pt idx="2544">
                  <c:v>43698</c:v>
                </c:pt>
                <c:pt idx="2545">
                  <c:v>43699</c:v>
                </c:pt>
                <c:pt idx="2546">
                  <c:v>43700</c:v>
                </c:pt>
                <c:pt idx="2547">
                  <c:v>43703</c:v>
                </c:pt>
                <c:pt idx="2548">
                  <c:v>43704</c:v>
                </c:pt>
                <c:pt idx="2549">
                  <c:v>43705</c:v>
                </c:pt>
                <c:pt idx="2550">
                  <c:v>43706</c:v>
                </c:pt>
                <c:pt idx="2551">
                  <c:v>43707</c:v>
                </c:pt>
                <c:pt idx="2552">
                  <c:v>43708</c:v>
                </c:pt>
                <c:pt idx="2553">
                  <c:v>43710</c:v>
                </c:pt>
                <c:pt idx="2554">
                  <c:v>43711</c:v>
                </c:pt>
                <c:pt idx="2555">
                  <c:v>43712</c:v>
                </c:pt>
                <c:pt idx="2556">
                  <c:v>43713</c:v>
                </c:pt>
                <c:pt idx="2557">
                  <c:v>43714</c:v>
                </c:pt>
                <c:pt idx="2558">
                  <c:v>43717</c:v>
                </c:pt>
                <c:pt idx="2559">
                  <c:v>43718</c:v>
                </c:pt>
                <c:pt idx="2560">
                  <c:v>43719</c:v>
                </c:pt>
                <c:pt idx="2561">
                  <c:v>43720</c:v>
                </c:pt>
                <c:pt idx="2562">
                  <c:v>43721</c:v>
                </c:pt>
                <c:pt idx="2563">
                  <c:v>43724</c:v>
                </c:pt>
                <c:pt idx="2564">
                  <c:v>43725</c:v>
                </c:pt>
                <c:pt idx="2565">
                  <c:v>43726</c:v>
                </c:pt>
                <c:pt idx="2566">
                  <c:v>43727</c:v>
                </c:pt>
                <c:pt idx="2567">
                  <c:v>43728</c:v>
                </c:pt>
                <c:pt idx="2568">
                  <c:v>43731</c:v>
                </c:pt>
                <c:pt idx="2569">
                  <c:v>43732</c:v>
                </c:pt>
                <c:pt idx="2570">
                  <c:v>43733</c:v>
                </c:pt>
                <c:pt idx="2571">
                  <c:v>43734</c:v>
                </c:pt>
                <c:pt idx="2572">
                  <c:v>43735</c:v>
                </c:pt>
                <c:pt idx="2573">
                  <c:v>43738</c:v>
                </c:pt>
                <c:pt idx="2574">
                  <c:v>43739</c:v>
                </c:pt>
                <c:pt idx="2575">
                  <c:v>43740</c:v>
                </c:pt>
                <c:pt idx="2576">
                  <c:v>43741</c:v>
                </c:pt>
                <c:pt idx="2577">
                  <c:v>43742</c:v>
                </c:pt>
                <c:pt idx="2578">
                  <c:v>43745</c:v>
                </c:pt>
                <c:pt idx="2579">
                  <c:v>43746</c:v>
                </c:pt>
                <c:pt idx="2580">
                  <c:v>43747</c:v>
                </c:pt>
                <c:pt idx="2581">
                  <c:v>43748</c:v>
                </c:pt>
                <c:pt idx="2582">
                  <c:v>43749</c:v>
                </c:pt>
                <c:pt idx="2583">
                  <c:v>43752</c:v>
                </c:pt>
                <c:pt idx="2584">
                  <c:v>43753</c:v>
                </c:pt>
                <c:pt idx="2585">
                  <c:v>43754</c:v>
                </c:pt>
                <c:pt idx="2586">
                  <c:v>43755</c:v>
                </c:pt>
                <c:pt idx="2587">
                  <c:v>43756</c:v>
                </c:pt>
                <c:pt idx="2588">
                  <c:v>43759</c:v>
                </c:pt>
                <c:pt idx="2589">
                  <c:v>43760</c:v>
                </c:pt>
                <c:pt idx="2590">
                  <c:v>43761</c:v>
                </c:pt>
                <c:pt idx="2591">
                  <c:v>43762</c:v>
                </c:pt>
                <c:pt idx="2592">
                  <c:v>43763</c:v>
                </c:pt>
                <c:pt idx="2593">
                  <c:v>43766</c:v>
                </c:pt>
                <c:pt idx="2594">
                  <c:v>43767</c:v>
                </c:pt>
                <c:pt idx="2595">
                  <c:v>43768</c:v>
                </c:pt>
                <c:pt idx="2596">
                  <c:v>43769</c:v>
                </c:pt>
                <c:pt idx="2597">
                  <c:v>43770</c:v>
                </c:pt>
                <c:pt idx="2598">
                  <c:v>43773</c:v>
                </c:pt>
                <c:pt idx="2599">
                  <c:v>43774</c:v>
                </c:pt>
                <c:pt idx="2600">
                  <c:v>43775</c:v>
                </c:pt>
                <c:pt idx="2601">
                  <c:v>43776</c:v>
                </c:pt>
                <c:pt idx="2602">
                  <c:v>43777</c:v>
                </c:pt>
                <c:pt idx="2603">
                  <c:v>43780</c:v>
                </c:pt>
                <c:pt idx="2604">
                  <c:v>43781</c:v>
                </c:pt>
                <c:pt idx="2605">
                  <c:v>43782</c:v>
                </c:pt>
                <c:pt idx="2606">
                  <c:v>43783</c:v>
                </c:pt>
                <c:pt idx="2607">
                  <c:v>43784</c:v>
                </c:pt>
                <c:pt idx="2608">
                  <c:v>43787</c:v>
                </c:pt>
                <c:pt idx="2609">
                  <c:v>43788</c:v>
                </c:pt>
                <c:pt idx="2610">
                  <c:v>43789</c:v>
                </c:pt>
                <c:pt idx="2611">
                  <c:v>43790</c:v>
                </c:pt>
                <c:pt idx="2612">
                  <c:v>43791</c:v>
                </c:pt>
                <c:pt idx="2613">
                  <c:v>43794</c:v>
                </c:pt>
                <c:pt idx="2614">
                  <c:v>43795</c:v>
                </c:pt>
                <c:pt idx="2615">
                  <c:v>43796</c:v>
                </c:pt>
                <c:pt idx="2617">
                  <c:v>43798</c:v>
                </c:pt>
                <c:pt idx="2618">
                  <c:v>43799</c:v>
                </c:pt>
                <c:pt idx="2619">
                  <c:v>43801</c:v>
                </c:pt>
                <c:pt idx="2620">
                  <c:v>43802</c:v>
                </c:pt>
                <c:pt idx="2621">
                  <c:v>43803</c:v>
                </c:pt>
                <c:pt idx="2622">
                  <c:v>43804</c:v>
                </c:pt>
                <c:pt idx="2623">
                  <c:v>43805</c:v>
                </c:pt>
                <c:pt idx="2624">
                  <c:v>43808</c:v>
                </c:pt>
                <c:pt idx="2625">
                  <c:v>43809</c:v>
                </c:pt>
                <c:pt idx="2626">
                  <c:v>43810</c:v>
                </c:pt>
                <c:pt idx="2627">
                  <c:v>43811</c:v>
                </c:pt>
                <c:pt idx="2628">
                  <c:v>43812</c:v>
                </c:pt>
                <c:pt idx="2629">
                  <c:v>43815</c:v>
                </c:pt>
                <c:pt idx="2630">
                  <c:v>43816</c:v>
                </c:pt>
                <c:pt idx="2631">
                  <c:v>43817</c:v>
                </c:pt>
                <c:pt idx="2632">
                  <c:v>43818</c:v>
                </c:pt>
                <c:pt idx="2633">
                  <c:v>43819</c:v>
                </c:pt>
                <c:pt idx="2634">
                  <c:v>43822</c:v>
                </c:pt>
                <c:pt idx="2635">
                  <c:v>43823</c:v>
                </c:pt>
                <c:pt idx="2637">
                  <c:v>43825</c:v>
                </c:pt>
                <c:pt idx="2638">
                  <c:v>43826</c:v>
                </c:pt>
                <c:pt idx="2639">
                  <c:v>43829</c:v>
                </c:pt>
                <c:pt idx="2640">
                  <c:v>43830</c:v>
                </c:pt>
                <c:pt idx="2642">
                  <c:v>43832</c:v>
                </c:pt>
                <c:pt idx="2643">
                  <c:v>43833</c:v>
                </c:pt>
                <c:pt idx="2644">
                  <c:v>43836</c:v>
                </c:pt>
                <c:pt idx="2645">
                  <c:v>43837</c:v>
                </c:pt>
                <c:pt idx="2646">
                  <c:v>43838</c:v>
                </c:pt>
                <c:pt idx="2647">
                  <c:v>43839</c:v>
                </c:pt>
                <c:pt idx="2648">
                  <c:v>43840</c:v>
                </c:pt>
                <c:pt idx="2649">
                  <c:v>43843</c:v>
                </c:pt>
                <c:pt idx="2650">
                  <c:v>43844</c:v>
                </c:pt>
                <c:pt idx="2651">
                  <c:v>43845</c:v>
                </c:pt>
                <c:pt idx="2652">
                  <c:v>43846</c:v>
                </c:pt>
                <c:pt idx="2653">
                  <c:v>43847</c:v>
                </c:pt>
                <c:pt idx="2654">
                  <c:v>43850</c:v>
                </c:pt>
                <c:pt idx="2655">
                  <c:v>43851</c:v>
                </c:pt>
                <c:pt idx="2656">
                  <c:v>43852</c:v>
                </c:pt>
                <c:pt idx="2657">
                  <c:v>43853</c:v>
                </c:pt>
                <c:pt idx="2658">
                  <c:v>43854</c:v>
                </c:pt>
                <c:pt idx="2659">
                  <c:v>43857</c:v>
                </c:pt>
                <c:pt idx="2660">
                  <c:v>43858</c:v>
                </c:pt>
                <c:pt idx="2661">
                  <c:v>43859</c:v>
                </c:pt>
                <c:pt idx="2662">
                  <c:v>43860</c:v>
                </c:pt>
                <c:pt idx="2663">
                  <c:v>43861</c:v>
                </c:pt>
                <c:pt idx="2664">
                  <c:v>43864</c:v>
                </c:pt>
                <c:pt idx="2665">
                  <c:v>43865</c:v>
                </c:pt>
                <c:pt idx="2666">
                  <c:v>43866</c:v>
                </c:pt>
                <c:pt idx="2667">
                  <c:v>43867</c:v>
                </c:pt>
                <c:pt idx="2668">
                  <c:v>43868</c:v>
                </c:pt>
                <c:pt idx="2669">
                  <c:v>43871</c:v>
                </c:pt>
                <c:pt idx="2670">
                  <c:v>43872</c:v>
                </c:pt>
                <c:pt idx="2671">
                  <c:v>43873</c:v>
                </c:pt>
                <c:pt idx="2672">
                  <c:v>43874</c:v>
                </c:pt>
                <c:pt idx="2673">
                  <c:v>43875</c:v>
                </c:pt>
                <c:pt idx="2674">
                  <c:v>43878</c:v>
                </c:pt>
                <c:pt idx="2675">
                  <c:v>43879</c:v>
                </c:pt>
                <c:pt idx="2676">
                  <c:v>43880</c:v>
                </c:pt>
                <c:pt idx="2677">
                  <c:v>43881</c:v>
                </c:pt>
                <c:pt idx="2678">
                  <c:v>43882</c:v>
                </c:pt>
                <c:pt idx="2679">
                  <c:v>43885</c:v>
                </c:pt>
                <c:pt idx="2680">
                  <c:v>43886</c:v>
                </c:pt>
                <c:pt idx="2681">
                  <c:v>43887</c:v>
                </c:pt>
                <c:pt idx="2682">
                  <c:v>43888</c:v>
                </c:pt>
                <c:pt idx="2683">
                  <c:v>43889</c:v>
                </c:pt>
                <c:pt idx="2684">
                  <c:v>43890</c:v>
                </c:pt>
                <c:pt idx="2685">
                  <c:v>43892</c:v>
                </c:pt>
                <c:pt idx="2686">
                  <c:v>43893</c:v>
                </c:pt>
                <c:pt idx="2687">
                  <c:v>43894</c:v>
                </c:pt>
                <c:pt idx="2688">
                  <c:v>43895</c:v>
                </c:pt>
                <c:pt idx="2689">
                  <c:v>43896</c:v>
                </c:pt>
                <c:pt idx="2690">
                  <c:v>43899</c:v>
                </c:pt>
                <c:pt idx="2691">
                  <c:v>43900</c:v>
                </c:pt>
                <c:pt idx="2692">
                  <c:v>43901</c:v>
                </c:pt>
                <c:pt idx="2693">
                  <c:v>43902</c:v>
                </c:pt>
                <c:pt idx="2694">
                  <c:v>43903</c:v>
                </c:pt>
                <c:pt idx="2695">
                  <c:v>43906</c:v>
                </c:pt>
                <c:pt idx="2696">
                  <c:v>43907</c:v>
                </c:pt>
                <c:pt idx="2697">
                  <c:v>43908</c:v>
                </c:pt>
                <c:pt idx="2698">
                  <c:v>43909</c:v>
                </c:pt>
                <c:pt idx="2699">
                  <c:v>43910</c:v>
                </c:pt>
                <c:pt idx="2700">
                  <c:v>43913</c:v>
                </c:pt>
                <c:pt idx="2701">
                  <c:v>43914</c:v>
                </c:pt>
                <c:pt idx="2702">
                  <c:v>43915</c:v>
                </c:pt>
                <c:pt idx="2703">
                  <c:v>43916</c:v>
                </c:pt>
                <c:pt idx="2704">
                  <c:v>43917</c:v>
                </c:pt>
                <c:pt idx="2705">
                  <c:v>43920</c:v>
                </c:pt>
                <c:pt idx="2706">
                  <c:v>43921</c:v>
                </c:pt>
                <c:pt idx="2707">
                  <c:v>43922</c:v>
                </c:pt>
                <c:pt idx="2708">
                  <c:v>43923</c:v>
                </c:pt>
                <c:pt idx="2709">
                  <c:v>43924</c:v>
                </c:pt>
                <c:pt idx="2710">
                  <c:v>43927</c:v>
                </c:pt>
                <c:pt idx="2711">
                  <c:v>43928</c:v>
                </c:pt>
                <c:pt idx="2712">
                  <c:v>43929</c:v>
                </c:pt>
                <c:pt idx="2713">
                  <c:v>43930</c:v>
                </c:pt>
                <c:pt idx="2715">
                  <c:v>43934</c:v>
                </c:pt>
                <c:pt idx="2716">
                  <c:v>43935</c:v>
                </c:pt>
                <c:pt idx="2717">
                  <c:v>43936</c:v>
                </c:pt>
                <c:pt idx="2718">
                  <c:v>43937</c:v>
                </c:pt>
                <c:pt idx="2719">
                  <c:v>43938</c:v>
                </c:pt>
                <c:pt idx="2720">
                  <c:v>43941</c:v>
                </c:pt>
                <c:pt idx="2721">
                  <c:v>43942</c:v>
                </c:pt>
                <c:pt idx="2722">
                  <c:v>43943</c:v>
                </c:pt>
                <c:pt idx="2723">
                  <c:v>43944</c:v>
                </c:pt>
                <c:pt idx="2724">
                  <c:v>43945</c:v>
                </c:pt>
                <c:pt idx="2725">
                  <c:v>43948</c:v>
                </c:pt>
                <c:pt idx="2726">
                  <c:v>43949</c:v>
                </c:pt>
                <c:pt idx="2727">
                  <c:v>43950</c:v>
                </c:pt>
                <c:pt idx="2728">
                  <c:v>43951</c:v>
                </c:pt>
                <c:pt idx="2729">
                  <c:v>43952</c:v>
                </c:pt>
                <c:pt idx="2730">
                  <c:v>43955</c:v>
                </c:pt>
                <c:pt idx="2731">
                  <c:v>43956</c:v>
                </c:pt>
                <c:pt idx="2732">
                  <c:v>43957</c:v>
                </c:pt>
                <c:pt idx="2733">
                  <c:v>43958</c:v>
                </c:pt>
                <c:pt idx="2734">
                  <c:v>43959</c:v>
                </c:pt>
                <c:pt idx="2735">
                  <c:v>43962</c:v>
                </c:pt>
                <c:pt idx="2736">
                  <c:v>43963</c:v>
                </c:pt>
                <c:pt idx="2737">
                  <c:v>43964</c:v>
                </c:pt>
                <c:pt idx="2738">
                  <c:v>43965</c:v>
                </c:pt>
                <c:pt idx="2739">
                  <c:v>43966</c:v>
                </c:pt>
                <c:pt idx="2740">
                  <c:v>43969</c:v>
                </c:pt>
                <c:pt idx="2741">
                  <c:v>43970</c:v>
                </c:pt>
                <c:pt idx="2742">
                  <c:v>43971</c:v>
                </c:pt>
                <c:pt idx="2743">
                  <c:v>43972</c:v>
                </c:pt>
                <c:pt idx="2744">
                  <c:v>43973</c:v>
                </c:pt>
                <c:pt idx="2745">
                  <c:v>43976</c:v>
                </c:pt>
                <c:pt idx="2746">
                  <c:v>43977</c:v>
                </c:pt>
                <c:pt idx="2747">
                  <c:v>43978</c:v>
                </c:pt>
                <c:pt idx="2748">
                  <c:v>43979</c:v>
                </c:pt>
                <c:pt idx="2749">
                  <c:v>43980</c:v>
                </c:pt>
                <c:pt idx="2750">
                  <c:v>43982</c:v>
                </c:pt>
                <c:pt idx="2751">
                  <c:v>43983</c:v>
                </c:pt>
                <c:pt idx="2752">
                  <c:v>43984</c:v>
                </c:pt>
                <c:pt idx="2753">
                  <c:v>43985</c:v>
                </c:pt>
                <c:pt idx="2754">
                  <c:v>43986</c:v>
                </c:pt>
                <c:pt idx="2755">
                  <c:v>43987</c:v>
                </c:pt>
                <c:pt idx="2756">
                  <c:v>43990</c:v>
                </c:pt>
                <c:pt idx="2757">
                  <c:v>43991</c:v>
                </c:pt>
                <c:pt idx="2758">
                  <c:v>43992</c:v>
                </c:pt>
                <c:pt idx="2759">
                  <c:v>43993</c:v>
                </c:pt>
                <c:pt idx="2760">
                  <c:v>43994</c:v>
                </c:pt>
                <c:pt idx="2761">
                  <c:v>43997</c:v>
                </c:pt>
                <c:pt idx="2762">
                  <c:v>43998</c:v>
                </c:pt>
                <c:pt idx="2763">
                  <c:v>43999</c:v>
                </c:pt>
                <c:pt idx="2764">
                  <c:v>44000</c:v>
                </c:pt>
                <c:pt idx="2765">
                  <c:v>44001</c:v>
                </c:pt>
                <c:pt idx="2766">
                  <c:v>44004</c:v>
                </c:pt>
                <c:pt idx="2767">
                  <c:v>44005</c:v>
                </c:pt>
                <c:pt idx="2768">
                  <c:v>44006</c:v>
                </c:pt>
                <c:pt idx="2769">
                  <c:v>44007</c:v>
                </c:pt>
                <c:pt idx="2770">
                  <c:v>44008</c:v>
                </c:pt>
                <c:pt idx="2771">
                  <c:v>44011</c:v>
                </c:pt>
                <c:pt idx="2772">
                  <c:v>44012</c:v>
                </c:pt>
                <c:pt idx="2773">
                  <c:v>44013</c:v>
                </c:pt>
                <c:pt idx="2774">
                  <c:v>44014</c:v>
                </c:pt>
                <c:pt idx="2775">
                  <c:v>44015</c:v>
                </c:pt>
                <c:pt idx="2776">
                  <c:v>44018</c:v>
                </c:pt>
                <c:pt idx="2777">
                  <c:v>44019</c:v>
                </c:pt>
                <c:pt idx="2778">
                  <c:v>44020</c:v>
                </c:pt>
                <c:pt idx="2779">
                  <c:v>44021</c:v>
                </c:pt>
                <c:pt idx="2780">
                  <c:v>44022</c:v>
                </c:pt>
                <c:pt idx="2781">
                  <c:v>44025</c:v>
                </c:pt>
                <c:pt idx="2782">
                  <c:v>44026</c:v>
                </c:pt>
                <c:pt idx="2783">
                  <c:v>44027</c:v>
                </c:pt>
                <c:pt idx="2784">
                  <c:v>44028</c:v>
                </c:pt>
                <c:pt idx="2785">
                  <c:v>44029</c:v>
                </c:pt>
                <c:pt idx="2786">
                  <c:v>44032</c:v>
                </c:pt>
                <c:pt idx="2787">
                  <c:v>44033</c:v>
                </c:pt>
                <c:pt idx="2788">
                  <c:v>44034</c:v>
                </c:pt>
                <c:pt idx="2789">
                  <c:v>44035</c:v>
                </c:pt>
                <c:pt idx="2790">
                  <c:v>44036</c:v>
                </c:pt>
                <c:pt idx="2791">
                  <c:v>44039</c:v>
                </c:pt>
                <c:pt idx="2792">
                  <c:v>44040</c:v>
                </c:pt>
                <c:pt idx="2793">
                  <c:v>44041</c:v>
                </c:pt>
                <c:pt idx="2794">
                  <c:v>44042</c:v>
                </c:pt>
                <c:pt idx="2795">
                  <c:v>44043</c:v>
                </c:pt>
                <c:pt idx="2796">
                  <c:v>44046</c:v>
                </c:pt>
                <c:pt idx="2797">
                  <c:v>44047</c:v>
                </c:pt>
                <c:pt idx="2798">
                  <c:v>44048</c:v>
                </c:pt>
                <c:pt idx="2799">
                  <c:v>44049</c:v>
                </c:pt>
                <c:pt idx="2800">
                  <c:v>44050</c:v>
                </c:pt>
                <c:pt idx="2801">
                  <c:v>44053</c:v>
                </c:pt>
                <c:pt idx="2802">
                  <c:v>44054</c:v>
                </c:pt>
                <c:pt idx="2803">
                  <c:v>44055</c:v>
                </c:pt>
                <c:pt idx="2804">
                  <c:v>44056</c:v>
                </c:pt>
                <c:pt idx="2805">
                  <c:v>44057</c:v>
                </c:pt>
                <c:pt idx="2806">
                  <c:v>44060</c:v>
                </c:pt>
                <c:pt idx="2807">
                  <c:v>44061</c:v>
                </c:pt>
                <c:pt idx="2808">
                  <c:v>44062</c:v>
                </c:pt>
                <c:pt idx="2809">
                  <c:v>44063</c:v>
                </c:pt>
                <c:pt idx="2810">
                  <c:v>44064</c:v>
                </c:pt>
                <c:pt idx="2811">
                  <c:v>44067</c:v>
                </c:pt>
                <c:pt idx="2812">
                  <c:v>44068</c:v>
                </c:pt>
                <c:pt idx="2813">
                  <c:v>44069</c:v>
                </c:pt>
                <c:pt idx="2814">
                  <c:v>44070</c:v>
                </c:pt>
                <c:pt idx="2815">
                  <c:v>44071</c:v>
                </c:pt>
                <c:pt idx="2816">
                  <c:v>44074</c:v>
                </c:pt>
                <c:pt idx="2817">
                  <c:v>44075</c:v>
                </c:pt>
                <c:pt idx="2818">
                  <c:v>44076</c:v>
                </c:pt>
                <c:pt idx="2819">
                  <c:v>44077</c:v>
                </c:pt>
                <c:pt idx="2820">
                  <c:v>44078</c:v>
                </c:pt>
                <c:pt idx="2821">
                  <c:v>44081</c:v>
                </c:pt>
                <c:pt idx="2822">
                  <c:v>44082</c:v>
                </c:pt>
                <c:pt idx="2823">
                  <c:v>44083</c:v>
                </c:pt>
                <c:pt idx="2824">
                  <c:v>44084</c:v>
                </c:pt>
                <c:pt idx="2825">
                  <c:v>44085</c:v>
                </c:pt>
                <c:pt idx="2826">
                  <c:v>44088</c:v>
                </c:pt>
                <c:pt idx="2827">
                  <c:v>44089</c:v>
                </c:pt>
                <c:pt idx="2828">
                  <c:v>44090</c:v>
                </c:pt>
                <c:pt idx="2829">
                  <c:v>44091</c:v>
                </c:pt>
                <c:pt idx="2830">
                  <c:v>44092</c:v>
                </c:pt>
                <c:pt idx="2831">
                  <c:v>44095</c:v>
                </c:pt>
                <c:pt idx="2832">
                  <c:v>44096</c:v>
                </c:pt>
                <c:pt idx="2833">
                  <c:v>44097</c:v>
                </c:pt>
                <c:pt idx="2834">
                  <c:v>44098</c:v>
                </c:pt>
                <c:pt idx="2835">
                  <c:v>44099</c:v>
                </c:pt>
                <c:pt idx="2836">
                  <c:v>44102</c:v>
                </c:pt>
                <c:pt idx="2837">
                  <c:v>44103</c:v>
                </c:pt>
                <c:pt idx="2838">
                  <c:v>44104</c:v>
                </c:pt>
                <c:pt idx="2839">
                  <c:v>44105</c:v>
                </c:pt>
                <c:pt idx="2840">
                  <c:v>44106</c:v>
                </c:pt>
                <c:pt idx="2841">
                  <c:v>44109</c:v>
                </c:pt>
                <c:pt idx="2842">
                  <c:v>44110</c:v>
                </c:pt>
                <c:pt idx="2843">
                  <c:v>44111</c:v>
                </c:pt>
                <c:pt idx="2844">
                  <c:v>44112</c:v>
                </c:pt>
                <c:pt idx="2845">
                  <c:v>44113</c:v>
                </c:pt>
                <c:pt idx="2846">
                  <c:v>44116</c:v>
                </c:pt>
                <c:pt idx="2847">
                  <c:v>44117</c:v>
                </c:pt>
                <c:pt idx="2848">
                  <c:v>44118</c:v>
                </c:pt>
                <c:pt idx="2849">
                  <c:v>44119</c:v>
                </c:pt>
                <c:pt idx="2850">
                  <c:v>44120</c:v>
                </c:pt>
                <c:pt idx="2851">
                  <c:v>44123</c:v>
                </c:pt>
                <c:pt idx="2852">
                  <c:v>44124</c:v>
                </c:pt>
                <c:pt idx="2853">
                  <c:v>44125</c:v>
                </c:pt>
                <c:pt idx="2854">
                  <c:v>44126</c:v>
                </c:pt>
                <c:pt idx="2855">
                  <c:v>44127</c:v>
                </c:pt>
                <c:pt idx="2856">
                  <c:v>44130</c:v>
                </c:pt>
                <c:pt idx="2857">
                  <c:v>44131</c:v>
                </c:pt>
                <c:pt idx="2858">
                  <c:v>44132</c:v>
                </c:pt>
                <c:pt idx="2859">
                  <c:v>44133</c:v>
                </c:pt>
                <c:pt idx="2860">
                  <c:v>44134</c:v>
                </c:pt>
                <c:pt idx="2861">
                  <c:v>44135</c:v>
                </c:pt>
                <c:pt idx="2862">
                  <c:v>44137</c:v>
                </c:pt>
                <c:pt idx="2863">
                  <c:v>44138</c:v>
                </c:pt>
                <c:pt idx="2864">
                  <c:v>44139</c:v>
                </c:pt>
                <c:pt idx="2865">
                  <c:v>44140</c:v>
                </c:pt>
                <c:pt idx="2866">
                  <c:v>44141</c:v>
                </c:pt>
                <c:pt idx="2867">
                  <c:v>44144</c:v>
                </c:pt>
                <c:pt idx="2868">
                  <c:v>44145</c:v>
                </c:pt>
                <c:pt idx="2869">
                  <c:v>44146</c:v>
                </c:pt>
                <c:pt idx="2870">
                  <c:v>44147</c:v>
                </c:pt>
                <c:pt idx="2871">
                  <c:v>44148</c:v>
                </c:pt>
                <c:pt idx="2872">
                  <c:v>44151</c:v>
                </c:pt>
                <c:pt idx="2873">
                  <c:v>44152</c:v>
                </c:pt>
                <c:pt idx="2874">
                  <c:v>44153</c:v>
                </c:pt>
                <c:pt idx="2875">
                  <c:v>44154</c:v>
                </c:pt>
                <c:pt idx="2876">
                  <c:v>44155</c:v>
                </c:pt>
                <c:pt idx="2877">
                  <c:v>44158</c:v>
                </c:pt>
                <c:pt idx="2878">
                  <c:v>44159</c:v>
                </c:pt>
                <c:pt idx="2879">
                  <c:v>44160</c:v>
                </c:pt>
                <c:pt idx="2880">
                  <c:v>44161</c:v>
                </c:pt>
                <c:pt idx="2881">
                  <c:v>44162</c:v>
                </c:pt>
                <c:pt idx="2882">
                  <c:v>44165</c:v>
                </c:pt>
                <c:pt idx="2883">
                  <c:v>44166</c:v>
                </c:pt>
                <c:pt idx="2884">
                  <c:v>44167</c:v>
                </c:pt>
                <c:pt idx="2885">
                  <c:v>44168</c:v>
                </c:pt>
                <c:pt idx="2886">
                  <c:v>44169</c:v>
                </c:pt>
                <c:pt idx="2887">
                  <c:v>44172</c:v>
                </c:pt>
                <c:pt idx="2888">
                  <c:v>44173</c:v>
                </c:pt>
                <c:pt idx="2889">
                  <c:v>44174</c:v>
                </c:pt>
                <c:pt idx="2890">
                  <c:v>44175</c:v>
                </c:pt>
                <c:pt idx="2891">
                  <c:v>44176</c:v>
                </c:pt>
                <c:pt idx="2892">
                  <c:v>44179</c:v>
                </c:pt>
                <c:pt idx="2893">
                  <c:v>44180</c:v>
                </c:pt>
                <c:pt idx="2894">
                  <c:v>44181</c:v>
                </c:pt>
                <c:pt idx="2895">
                  <c:v>44182</c:v>
                </c:pt>
                <c:pt idx="2896">
                  <c:v>44183</c:v>
                </c:pt>
                <c:pt idx="2897">
                  <c:v>44186</c:v>
                </c:pt>
                <c:pt idx="2898">
                  <c:v>44187</c:v>
                </c:pt>
                <c:pt idx="2899">
                  <c:v>44188</c:v>
                </c:pt>
                <c:pt idx="2900">
                  <c:v>44189</c:v>
                </c:pt>
                <c:pt idx="2902">
                  <c:v>44193</c:v>
                </c:pt>
                <c:pt idx="2903">
                  <c:v>44194</c:v>
                </c:pt>
                <c:pt idx="2904">
                  <c:v>44195</c:v>
                </c:pt>
                <c:pt idx="2905">
                  <c:v>44196</c:v>
                </c:pt>
                <c:pt idx="2907">
                  <c:v>44200</c:v>
                </c:pt>
                <c:pt idx="2908">
                  <c:v>44201</c:v>
                </c:pt>
                <c:pt idx="2909">
                  <c:v>44202</c:v>
                </c:pt>
                <c:pt idx="2910">
                  <c:v>44203</c:v>
                </c:pt>
                <c:pt idx="2911">
                  <c:v>44204</c:v>
                </c:pt>
                <c:pt idx="2912">
                  <c:v>44207</c:v>
                </c:pt>
                <c:pt idx="2913">
                  <c:v>44208</c:v>
                </c:pt>
                <c:pt idx="2914">
                  <c:v>44209</c:v>
                </c:pt>
                <c:pt idx="2915">
                  <c:v>44210</c:v>
                </c:pt>
                <c:pt idx="2916">
                  <c:v>44211</c:v>
                </c:pt>
                <c:pt idx="2917">
                  <c:v>44214</c:v>
                </c:pt>
                <c:pt idx="2918">
                  <c:v>44215</c:v>
                </c:pt>
                <c:pt idx="2919">
                  <c:v>44216</c:v>
                </c:pt>
                <c:pt idx="2920">
                  <c:v>44217</c:v>
                </c:pt>
                <c:pt idx="2921">
                  <c:v>44218</c:v>
                </c:pt>
                <c:pt idx="2922">
                  <c:v>44221</c:v>
                </c:pt>
                <c:pt idx="2923">
                  <c:v>44222</c:v>
                </c:pt>
                <c:pt idx="2924">
                  <c:v>44223</c:v>
                </c:pt>
                <c:pt idx="2925">
                  <c:v>44224</c:v>
                </c:pt>
                <c:pt idx="2926">
                  <c:v>44225</c:v>
                </c:pt>
                <c:pt idx="2927">
                  <c:v>44227</c:v>
                </c:pt>
                <c:pt idx="2928">
                  <c:v>44228</c:v>
                </c:pt>
                <c:pt idx="2929">
                  <c:v>44229</c:v>
                </c:pt>
                <c:pt idx="2930">
                  <c:v>44230</c:v>
                </c:pt>
                <c:pt idx="2931">
                  <c:v>44231</c:v>
                </c:pt>
                <c:pt idx="2932">
                  <c:v>44232</c:v>
                </c:pt>
                <c:pt idx="2933">
                  <c:v>44235</c:v>
                </c:pt>
                <c:pt idx="2934">
                  <c:v>44236</c:v>
                </c:pt>
                <c:pt idx="2935">
                  <c:v>44237</c:v>
                </c:pt>
                <c:pt idx="2936">
                  <c:v>44238</c:v>
                </c:pt>
                <c:pt idx="2937">
                  <c:v>44239</c:v>
                </c:pt>
                <c:pt idx="2938">
                  <c:v>44242</c:v>
                </c:pt>
                <c:pt idx="2939">
                  <c:v>44243</c:v>
                </c:pt>
                <c:pt idx="2940">
                  <c:v>44244</c:v>
                </c:pt>
                <c:pt idx="2941">
                  <c:v>44245</c:v>
                </c:pt>
                <c:pt idx="2942">
                  <c:v>44246</c:v>
                </c:pt>
                <c:pt idx="2943">
                  <c:v>44249</c:v>
                </c:pt>
                <c:pt idx="2944">
                  <c:v>44250</c:v>
                </c:pt>
                <c:pt idx="2945">
                  <c:v>44251</c:v>
                </c:pt>
                <c:pt idx="2946">
                  <c:v>44252</c:v>
                </c:pt>
                <c:pt idx="2947">
                  <c:v>44253</c:v>
                </c:pt>
                <c:pt idx="2948">
                  <c:v>44255</c:v>
                </c:pt>
                <c:pt idx="2949">
                  <c:v>44256</c:v>
                </c:pt>
                <c:pt idx="2950">
                  <c:v>44257</c:v>
                </c:pt>
                <c:pt idx="2951">
                  <c:v>44258</c:v>
                </c:pt>
                <c:pt idx="2952">
                  <c:v>44259</c:v>
                </c:pt>
                <c:pt idx="2953">
                  <c:v>44260</c:v>
                </c:pt>
                <c:pt idx="2954">
                  <c:v>44263</c:v>
                </c:pt>
                <c:pt idx="2955">
                  <c:v>44264</c:v>
                </c:pt>
                <c:pt idx="2956">
                  <c:v>44265</c:v>
                </c:pt>
                <c:pt idx="2957">
                  <c:v>44266</c:v>
                </c:pt>
                <c:pt idx="2958">
                  <c:v>44267</c:v>
                </c:pt>
                <c:pt idx="2959">
                  <c:v>44270</c:v>
                </c:pt>
                <c:pt idx="2960">
                  <c:v>44271</c:v>
                </c:pt>
                <c:pt idx="2961">
                  <c:v>44272</c:v>
                </c:pt>
                <c:pt idx="2962">
                  <c:v>44273</c:v>
                </c:pt>
                <c:pt idx="2963">
                  <c:v>44274</c:v>
                </c:pt>
                <c:pt idx="2964">
                  <c:v>44277</c:v>
                </c:pt>
                <c:pt idx="2965">
                  <c:v>44278</c:v>
                </c:pt>
                <c:pt idx="2966">
                  <c:v>44279</c:v>
                </c:pt>
                <c:pt idx="2967">
                  <c:v>44280</c:v>
                </c:pt>
                <c:pt idx="2968">
                  <c:v>44281</c:v>
                </c:pt>
                <c:pt idx="2969">
                  <c:v>44284</c:v>
                </c:pt>
                <c:pt idx="2970">
                  <c:v>44285</c:v>
                </c:pt>
                <c:pt idx="2971">
                  <c:v>44286</c:v>
                </c:pt>
                <c:pt idx="2972">
                  <c:v>44287</c:v>
                </c:pt>
                <c:pt idx="2974">
                  <c:v>44291</c:v>
                </c:pt>
                <c:pt idx="2975">
                  <c:v>44292</c:v>
                </c:pt>
                <c:pt idx="2976">
                  <c:v>44293</c:v>
                </c:pt>
                <c:pt idx="2977">
                  <c:v>44294</c:v>
                </c:pt>
                <c:pt idx="2978">
                  <c:v>44295</c:v>
                </c:pt>
                <c:pt idx="2979">
                  <c:v>44298</c:v>
                </c:pt>
                <c:pt idx="2980">
                  <c:v>44299</c:v>
                </c:pt>
                <c:pt idx="2981">
                  <c:v>44300</c:v>
                </c:pt>
                <c:pt idx="2982">
                  <c:v>44301</c:v>
                </c:pt>
                <c:pt idx="2983">
                  <c:v>44302</c:v>
                </c:pt>
                <c:pt idx="2984">
                  <c:v>44305</c:v>
                </c:pt>
                <c:pt idx="2985">
                  <c:v>44306</c:v>
                </c:pt>
                <c:pt idx="2986">
                  <c:v>44307</c:v>
                </c:pt>
                <c:pt idx="2987">
                  <c:v>44308</c:v>
                </c:pt>
                <c:pt idx="2988">
                  <c:v>44309</c:v>
                </c:pt>
                <c:pt idx="2989">
                  <c:v>44312</c:v>
                </c:pt>
                <c:pt idx="2990">
                  <c:v>44313</c:v>
                </c:pt>
                <c:pt idx="2991">
                  <c:v>44314</c:v>
                </c:pt>
                <c:pt idx="2992">
                  <c:v>44315</c:v>
                </c:pt>
                <c:pt idx="2993">
                  <c:v>44316</c:v>
                </c:pt>
                <c:pt idx="2994">
                  <c:v>44319</c:v>
                </c:pt>
                <c:pt idx="2995">
                  <c:v>44320</c:v>
                </c:pt>
                <c:pt idx="2996">
                  <c:v>44321</c:v>
                </c:pt>
                <c:pt idx="2997">
                  <c:v>44322</c:v>
                </c:pt>
                <c:pt idx="2998">
                  <c:v>44323</c:v>
                </c:pt>
                <c:pt idx="2999">
                  <c:v>44326</c:v>
                </c:pt>
                <c:pt idx="3000">
                  <c:v>44327</c:v>
                </c:pt>
                <c:pt idx="3001">
                  <c:v>44328</c:v>
                </c:pt>
                <c:pt idx="3002">
                  <c:v>44329</c:v>
                </c:pt>
                <c:pt idx="3003">
                  <c:v>44330</c:v>
                </c:pt>
                <c:pt idx="3004">
                  <c:v>44333</c:v>
                </c:pt>
                <c:pt idx="3005">
                  <c:v>44334</c:v>
                </c:pt>
                <c:pt idx="3006">
                  <c:v>44335</c:v>
                </c:pt>
                <c:pt idx="3007">
                  <c:v>44336</c:v>
                </c:pt>
                <c:pt idx="3008">
                  <c:v>44337</c:v>
                </c:pt>
                <c:pt idx="3009">
                  <c:v>44340</c:v>
                </c:pt>
                <c:pt idx="3010">
                  <c:v>44341</c:v>
                </c:pt>
                <c:pt idx="3011">
                  <c:v>44342</c:v>
                </c:pt>
                <c:pt idx="3012">
                  <c:v>44343</c:v>
                </c:pt>
                <c:pt idx="3013">
                  <c:v>44344</c:v>
                </c:pt>
                <c:pt idx="3014">
                  <c:v>44347</c:v>
                </c:pt>
                <c:pt idx="3015">
                  <c:v>44348</c:v>
                </c:pt>
                <c:pt idx="3016">
                  <c:v>44349</c:v>
                </c:pt>
                <c:pt idx="3017">
                  <c:v>44350</c:v>
                </c:pt>
                <c:pt idx="3018">
                  <c:v>44351</c:v>
                </c:pt>
                <c:pt idx="3019">
                  <c:v>44354</c:v>
                </c:pt>
                <c:pt idx="3020">
                  <c:v>44355</c:v>
                </c:pt>
                <c:pt idx="3021">
                  <c:v>44356</c:v>
                </c:pt>
                <c:pt idx="3022">
                  <c:v>44357</c:v>
                </c:pt>
                <c:pt idx="3023">
                  <c:v>44358</c:v>
                </c:pt>
                <c:pt idx="3024">
                  <c:v>44361</c:v>
                </c:pt>
                <c:pt idx="3025">
                  <c:v>44362</c:v>
                </c:pt>
                <c:pt idx="3026">
                  <c:v>44363</c:v>
                </c:pt>
                <c:pt idx="3027">
                  <c:v>44364</c:v>
                </c:pt>
                <c:pt idx="3028">
                  <c:v>44365</c:v>
                </c:pt>
                <c:pt idx="3029">
                  <c:v>44368</c:v>
                </c:pt>
                <c:pt idx="3030">
                  <c:v>44369</c:v>
                </c:pt>
                <c:pt idx="3031">
                  <c:v>44370</c:v>
                </c:pt>
                <c:pt idx="3032">
                  <c:v>44371</c:v>
                </c:pt>
                <c:pt idx="3033">
                  <c:v>44372</c:v>
                </c:pt>
                <c:pt idx="3034">
                  <c:v>44375</c:v>
                </c:pt>
                <c:pt idx="3035">
                  <c:v>44376</c:v>
                </c:pt>
                <c:pt idx="3036">
                  <c:v>44377</c:v>
                </c:pt>
                <c:pt idx="3037">
                  <c:v>44378</c:v>
                </c:pt>
                <c:pt idx="3038">
                  <c:v>44379</c:v>
                </c:pt>
                <c:pt idx="3039">
                  <c:v>44382</c:v>
                </c:pt>
                <c:pt idx="3040">
                  <c:v>44383</c:v>
                </c:pt>
                <c:pt idx="3041">
                  <c:v>44384</c:v>
                </c:pt>
                <c:pt idx="3042">
                  <c:v>44385</c:v>
                </c:pt>
                <c:pt idx="3043">
                  <c:v>44386</c:v>
                </c:pt>
                <c:pt idx="3044">
                  <c:v>44389</c:v>
                </c:pt>
                <c:pt idx="3045">
                  <c:v>44390</c:v>
                </c:pt>
                <c:pt idx="3046">
                  <c:v>44391</c:v>
                </c:pt>
                <c:pt idx="3047">
                  <c:v>44392</c:v>
                </c:pt>
                <c:pt idx="3048">
                  <c:v>44393</c:v>
                </c:pt>
                <c:pt idx="3049">
                  <c:v>44396</c:v>
                </c:pt>
                <c:pt idx="3050">
                  <c:v>44397</c:v>
                </c:pt>
                <c:pt idx="3051">
                  <c:v>44398</c:v>
                </c:pt>
                <c:pt idx="3052">
                  <c:v>44399</c:v>
                </c:pt>
                <c:pt idx="3053">
                  <c:v>44400</c:v>
                </c:pt>
                <c:pt idx="3054">
                  <c:v>44403</c:v>
                </c:pt>
                <c:pt idx="3055">
                  <c:v>44404</c:v>
                </c:pt>
                <c:pt idx="3056">
                  <c:v>44405</c:v>
                </c:pt>
                <c:pt idx="3057">
                  <c:v>44406</c:v>
                </c:pt>
                <c:pt idx="3058">
                  <c:v>44407</c:v>
                </c:pt>
                <c:pt idx="3059">
                  <c:v>44408</c:v>
                </c:pt>
                <c:pt idx="3060">
                  <c:v>44410</c:v>
                </c:pt>
                <c:pt idx="3061">
                  <c:v>44411</c:v>
                </c:pt>
                <c:pt idx="3062">
                  <c:v>44412</c:v>
                </c:pt>
                <c:pt idx="3063">
                  <c:v>44413</c:v>
                </c:pt>
                <c:pt idx="3064">
                  <c:v>44414</c:v>
                </c:pt>
                <c:pt idx="3065">
                  <c:v>44417</c:v>
                </c:pt>
                <c:pt idx="3066">
                  <c:v>44418</c:v>
                </c:pt>
                <c:pt idx="3067">
                  <c:v>44419</c:v>
                </c:pt>
                <c:pt idx="3068">
                  <c:v>44420</c:v>
                </c:pt>
                <c:pt idx="3069">
                  <c:v>44421</c:v>
                </c:pt>
                <c:pt idx="3070">
                  <c:v>44424</c:v>
                </c:pt>
                <c:pt idx="3071">
                  <c:v>44425</c:v>
                </c:pt>
                <c:pt idx="3072">
                  <c:v>44426</c:v>
                </c:pt>
                <c:pt idx="3073">
                  <c:v>44427</c:v>
                </c:pt>
                <c:pt idx="3074">
                  <c:v>44428</c:v>
                </c:pt>
                <c:pt idx="3075">
                  <c:v>44431</c:v>
                </c:pt>
                <c:pt idx="3076">
                  <c:v>44432</c:v>
                </c:pt>
                <c:pt idx="3077">
                  <c:v>44433</c:v>
                </c:pt>
                <c:pt idx="3078">
                  <c:v>44434</c:v>
                </c:pt>
                <c:pt idx="3079">
                  <c:v>44435</c:v>
                </c:pt>
                <c:pt idx="3080">
                  <c:v>44438</c:v>
                </c:pt>
                <c:pt idx="3081">
                  <c:v>44439</c:v>
                </c:pt>
                <c:pt idx="3082">
                  <c:v>44440</c:v>
                </c:pt>
                <c:pt idx="3083">
                  <c:v>44441</c:v>
                </c:pt>
                <c:pt idx="3084">
                  <c:v>44442</c:v>
                </c:pt>
                <c:pt idx="3085">
                  <c:v>44445</c:v>
                </c:pt>
                <c:pt idx="3086">
                  <c:v>44446</c:v>
                </c:pt>
                <c:pt idx="3087">
                  <c:v>44447</c:v>
                </c:pt>
                <c:pt idx="3088">
                  <c:v>44448</c:v>
                </c:pt>
                <c:pt idx="3089">
                  <c:v>44449</c:v>
                </c:pt>
                <c:pt idx="3090">
                  <c:v>44452</c:v>
                </c:pt>
                <c:pt idx="3091">
                  <c:v>44453</c:v>
                </c:pt>
                <c:pt idx="3092">
                  <c:v>44454</c:v>
                </c:pt>
                <c:pt idx="3093">
                  <c:v>44455</c:v>
                </c:pt>
                <c:pt idx="3094">
                  <c:v>44456</c:v>
                </c:pt>
                <c:pt idx="3095">
                  <c:v>44459</c:v>
                </c:pt>
                <c:pt idx="3096">
                  <c:v>44460</c:v>
                </c:pt>
                <c:pt idx="3097">
                  <c:v>44461</c:v>
                </c:pt>
                <c:pt idx="3098">
                  <c:v>44462</c:v>
                </c:pt>
                <c:pt idx="3099">
                  <c:v>44463</c:v>
                </c:pt>
                <c:pt idx="3100">
                  <c:v>44466</c:v>
                </c:pt>
                <c:pt idx="3101">
                  <c:v>44467</c:v>
                </c:pt>
                <c:pt idx="3102">
                  <c:v>44468</c:v>
                </c:pt>
                <c:pt idx="3103">
                  <c:v>44469</c:v>
                </c:pt>
                <c:pt idx="3104">
                  <c:v>44470</c:v>
                </c:pt>
                <c:pt idx="3105">
                  <c:v>44473</c:v>
                </c:pt>
                <c:pt idx="3106">
                  <c:v>44474</c:v>
                </c:pt>
                <c:pt idx="3107">
                  <c:v>44475</c:v>
                </c:pt>
                <c:pt idx="3108">
                  <c:v>44476</c:v>
                </c:pt>
                <c:pt idx="3109">
                  <c:v>44477</c:v>
                </c:pt>
                <c:pt idx="3110">
                  <c:v>44480</c:v>
                </c:pt>
                <c:pt idx="3111">
                  <c:v>44481</c:v>
                </c:pt>
                <c:pt idx="3112">
                  <c:v>44482</c:v>
                </c:pt>
                <c:pt idx="3113">
                  <c:v>44483</c:v>
                </c:pt>
                <c:pt idx="3114">
                  <c:v>44484</c:v>
                </c:pt>
                <c:pt idx="3115">
                  <c:v>44487</c:v>
                </c:pt>
                <c:pt idx="3116">
                  <c:v>44488</c:v>
                </c:pt>
                <c:pt idx="3117">
                  <c:v>44489</c:v>
                </c:pt>
                <c:pt idx="3118">
                  <c:v>44490</c:v>
                </c:pt>
                <c:pt idx="3119">
                  <c:v>44491</c:v>
                </c:pt>
                <c:pt idx="3120">
                  <c:v>44494</c:v>
                </c:pt>
                <c:pt idx="3121">
                  <c:v>44495</c:v>
                </c:pt>
                <c:pt idx="3122">
                  <c:v>44496</c:v>
                </c:pt>
                <c:pt idx="3123">
                  <c:v>44497</c:v>
                </c:pt>
                <c:pt idx="3124">
                  <c:v>44498</c:v>
                </c:pt>
                <c:pt idx="3125">
                  <c:v>44500</c:v>
                </c:pt>
                <c:pt idx="3126">
                  <c:v>44501</c:v>
                </c:pt>
                <c:pt idx="3127">
                  <c:v>44502</c:v>
                </c:pt>
                <c:pt idx="3128">
                  <c:v>44503</c:v>
                </c:pt>
                <c:pt idx="3129">
                  <c:v>44504</c:v>
                </c:pt>
                <c:pt idx="3130">
                  <c:v>44505</c:v>
                </c:pt>
                <c:pt idx="3131">
                  <c:v>44508</c:v>
                </c:pt>
                <c:pt idx="3132">
                  <c:v>44509</c:v>
                </c:pt>
                <c:pt idx="3133">
                  <c:v>44510</c:v>
                </c:pt>
                <c:pt idx="3134">
                  <c:v>44511</c:v>
                </c:pt>
                <c:pt idx="3135">
                  <c:v>44512</c:v>
                </c:pt>
                <c:pt idx="3136">
                  <c:v>44515</c:v>
                </c:pt>
                <c:pt idx="3137">
                  <c:v>44516</c:v>
                </c:pt>
                <c:pt idx="3138">
                  <c:v>44517</c:v>
                </c:pt>
                <c:pt idx="3139">
                  <c:v>44518</c:v>
                </c:pt>
                <c:pt idx="3140">
                  <c:v>44519</c:v>
                </c:pt>
                <c:pt idx="3141">
                  <c:v>44522</c:v>
                </c:pt>
                <c:pt idx="3142">
                  <c:v>44523</c:v>
                </c:pt>
                <c:pt idx="3143">
                  <c:v>44524</c:v>
                </c:pt>
                <c:pt idx="3144">
                  <c:v>44525</c:v>
                </c:pt>
                <c:pt idx="3145">
                  <c:v>44526</c:v>
                </c:pt>
                <c:pt idx="3146">
                  <c:v>44529</c:v>
                </c:pt>
                <c:pt idx="3147">
                  <c:v>44530</c:v>
                </c:pt>
                <c:pt idx="3148">
                  <c:v>44531</c:v>
                </c:pt>
                <c:pt idx="3149">
                  <c:v>44532</c:v>
                </c:pt>
                <c:pt idx="3150">
                  <c:v>44533</c:v>
                </c:pt>
                <c:pt idx="3151">
                  <c:v>44536</c:v>
                </c:pt>
                <c:pt idx="3152">
                  <c:v>44537</c:v>
                </c:pt>
                <c:pt idx="3153">
                  <c:v>44538</c:v>
                </c:pt>
                <c:pt idx="3154">
                  <c:v>44539</c:v>
                </c:pt>
                <c:pt idx="3155">
                  <c:v>44540</c:v>
                </c:pt>
                <c:pt idx="3156">
                  <c:v>44543</c:v>
                </c:pt>
                <c:pt idx="3157">
                  <c:v>44544</c:v>
                </c:pt>
                <c:pt idx="3158">
                  <c:v>44545</c:v>
                </c:pt>
                <c:pt idx="3159">
                  <c:v>44546</c:v>
                </c:pt>
                <c:pt idx="3160">
                  <c:v>44547</c:v>
                </c:pt>
                <c:pt idx="3161">
                  <c:v>44550</c:v>
                </c:pt>
                <c:pt idx="3162">
                  <c:v>44551</c:v>
                </c:pt>
                <c:pt idx="3163">
                  <c:v>44552</c:v>
                </c:pt>
                <c:pt idx="3164">
                  <c:v>44553</c:v>
                </c:pt>
                <c:pt idx="3166">
                  <c:v>44557</c:v>
                </c:pt>
                <c:pt idx="3167">
                  <c:v>44558</c:v>
                </c:pt>
                <c:pt idx="3168">
                  <c:v>44559</c:v>
                </c:pt>
                <c:pt idx="3169">
                  <c:v>44560</c:v>
                </c:pt>
                <c:pt idx="3170">
                  <c:v>44561</c:v>
                </c:pt>
                <c:pt idx="3171">
                  <c:v>44564</c:v>
                </c:pt>
                <c:pt idx="3172">
                  <c:v>44565</c:v>
                </c:pt>
                <c:pt idx="3173">
                  <c:v>44566</c:v>
                </c:pt>
                <c:pt idx="3174">
                  <c:v>44567</c:v>
                </c:pt>
                <c:pt idx="3175">
                  <c:v>44568</c:v>
                </c:pt>
                <c:pt idx="3176">
                  <c:v>44571</c:v>
                </c:pt>
                <c:pt idx="3177">
                  <c:v>44572</c:v>
                </c:pt>
                <c:pt idx="3178">
                  <c:v>44573</c:v>
                </c:pt>
                <c:pt idx="3179">
                  <c:v>44574</c:v>
                </c:pt>
                <c:pt idx="3180">
                  <c:v>44575</c:v>
                </c:pt>
                <c:pt idx="3181">
                  <c:v>44578</c:v>
                </c:pt>
                <c:pt idx="3182">
                  <c:v>44579</c:v>
                </c:pt>
                <c:pt idx="3183">
                  <c:v>44580</c:v>
                </c:pt>
                <c:pt idx="3184">
                  <c:v>44581</c:v>
                </c:pt>
                <c:pt idx="3185">
                  <c:v>44582</c:v>
                </c:pt>
                <c:pt idx="3186">
                  <c:v>44585</c:v>
                </c:pt>
                <c:pt idx="3187">
                  <c:v>44586</c:v>
                </c:pt>
                <c:pt idx="3188">
                  <c:v>44587</c:v>
                </c:pt>
                <c:pt idx="3189">
                  <c:v>44588</c:v>
                </c:pt>
                <c:pt idx="3190">
                  <c:v>44589</c:v>
                </c:pt>
                <c:pt idx="3191">
                  <c:v>44592</c:v>
                </c:pt>
                <c:pt idx="3192">
                  <c:v>44593</c:v>
                </c:pt>
                <c:pt idx="3193">
                  <c:v>44594</c:v>
                </c:pt>
                <c:pt idx="3194">
                  <c:v>44595</c:v>
                </c:pt>
                <c:pt idx="3195">
                  <c:v>44596</c:v>
                </c:pt>
                <c:pt idx="3196">
                  <c:v>44599</c:v>
                </c:pt>
                <c:pt idx="3197">
                  <c:v>44600</c:v>
                </c:pt>
                <c:pt idx="3198">
                  <c:v>44601</c:v>
                </c:pt>
                <c:pt idx="3199">
                  <c:v>44602</c:v>
                </c:pt>
                <c:pt idx="3200">
                  <c:v>44603</c:v>
                </c:pt>
                <c:pt idx="3201">
                  <c:v>44606</c:v>
                </c:pt>
                <c:pt idx="3202">
                  <c:v>44607</c:v>
                </c:pt>
                <c:pt idx="3203">
                  <c:v>44608</c:v>
                </c:pt>
                <c:pt idx="3204">
                  <c:v>44609</c:v>
                </c:pt>
                <c:pt idx="3205">
                  <c:v>44610</c:v>
                </c:pt>
                <c:pt idx="3206">
                  <c:v>44613</c:v>
                </c:pt>
                <c:pt idx="3207">
                  <c:v>44614</c:v>
                </c:pt>
                <c:pt idx="3208">
                  <c:v>44615</c:v>
                </c:pt>
                <c:pt idx="3209">
                  <c:v>44616</c:v>
                </c:pt>
                <c:pt idx="3210">
                  <c:v>44617</c:v>
                </c:pt>
                <c:pt idx="3211">
                  <c:v>44620</c:v>
                </c:pt>
                <c:pt idx="3212">
                  <c:v>44621</c:v>
                </c:pt>
                <c:pt idx="3213">
                  <c:v>44622</c:v>
                </c:pt>
                <c:pt idx="3214">
                  <c:v>44623</c:v>
                </c:pt>
                <c:pt idx="3215">
                  <c:v>44624</c:v>
                </c:pt>
                <c:pt idx="3216">
                  <c:v>44627</c:v>
                </c:pt>
                <c:pt idx="3217">
                  <c:v>44628</c:v>
                </c:pt>
                <c:pt idx="3218">
                  <c:v>44629</c:v>
                </c:pt>
                <c:pt idx="3219">
                  <c:v>44630</c:v>
                </c:pt>
                <c:pt idx="3220">
                  <c:v>44631</c:v>
                </c:pt>
                <c:pt idx="3221">
                  <c:v>44634</c:v>
                </c:pt>
                <c:pt idx="3222">
                  <c:v>44635</c:v>
                </c:pt>
                <c:pt idx="3223">
                  <c:v>44636</c:v>
                </c:pt>
                <c:pt idx="3224">
                  <c:v>44637</c:v>
                </c:pt>
                <c:pt idx="3225">
                  <c:v>44638</c:v>
                </c:pt>
                <c:pt idx="3226">
                  <c:v>44641</c:v>
                </c:pt>
                <c:pt idx="3227">
                  <c:v>44642</c:v>
                </c:pt>
                <c:pt idx="3228">
                  <c:v>44643</c:v>
                </c:pt>
                <c:pt idx="3229">
                  <c:v>44644</c:v>
                </c:pt>
                <c:pt idx="3230">
                  <c:v>44645</c:v>
                </c:pt>
                <c:pt idx="3231">
                  <c:v>44648</c:v>
                </c:pt>
                <c:pt idx="3232">
                  <c:v>44649</c:v>
                </c:pt>
                <c:pt idx="3233">
                  <c:v>44650</c:v>
                </c:pt>
                <c:pt idx="3234">
                  <c:v>44651</c:v>
                </c:pt>
                <c:pt idx="3235">
                  <c:v>44652</c:v>
                </c:pt>
                <c:pt idx="3236">
                  <c:v>44655</c:v>
                </c:pt>
                <c:pt idx="3237">
                  <c:v>44656</c:v>
                </c:pt>
                <c:pt idx="3238">
                  <c:v>44657</c:v>
                </c:pt>
                <c:pt idx="3239">
                  <c:v>44658</c:v>
                </c:pt>
                <c:pt idx="3240">
                  <c:v>44659</c:v>
                </c:pt>
                <c:pt idx="3241">
                  <c:v>44662</c:v>
                </c:pt>
                <c:pt idx="3242">
                  <c:v>44663</c:v>
                </c:pt>
                <c:pt idx="3243">
                  <c:v>44664</c:v>
                </c:pt>
                <c:pt idx="3244">
                  <c:v>44665</c:v>
                </c:pt>
                <c:pt idx="3246">
                  <c:v>44669</c:v>
                </c:pt>
                <c:pt idx="3247">
                  <c:v>44670</c:v>
                </c:pt>
                <c:pt idx="3248">
                  <c:v>44671</c:v>
                </c:pt>
                <c:pt idx="3249">
                  <c:v>44672</c:v>
                </c:pt>
                <c:pt idx="3250">
                  <c:v>44673</c:v>
                </c:pt>
                <c:pt idx="3251">
                  <c:v>44676</c:v>
                </c:pt>
                <c:pt idx="3252">
                  <c:v>44677</c:v>
                </c:pt>
                <c:pt idx="3253">
                  <c:v>44678</c:v>
                </c:pt>
                <c:pt idx="3254">
                  <c:v>44679</c:v>
                </c:pt>
                <c:pt idx="3255">
                  <c:v>44680</c:v>
                </c:pt>
                <c:pt idx="3256">
                  <c:v>44681</c:v>
                </c:pt>
                <c:pt idx="3257">
                  <c:v>44683</c:v>
                </c:pt>
                <c:pt idx="3258">
                  <c:v>44684</c:v>
                </c:pt>
                <c:pt idx="3259">
                  <c:v>44685</c:v>
                </c:pt>
                <c:pt idx="3260">
                  <c:v>44686</c:v>
                </c:pt>
                <c:pt idx="3261">
                  <c:v>44687</c:v>
                </c:pt>
                <c:pt idx="3262">
                  <c:v>44690</c:v>
                </c:pt>
                <c:pt idx="3263">
                  <c:v>44691</c:v>
                </c:pt>
                <c:pt idx="3264">
                  <c:v>44692</c:v>
                </c:pt>
                <c:pt idx="3265">
                  <c:v>44693</c:v>
                </c:pt>
                <c:pt idx="3266">
                  <c:v>44694</c:v>
                </c:pt>
                <c:pt idx="3267">
                  <c:v>44697</c:v>
                </c:pt>
                <c:pt idx="3268">
                  <c:v>44698</c:v>
                </c:pt>
                <c:pt idx="3269">
                  <c:v>44699</c:v>
                </c:pt>
                <c:pt idx="3270">
                  <c:v>44700</c:v>
                </c:pt>
                <c:pt idx="3271">
                  <c:v>44701</c:v>
                </c:pt>
                <c:pt idx="3272">
                  <c:v>44704</c:v>
                </c:pt>
                <c:pt idx="3273">
                  <c:v>44705</c:v>
                </c:pt>
                <c:pt idx="3274">
                  <c:v>44706</c:v>
                </c:pt>
                <c:pt idx="3275">
                  <c:v>44707</c:v>
                </c:pt>
                <c:pt idx="3276">
                  <c:v>44708</c:v>
                </c:pt>
                <c:pt idx="3277">
                  <c:v>44711</c:v>
                </c:pt>
                <c:pt idx="3278">
                  <c:v>44712</c:v>
                </c:pt>
                <c:pt idx="3279">
                  <c:v>44713</c:v>
                </c:pt>
                <c:pt idx="3280">
                  <c:v>44714</c:v>
                </c:pt>
                <c:pt idx="3281">
                  <c:v>44715</c:v>
                </c:pt>
                <c:pt idx="3282">
                  <c:v>44718</c:v>
                </c:pt>
                <c:pt idx="3283">
                  <c:v>44719</c:v>
                </c:pt>
                <c:pt idx="3284">
                  <c:v>44720</c:v>
                </c:pt>
                <c:pt idx="3285">
                  <c:v>44721</c:v>
                </c:pt>
                <c:pt idx="3286">
                  <c:v>44722</c:v>
                </c:pt>
                <c:pt idx="3287">
                  <c:v>44725</c:v>
                </c:pt>
                <c:pt idx="3288">
                  <c:v>44726</c:v>
                </c:pt>
                <c:pt idx="3289">
                  <c:v>44727</c:v>
                </c:pt>
                <c:pt idx="3290">
                  <c:v>44728</c:v>
                </c:pt>
                <c:pt idx="3291">
                  <c:v>44729</c:v>
                </c:pt>
                <c:pt idx="3292">
                  <c:v>44732</c:v>
                </c:pt>
                <c:pt idx="3293">
                  <c:v>44733</c:v>
                </c:pt>
                <c:pt idx="3294">
                  <c:v>44734</c:v>
                </c:pt>
                <c:pt idx="3295">
                  <c:v>44735</c:v>
                </c:pt>
                <c:pt idx="3296">
                  <c:v>44736</c:v>
                </c:pt>
                <c:pt idx="3297">
                  <c:v>44739</c:v>
                </c:pt>
                <c:pt idx="3298">
                  <c:v>44740</c:v>
                </c:pt>
                <c:pt idx="3299">
                  <c:v>44741</c:v>
                </c:pt>
                <c:pt idx="3300">
                  <c:v>44742</c:v>
                </c:pt>
                <c:pt idx="3301">
                  <c:v>44743</c:v>
                </c:pt>
                <c:pt idx="3302">
                  <c:v>44746</c:v>
                </c:pt>
                <c:pt idx="3303">
                  <c:v>44747</c:v>
                </c:pt>
                <c:pt idx="3304">
                  <c:v>44748</c:v>
                </c:pt>
                <c:pt idx="3305">
                  <c:v>44749</c:v>
                </c:pt>
                <c:pt idx="3306">
                  <c:v>44750</c:v>
                </c:pt>
                <c:pt idx="3307">
                  <c:v>44753</c:v>
                </c:pt>
                <c:pt idx="3308">
                  <c:v>44754</c:v>
                </c:pt>
                <c:pt idx="3309">
                  <c:v>44755</c:v>
                </c:pt>
                <c:pt idx="3310">
                  <c:v>44756</c:v>
                </c:pt>
                <c:pt idx="3311">
                  <c:v>44757</c:v>
                </c:pt>
                <c:pt idx="3312">
                  <c:v>44760</c:v>
                </c:pt>
                <c:pt idx="3313">
                  <c:v>44761</c:v>
                </c:pt>
                <c:pt idx="3314">
                  <c:v>44762</c:v>
                </c:pt>
                <c:pt idx="3315">
                  <c:v>44763</c:v>
                </c:pt>
                <c:pt idx="3316">
                  <c:v>44764</c:v>
                </c:pt>
                <c:pt idx="3317">
                  <c:v>44767</c:v>
                </c:pt>
                <c:pt idx="3318">
                  <c:v>44768</c:v>
                </c:pt>
                <c:pt idx="3319">
                  <c:v>44769</c:v>
                </c:pt>
                <c:pt idx="3320">
                  <c:v>44770</c:v>
                </c:pt>
                <c:pt idx="3321">
                  <c:v>44771</c:v>
                </c:pt>
                <c:pt idx="3322">
                  <c:v>44773</c:v>
                </c:pt>
                <c:pt idx="3323">
                  <c:v>44774</c:v>
                </c:pt>
                <c:pt idx="3324">
                  <c:v>44775</c:v>
                </c:pt>
                <c:pt idx="3325">
                  <c:v>44776</c:v>
                </c:pt>
                <c:pt idx="3326">
                  <c:v>44777</c:v>
                </c:pt>
                <c:pt idx="3327">
                  <c:v>44778</c:v>
                </c:pt>
                <c:pt idx="3328">
                  <c:v>44781</c:v>
                </c:pt>
                <c:pt idx="3329">
                  <c:v>44782</c:v>
                </c:pt>
                <c:pt idx="3330">
                  <c:v>44783</c:v>
                </c:pt>
                <c:pt idx="3331">
                  <c:v>44784</c:v>
                </c:pt>
                <c:pt idx="3332">
                  <c:v>44785</c:v>
                </c:pt>
                <c:pt idx="3333">
                  <c:v>44788</c:v>
                </c:pt>
                <c:pt idx="3334">
                  <c:v>44789</c:v>
                </c:pt>
                <c:pt idx="3335">
                  <c:v>44790</c:v>
                </c:pt>
                <c:pt idx="3336">
                  <c:v>44791</c:v>
                </c:pt>
                <c:pt idx="3337">
                  <c:v>44792</c:v>
                </c:pt>
                <c:pt idx="3338">
                  <c:v>44795</c:v>
                </c:pt>
                <c:pt idx="3339">
                  <c:v>44796</c:v>
                </c:pt>
                <c:pt idx="3340">
                  <c:v>44797</c:v>
                </c:pt>
                <c:pt idx="3341">
                  <c:v>44798</c:v>
                </c:pt>
                <c:pt idx="3342">
                  <c:v>44799</c:v>
                </c:pt>
                <c:pt idx="3343">
                  <c:v>44802</c:v>
                </c:pt>
                <c:pt idx="3344">
                  <c:v>44803</c:v>
                </c:pt>
                <c:pt idx="3345">
                  <c:v>44804</c:v>
                </c:pt>
                <c:pt idx="3346">
                  <c:v>44805</c:v>
                </c:pt>
                <c:pt idx="3347">
                  <c:v>44806</c:v>
                </c:pt>
                <c:pt idx="3348">
                  <c:v>44809</c:v>
                </c:pt>
                <c:pt idx="3349">
                  <c:v>44810</c:v>
                </c:pt>
                <c:pt idx="3350">
                  <c:v>44811</c:v>
                </c:pt>
                <c:pt idx="3351">
                  <c:v>44812</c:v>
                </c:pt>
                <c:pt idx="3352">
                  <c:v>44813</c:v>
                </c:pt>
                <c:pt idx="3353">
                  <c:v>44816</c:v>
                </c:pt>
                <c:pt idx="3354">
                  <c:v>44817</c:v>
                </c:pt>
                <c:pt idx="3355">
                  <c:v>44818</c:v>
                </c:pt>
                <c:pt idx="3356">
                  <c:v>44819</c:v>
                </c:pt>
                <c:pt idx="3357">
                  <c:v>44820</c:v>
                </c:pt>
                <c:pt idx="3358">
                  <c:v>44823</c:v>
                </c:pt>
                <c:pt idx="3359">
                  <c:v>44824</c:v>
                </c:pt>
                <c:pt idx="3360">
                  <c:v>44825</c:v>
                </c:pt>
                <c:pt idx="3361">
                  <c:v>44826</c:v>
                </c:pt>
                <c:pt idx="3362">
                  <c:v>44827</c:v>
                </c:pt>
                <c:pt idx="3363">
                  <c:v>44830</c:v>
                </c:pt>
                <c:pt idx="3364">
                  <c:v>44831</c:v>
                </c:pt>
                <c:pt idx="3365">
                  <c:v>44832</c:v>
                </c:pt>
                <c:pt idx="3366">
                  <c:v>44833</c:v>
                </c:pt>
                <c:pt idx="3367">
                  <c:v>44834</c:v>
                </c:pt>
                <c:pt idx="3368">
                  <c:v>44837</c:v>
                </c:pt>
                <c:pt idx="3369">
                  <c:v>44838</c:v>
                </c:pt>
                <c:pt idx="3370">
                  <c:v>44839</c:v>
                </c:pt>
                <c:pt idx="3371">
                  <c:v>44840</c:v>
                </c:pt>
                <c:pt idx="3372">
                  <c:v>44841</c:v>
                </c:pt>
                <c:pt idx="3373">
                  <c:v>44844</c:v>
                </c:pt>
                <c:pt idx="3374">
                  <c:v>44845</c:v>
                </c:pt>
                <c:pt idx="3375">
                  <c:v>44846</c:v>
                </c:pt>
                <c:pt idx="3376">
                  <c:v>44847</c:v>
                </c:pt>
                <c:pt idx="3377">
                  <c:v>44848</c:v>
                </c:pt>
                <c:pt idx="3378">
                  <c:v>44851</c:v>
                </c:pt>
                <c:pt idx="3379">
                  <c:v>44852</c:v>
                </c:pt>
                <c:pt idx="3380">
                  <c:v>44853</c:v>
                </c:pt>
                <c:pt idx="3381">
                  <c:v>44854</c:v>
                </c:pt>
                <c:pt idx="3382">
                  <c:v>44855</c:v>
                </c:pt>
                <c:pt idx="3383">
                  <c:v>44858</c:v>
                </c:pt>
                <c:pt idx="3384">
                  <c:v>44859</c:v>
                </c:pt>
                <c:pt idx="3385">
                  <c:v>44860</c:v>
                </c:pt>
                <c:pt idx="3386">
                  <c:v>44861</c:v>
                </c:pt>
                <c:pt idx="3387">
                  <c:v>44862</c:v>
                </c:pt>
                <c:pt idx="3388">
                  <c:v>44865</c:v>
                </c:pt>
                <c:pt idx="3389">
                  <c:v>44866</c:v>
                </c:pt>
                <c:pt idx="3390">
                  <c:v>44867</c:v>
                </c:pt>
                <c:pt idx="3391">
                  <c:v>44868</c:v>
                </c:pt>
                <c:pt idx="3392">
                  <c:v>44869</c:v>
                </c:pt>
                <c:pt idx="3393">
                  <c:v>44872</c:v>
                </c:pt>
                <c:pt idx="3394">
                  <c:v>44873</c:v>
                </c:pt>
                <c:pt idx="3395">
                  <c:v>44874</c:v>
                </c:pt>
                <c:pt idx="3396">
                  <c:v>44875</c:v>
                </c:pt>
                <c:pt idx="3397">
                  <c:v>44876</c:v>
                </c:pt>
                <c:pt idx="3398">
                  <c:v>44879</c:v>
                </c:pt>
                <c:pt idx="3399">
                  <c:v>44880</c:v>
                </c:pt>
                <c:pt idx="3400">
                  <c:v>44881</c:v>
                </c:pt>
                <c:pt idx="3401">
                  <c:v>44882</c:v>
                </c:pt>
                <c:pt idx="3402">
                  <c:v>44883</c:v>
                </c:pt>
                <c:pt idx="3403">
                  <c:v>44886</c:v>
                </c:pt>
                <c:pt idx="3404">
                  <c:v>44887</c:v>
                </c:pt>
                <c:pt idx="3405">
                  <c:v>44888</c:v>
                </c:pt>
                <c:pt idx="3406">
                  <c:v>44889</c:v>
                </c:pt>
                <c:pt idx="3407">
                  <c:v>44890</c:v>
                </c:pt>
                <c:pt idx="3408">
                  <c:v>44893</c:v>
                </c:pt>
                <c:pt idx="3409">
                  <c:v>44894</c:v>
                </c:pt>
                <c:pt idx="3410">
                  <c:v>44895</c:v>
                </c:pt>
                <c:pt idx="3411">
                  <c:v>44896</c:v>
                </c:pt>
                <c:pt idx="3412">
                  <c:v>44897</c:v>
                </c:pt>
                <c:pt idx="3413">
                  <c:v>44900</c:v>
                </c:pt>
                <c:pt idx="3414">
                  <c:v>44901</c:v>
                </c:pt>
                <c:pt idx="3415">
                  <c:v>44902</c:v>
                </c:pt>
                <c:pt idx="3416">
                  <c:v>44903</c:v>
                </c:pt>
                <c:pt idx="3417">
                  <c:v>44904</c:v>
                </c:pt>
                <c:pt idx="3418">
                  <c:v>44907</c:v>
                </c:pt>
                <c:pt idx="3419">
                  <c:v>44908</c:v>
                </c:pt>
                <c:pt idx="3420">
                  <c:v>44909</c:v>
                </c:pt>
                <c:pt idx="3421">
                  <c:v>44910</c:v>
                </c:pt>
                <c:pt idx="3422">
                  <c:v>44911</c:v>
                </c:pt>
                <c:pt idx="3423">
                  <c:v>44914</c:v>
                </c:pt>
                <c:pt idx="3424">
                  <c:v>44915</c:v>
                </c:pt>
                <c:pt idx="3425">
                  <c:v>44916</c:v>
                </c:pt>
                <c:pt idx="3426">
                  <c:v>44917</c:v>
                </c:pt>
                <c:pt idx="3427">
                  <c:v>44918</c:v>
                </c:pt>
                <c:pt idx="3429">
                  <c:v>44922</c:v>
                </c:pt>
                <c:pt idx="3430">
                  <c:v>44923</c:v>
                </c:pt>
                <c:pt idx="3431">
                  <c:v>44924</c:v>
                </c:pt>
                <c:pt idx="3432">
                  <c:v>44925</c:v>
                </c:pt>
                <c:pt idx="3433">
                  <c:v>44926</c:v>
                </c:pt>
                <c:pt idx="3435">
                  <c:v>44929</c:v>
                </c:pt>
                <c:pt idx="3436">
                  <c:v>44930</c:v>
                </c:pt>
                <c:pt idx="3437">
                  <c:v>44931</c:v>
                </c:pt>
                <c:pt idx="3438">
                  <c:v>44932</c:v>
                </c:pt>
                <c:pt idx="3439">
                  <c:v>44935</c:v>
                </c:pt>
                <c:pt idx="3440">
                  <c:v>44936</c:v>
                </c:pt>
                <c:pt idx="3441">
                  <c:v>44937</c:v>
                </c:pt>
                <c:pt idx="3442">
                  <c:v>44938</c:v>
                </c:pt>
                <c:pt idx="3443">
                  <c:v>44939</c:v>
                </c:pt>
                <c:pt idx="3444">
                  <c:v>44942</c:v>
                </c:pt>
                <c:pt idx="3445">
                  <c:v>44943</c:v>
                </c:pt>
                <c:pt idx="3446">
                  <c:v>44944</c:v>
                </c:pt>
                <c:pt idx="3447">
                  <c:v>44945</c:v>
                </c:pt>
                <c:pt idx="3448">
                  <c:v>44946</c:v>
                </c:pt>
                <c:pt idx="3449">
                  <c:v>44949</c:v>
                </c:pt>
                <c:pt idx="3450">
                  <c:v>44950</c:v>
                </c:pt>
                <c:pt idx="3451">
                  <c:v>44951</c:v>
                </c:pt>
                <c:pt idx="3452">
                  <c:v>44952</c:v>
                </c:pt>
                <c:pt idx="3453">
                  <c:v>44953</c:v>
                </c:pt>
                <c:pt idx="3454">
                  <c:v>44956</c:v>
                </c:pt>
                <c:pt idx="3455">
                  <c:v>44957</c:v>
                </c:pt>
                <c:pt idx="3456">
                  <c:v>44958</c:v>
                </c:pt>
                <c:pt idx="3457">
                  <c:v>44959</c:v>
                </c:pt>
                <c:pt idx="3458">
                  <c:v>44960</c:v>
                </c:pt>
                <c:pt idx="3459">
                  <c:v>44963</c:v>
                </c:pt>
                <c:pt idx="3460">
                  <c:v>44964</c:v>
                </c:pt>
                <c:pt idx="3461">
                  <c:v>44965</c:v>
                </c:pt>
                <c:pt idx="3462">
                  <c:v>44966</c:v>
                </c:pt>
                <c:pt idx="3463">
                  <c:v>44967</c:v>
                </c:pt>
                <c:pt idx="3464">
                  <c:v>44970</c:v>
                </c:pt>
                <c:pt idx="3465">
                  <c:v>44971</c:v>
                </c:pt>
                <c:pt idx="3466">
                  <c:v>44972</c:v>
                </c:pt>
                <c:pt idx="3467">
                  <c:v>44973</c:v>
                </c:pt>
                <c:pt idx="3468">
                  <c:v>44974</c:v>
                </c:pt>
                <c:pt idx="3469">
                  <c:v>44977</c:v>
                </c:pt>
                <c:pt idx="3470">
                  <c:v>44978</c:v>
                </c:pt>
                <c:pt idx="3471">
                  <c:v>44979</c:v>
                </c:pt>
                <c:pt idx="3472">
                  <c:v>44980</c:v>
                </c:pt>
                <c:pt idx="3473">
                  <c:v>44981</c:v>
                </c:pt>
                <c:pt idx="3474">
                  <c:v>44984</c:v>
                </c:pt>
                <c:pt idx="3475">
                  <c:v>44985</c:v>
                </c:pt>
                <c:pt idx="3476">
                  <c:v>44986</c:v>
                </c:pt>
                <c:pt idx="3477">
                  <c:v>44987</c:v>
                </c:pt>
                <c:pt idx="3478">
                  <c:v>44988</c:v>
                </c:pt>
                <c:pt idx="3479">
                  <c:v>44991</c:v>
                </c:pt>
                <c:pt idx="3480">
                  <c:v>44992</c:v>
                </c:pt>
                <c:pt idx="3481">
                  <c:v>44993</c:v>
                </c:pt>
                <c:pt idx="3482">
                  <c:v>44994</c:v>
                </c:pt>
                <c:pt idx="3483">
                  <c:v>44995</c:v>
                </c:pt>
                <c:pt idx="3484">
                  <c:v>44998</c:v>
                </c:pt>
                <c:pt idx="3485">
                  <c:v>44999</c:v>
                </c:pt>
                <c:pt idx="3486">
                  <c:v>45000</c:v>
                </c:pt>
                <c:pt idx="3487">
                  <c:v>45001</c:v>
                </c:pt>
                <c:pt idx="3488">
                  <c:v>45002</c:v>
                </c:pt>
                <c:pt idx="3489">
                  <c:v>45005</c:v>
                </c:pt>
                <c:pt idx="3490">
                  <c:v>45006</c:v>
                </c:pt>
                <c:pt idx="3491">
                  <c:v>45007</c:v>
                </c:pt>
                <c:pt idx="3492">
                  <c:v>45008</c:v>
                </c:pt>
                <c:pt idx="3493">
                  <c:v>45009</c:v>
                </c:pt>
                <c:pt idx="3494">
                  <c:v>45012</c:v>
                </c:pt>
                <c:pt idx="3495">
                  <c:v>45013</c:v>
                </c:pt>
                <c:pt idx="3496">
                  <c:v>45014</c:v>
                </c:pt>
                <c:pt idx="3497">
                  <c:v>45015</c:v>
                </c:pt>
                <c:pt idx="3498">
                  <c:v>45016</c:v>
                </c:pt>
                <c:pt idx="3499">
                  <c:v>45019</c:v>
                </c:pt>
                <c:pt idx="3500">
                  <c:v>45020</c:v>
                </c:pt>
                <c:pt idx="3501">
                  <c:v>45021</c:v>
                </c:pt>
                <c:pt idx="3502">
                  <c:v>45022</c:v>
                </c:pt>
                <c:pt idx="3504">
                  <c:v>45026</c:v>
                </c:pt>
                <c:pt idx="3505">
                  <c:v>45027</c:v>
                </c:pt>
                <c:pt idx="3506">
                  <c:v>45028</c:v>
                </c:pt>
                <c:pt idx="3507">
                  <c:v>45029</c:v>
                </c:pt>
                <c:pt idx="3508">
                  <c:v>45030</c:v>
                </c:pt>
                <c:pt idx="3509">
                  <c:v>45033</c:v>
                </c:pt>
                <c:pt idx="3510">
                  <c:v>45034</c:v>
                </c:pt>
                <c:pt idx="3511">
                  <c:v>45035</c:v>
                </c:pt>
                <c:pt idx="3512">
                  <c:v>45036</c:v>
                </c:pt>
                <c:pt idx="3513">
                  <c:v>45037</c:v>
                </c:pt>
                <c:pt idx="3514">
                  <c:v>45040</c:v>
                </c:pt>
                <c:pt idx="3515">
                  <c:v>45041</c:v>
                </c:pt>
                <c:pt idx="3516">
                  <c:v>45042</c:v>
                </c:pt>
                <c:pt idx="3517">
                  <c:v>45043</c:v>
                </c:pt>
                <c:pt idx="3518">
                  <c:v>45044</c:v>
                </c:pt>
                <c:pt idx="3519">
                  <c:v>45046</c:v>
                </c:pt>
                <c:pt idx="3520">
                  <c:v>45047</c:v>
                </c:pt>
                <c:pt idx="3521">
                  <c:v>45048</c:v>
                </c:pt>
                <c:pt idx="3522">
                  <c:v>45049</c:v>
                </c:pt>
                <c:pt idx="3523">
                  <c:v>45050</c:v>
                </c:pt>
                <c:pt idx="3524">
                  <c:v>45051</c:v>
                </c:pt>
                <c:pt idx="3525">
                  <c:v>45054</c:v>
                </c:pt>
                <c:pt idx="3526">
                  <c:v>45055</c:v>
                </c:pt>
                <c:pt idx="3527">
                  <c:v>45056</c:v>
                </c:pt>
                <c:pt idx="3528">
                  <c:v>45057</c:v>
                </c:pt>
                <c:pt idx="3529">
                  <c:v>45058</c:v>
                </c:pt>
                <c:pt idx="3530">
                  <c:v>45061</c:v>
                </c:pt>
                <c:pt idx="3531">
                  <c:v>45062</c:v>
                </c:pt>
                <c:pt idx="3532">
                  <c:v>45063</c:v>
                </c:pt>
                <c:pt idx="3533">
                  <c:v>45064</c:v>
                </c:pt>
                <c:pt idx="3534">
                  <c:v>45065</c:v>
                </c:pt>
                <c:pt idx="3535">
                  <c:v>45068</c:v>
                </c:pt>
                <c:pt idx="3536">
                  <c:v>45069</c:v>
                </c:pt>
                <c:pt idx="3537">
                  <c:v>45070</c:v>
                </c:pt>
                <c:pt idx="3538">
                  <c:v>45071</c:v>
                </c:pt>
                <c:pt idx="3539">
                  <c:v>45072</c:v>
                </c:pt>
                <c:pt idx="3540">
                  <c:v>45075</c:v>
                </c:pt>
                <c:pt idx="3541">
                  <c:v>45076</c:v>
                </c:pt>
                <c:pt idx="3542">
                  <c:v>45077</c:v>
                </c:pt>
                <c:pt idx="3543">
                  <c:v>45078</c:v>
                </c:pt>
                <c:pt idx="3544">
                  <c:v>45079</c:v>
                </c:pt>
                <c:pt idx="3545">
                  <c:v>45082</c:v>
                </c:pt>
                <c:pt idx="3546">
                  <c:v>45083</c:v>
                </c:pt>
                <c:pt idx="3547">
                  <c:v>45084</c:v>
                </c:pt>
                <c:pt idx="3548">
                  <c:v>45085</c:v>
                </c:pt>
                <c:pt idx="3549">
                  <c:v>45086</c:v>
                </c:pt>
                <c:pt idx="3550">
                  <c:v>45089</c:v>
                </c:pt>
                <c:pt idx="3551">
                  <c:v>45090</c:v>
                </c:pt>
                <c:pt idx="3552">
                  <c:v>45091</c:v>
                </c:pt>
                <c:pt idx="3553">
                  <c:v>45092</c:v>
                </c:pt>
                <c:pt idx="3554">
                  <c:v>45093</c:v>
                </c:pt>
                <c:pt idx="3555">
                  <c:v>45096</c:v>
                </c:pt>
                <c:pt idx="3556">
                  <c:v>45097</c:v>
                </c:pt>
                <c:pt idx="3557">
                  <c:v>45098</c:v>
                </c:pt>
                <c:pt idx="3558">
                  <c:v>45099</c:v>
                </c:pt>
                <c:pt idx="3559">
                  <c:v>45100</c:v>
                </c:pt>
                <c:pt idx="3560">
                  <c:v>45103</c:v>
                </c:pt>
                <c:pt idx="3561">
                  <c:v>45104</c:v>
                </c:pt>
                <c:pt idx="3562">
                  <c:v>45105</c:v>
                </c:pt>
                <c:pt idx="3563">
                  <c:v>45106</c:v>
                </c:pt>
                <c:pt idx="3564">
                  <c:v>45107</c:v>
                </c:pt>
                <c:pt idx="3565">
                  <c:v>45110</c:v>
                </c:pt>
                <c:pt idx="3566">
                  <c:v>45111</c:v>
                </c:pt>
                <c:pt idx="3567">
                  <c:v>45112</c:v>
                </c:pt>
                <c:pt idx="3568">
                  <c:v>45113</c:v>
                </c:pt>
                <c:pt idx="3569">
                  <c:v>45114</c:v>
                </c:pt>
                <c:pt idx="3570">
                  <c:v>45117</c:v>
                </c:pt>
                <c:pt idx="3571">
                  <c:v>45118</c:v>
                </c:pt>
                <c:pt idx="3572">
                  <c:v>45119</c:v>
                </c:pt>
                <c:pt idx="3573">
                  <c:v>45120</c:v>
                </c:pt>
                <c:pt idx="3574">
                  <c:v>45121</c:v>
                </c:pt>
                <c:pt idx="3575">
                  <c:v>45124</c:v>
                </c:pt>
                <c:pt idx="3576">
                  <c:v>45125</c:v>
                </c:pt>
                <c:pt idx="3577">
                  <c:v>45126</c:v>
                </c:pt>
                <c:pt idx="3578">
                  <c:v>45127</c:v>
                </c:pt>
                <c:pt idx="3579">
                  <c:v>45128</c:v>
                </c:pt>
                <c:pt idx="3580">
                  <c:v>45131</c:v>
                </c:pt>
                <c:pt idx="3581">
                  <c:v>45132</c:v>
                </c:pt>
                <c:pt idx="3582">
                  <c:v>45133</c:v>
                </c:pt>
                <c:pt idx="3583">
                  <c:v>45134</c:v>
                </c:pt>
                <c:pt idx="3584">
                  <c:v>45135</c:v>
                </c:pt>
                <c:pt idx="3585">
                  <c:v>45138</c:v>
                </c:pt>
                <c:pt idx="3586">
                  <c:v>45139</c:v>
                </c:pt>
                <c:pt idx="3587">
                  <c:v>45140</c:v>
                </c:pt>
                <c:pt idx="3588">
                  <c:v>45141</c:v>
                </c:pt>
                <c:pt idx="3589">
                  <c:v>45142</c:v>
                </c:pt>
                <c:pt idx="3590">
                  <c:v>45145</c:v>
                </c:pt>
                <c:pt idx="3591">
                  <c:v>45146</c:v>
                </c:pt>
                <c:pt idx="3592">
                  <c:v>45147</c:v>
                </c:pt>
                <c:pt idx="3593">
                  <c:v>45148</c:v>
                </c:pt>
                <c:pt idx="3594">
                  <c:v>45149</c:v>
                </c:pt>
                <c:pt idx="3595">
                  <c:v>45152</c:v>
                </c:pt>
                <c:pt idx="3596">
                  <c:v>45153</c:v>
                </c:pt>
                <c:pt idx="3597">
                  <c:v>45154</c:v>
                </c:pt>
                <c:pt idx="3598">
                  <c:v>45155</c:v>
                </c:pt>
                <c:pt idx="3599">
                  <c:v>45156</c:v>
                </c:pt>
                <c:pt idx="3600">
                  <c:v>45159</c:v>
                </c:pt>
                <c:pt idx="3601">
                  <c:v>45160</c:v>
                </c:pt>
                <c:pt idx="3602">
                  <c:v>45161</c:v>
                </c:pt>
                <c:pt idx="3603">
                  <c:v>45162</c:v>
                </c:pt>
                <c:pt idx="3604">
                  <c:v>45163</c:v>
                </c:pt>
                <c:pt idx="3605">
                  <c:v>45166</c:v>
                </c:pt>
                <c:pt idx="3606">
                  <c:v>45167</c:v>
                </c:pt>
                <c:pt idx="3607">
                  <c:v>45168</c:v>
                </c:pt>
                <c:pt idx="3608">
                  <c:v>45169</c:v>
                </c:pt>
                <c:pt idx="3609">
                  <c:v>45170</c:v>
                </c:pt>
                <c:pt idx="3610">
                  <c:v>45173</c:v>
                </c:pt>
                <c:pt idx="3611">
                  <c:v>45174</c:v>
                </c:pt>
                <c:pt idx="3612">
                  <c:v>45175</c:v>
                </c:pt>
                <c:pt idx="3613">
                  <c:v>45176</c:v>
                </c:pt>
                <c:pt idx="3614">
                  <c:v>45177</c:v>
                </c:pt>
                <c:pt idx="3615">
                  <c:v>45180</c:v>
                </c:pt>
                <c:pt idx="3616">
                  <c:v>45181</c:v>
                </c:pt>
                <c:pt idx="3617">
                  <c:v>45182</c:v>
                </c:pt>
                <c:pt idx="3618">
                  <c:v>45183</c:v>
                </c:pt>
                <c:pt idx="3619">
                  <c:v>45184</c:v>
                </c:pt>
                <c:pt idx="3620">
                  <c:v>45187</c:v>
                </c:pt>
                <c:pt idx="3621">
                  <c:v>45188</c:v>
                </c:pt>
                <c:pt idx="3622">
                  <c:v>45189</c:v>
                </c:pt>
                <c:pt idx="3623">
                  <c:v>45190</c:v>
                </c:pt>
                <c:pt idx="3624">
                  <c:v>45191</c:v>
                </c:pt>
                <c:pt idx="3625">
                  <c:v>45194</c:v>
                </c:pt>
                <c:pt idx="3626">
                  <c:v>45195</c:v>
                </c:pt>
                <c:pt idx="3627">
                  <c:v>45196</c:v>
                </c:pt>
                <c:pt idx="3628">
                  <c:v>45197</c:v>
                </c:pt>
                <c:pt idx="3629">
                  <c:v>45198</c:v>
                </c:pt>
                <c:pt idx="3630">
                  <c:v>45199</c:v>
                </c:pt>
              </c:numCache>
            </c:numRef>
          </c:cat>
          <c:val>
            <c:numRef>
              <c:f>'[Q3.2023 Market Outlook.xlsx]HY Spread'!$C$3440:$C$7070</c:f>
              <c:numCache>
                <c:formatCode>0.00</c:formatCode>
                <c:ptCount val="3631"/>
                <c:pt idx="0">
                  <c:v>6.34</c:v>
                </c:pt>
                <c:pt idx="1">
                  <c:v>6.3</c:v>
                </c:pt>
                <c:pt idx="2">
                  <c:v>6.17</c:v>
                </c:pt>
                <c:pt idx="3">
                  <c:v>6.03</c:v>
                </c:pt>
                <c:pt idx="4">
                  <c:v>6.02</c:v>
                </c:pt>
                <c:pt idx="5">
                  <c:v>5.99</c:v>
                </c:pt>
                <c:pt idx="6">
                  <c:v>6.07</c:v>
                </c:pt>
                <c:pt idx="7">
                  <c:v>6.03</c:v>
                </c:pt>
                <c:pt idx="8">
                  <c:v>6.04</c:v>
                </c:pt>
                <c:pt idx="9">
                  <c:v>6.1</c:v>
                </c:pt>
                <c:pt idx="10">
                  <c:v>6.1</c:v>
                </c:pt>
                <c:pt idx="11">
                  <c:v>6.11</c:v>
                </c:pt>
                <c:pt idx="12">
                  <c:v>6.16</c:v>
                </c:pt>
                <c:pt idx="13">
                  <c:v>6.24</c:v>
                </c:pt>
                <c:pt idx="14">
                  <c:v>6.36</c:v>
                </c:pt>
                <c:pt idx="15">
                  <c:v>6.42</c:v>
                </c:pt>
                <c:pt idx="16">
                  <c:v>6.44</c:v>
                </c:pt>
                <c:pt idx="17">
                  <c:v>6.41</c:v>
                </c:pt>
                <c:pt idx="18">
                  <c:v>6.41</c:v>
                </c:pt>
                <c:pt idx="19">
                  <c:v>6.46</c:v>
                </c:pt>
                <c:pt idx="20">
                  <c:v>6.54</c:v>
                </c:pt>
                <c:pt idx="21">
                  <c:v>6.54</c:v>
                </c:pt>
                <c:pt idx="22">
                  <c:v>6.54</c:v>
                </c:pt>
                <c:pt idx="23">
                  <c:v>6.46</c:v>
                </c:pt>
                <c:pt idx="24">
                  <c:v>6.59</c:v>
                </c:pt>
                <c:pt idx="25">
                  <c:v>6.81</c:v>
                </c:pt>
                <c:pt idx="26">
                  <c:v>6.85</c:v>
                </c:pt>
                <c:pt idx="27">
                  <c:v>6.88</c:v>
                </c:pt>
                <c:pt idx="28">
                  <c:v>6.93</c:v>
                </c:pt>
                <c:pt idx="29">
                  <c:v>6.98</c:v>
                </c:pt>
                <c:pt idx="30">
                  <c:v>7.03</c:v>
                </c:pt>
                <c:pt idx="31">
                  <c:v>7.01</c:v>
                </c:pt>
                <c:pt idx="32">
                  <c:v>7.02</c:v>
                </c:pt>
                <c:pt idx="33">
                  <c:v>6.8</c:v>
                </c:pt>
                <c:pt idx="34">
                  <c:v>6.65</c:v>
                </c:pt>
                <c:pt idx="35">
                  <c:v>6.56</c:v>
                </c:pt>
                <c:pt idx="36">
                  <c:v>6.5</c:v>
                </c:pt>
                <c:pt idx="37">
                  <c:v>6.6</c:v>
                </c:pt>
                <c:pt idx="38">
                  <c:v>6.58</c:v>
                </c:pt>
                <c:pt idx="39">
                  <c:v>6.65</c:v>
                </c:pt>
                <c:pt idx="40">
                  <c:v>6.66</c:v>
                </c:pt>
                <c:pt idx="41">
                  <c:v>6.71</c:v>
                </c:pt>
                <c:pt idx="42">
                  <c:v>6.66</c:v>
                </c:pt>
                <c:pt idx="43">
                  <c:v>6.58</c:v>
                </c:pt>
                <c:pt idx="44">
                  <c:v>6.54</c:v>
                </c:pt>
                <c:pt idx="45">
                  <c:v>6.49</c:v>
                </c:pt>
                <c:pt idx="46">
                  <c:v>6.37</c:v>
                </c:pt>
                <c:pt idx="47">
                  <c:v>6.27</c:v>
                </c:pt>
                <c:pt idx="48">
                  <c:v>6.23</c:v>
                </c:pt>
                <c:pt idx="49">
                  <c:v>6.16</c:v>
                </c:pt>
                <c:pt idx="50">
                  <c:v>6.15</c:v>
                </c:pt>
                <c:pt idx="51">
                  <c:v>6.11</c:v>
                </c:pt>
                <c:pt idx="52">
                  <c:v>6.12</c:v>
                </c:pt>
                <c:pt idx="53">
                  <c:v>6.16</c:v>
                </c:pt>
                <c:pt idx="54">
                  <c:v>6.11</c:v>
                </c:pt>
                <c:pt idx="55">
                  <c:v>6.02</c:v>
                </c:pt>
                <c:pt idx="56">
                  <c:v>5.98</c:v>
                </c:pt>
                <c:pt idx="57">
                  <c:v>6.02</c:v>
                </c:pt>
                <c:pt idx="58">
                  <c:v>6</c:v>
                </c:pt>
                <c:pt idx="59">
                  <c:v>5.85</c:v>
                </c:pt>
                <c:pt idx="60">
                  <c:v>5.78</c:v>
                </c:pt>
                <c:pt idx="61">
                  <c:v>5.8</c:v>
                </c:pt>
                <c:pt idx="62">
                  <c:v>5.79</c:v>
                </c:pt>
                <c:pt idx="63">
                  <c:v>5.77</c:v>
                </c:pt>
                <c:pt idx="64">
                  <c:v>5.84</c:v>
                </c:pt>
                <c:pt idx="65">
                  <c:v>5.82</c:v>
                </c:pt>
                <c:pt idx="67">
                  <c:v>5.65</c:v>
                </c:pt>
                <c:pt idx="68">
                  <c:v>5.65</c:v>
                </c:pt>
                <c:pt idx="69">
                  <c:v>5.72</c:v>
                </c:pt>
                <c:pt idx="70">
                  <c:v>5.7</c:v>
                </c:pt>
                <c:pt idx="71">
                  <c:v>5.68</c:v>
                </c:pt>
                <c:pt idx="72">
                  <c:v>5.68</c:v>
                </c:pt>
                <c:pt idx="73">
                  <c:v>5.66</c:v>
                </c:pt>
                <c:pt idx="74">
                  <c:v>5.57</c:v>
                </c:pt>
                <c:pt idx="75">
                  <c:v>5.52</c:v>
                </c:pt>
                <c:pt idx="76">
                  <c:v>5.57</c:v>
                </c:pt>
                <c:pt idx="77">
                  <c:v>5.59</c:v>
                </c:pt>
                <c:pt idx="78">
                  <c:v>5.54</c:v>
                </c:pt>
                <c:pt idx="79">
                  <c:v>5.55</c:v>
                </c:pt>
                <c:pt idx="80">
                  <c:v>5.5</c:v>
                </c:pt>
                <c:pt idx="81">
                  <c:v>5.44</c:v>
                </c:pt>
                <c:pt idx="82">
                  <c:v>5.42</c:v>
                </c:pt>
                <c:pt idx="83">
                  <c:v>5.55</c:v>
                </c:pt>
                <c:pt idx="84">
                  <c:v>5.51</c:v>
                </c:pt>
                <c:pt idx="85">
                  <c:v>5.54</c:v>
                </c:pt>
                <c:pt idx="86">
                  <c:v>5.61</c:v>
                </c:pt>
                <c:pt idx="87">
                  <c:v>5.57</c:v>
                </c:pt>
                <c:pt idx="88">
                  <c:v>5.68</c:v>
                </c:pt>
                <c:pt idx="89">
                  <c:v>5.91</c:v>
                </c:pt>
                <c:pt idx="90">
                  <c:v>6.26</c:v>
                </c:pt>
                <c:pt idx="91">
                  <c:v>6.47</c:v>
                </c:pt>
                <c:pt idx="92">
                  <c:v>6.25</c:v>
                </c:pt>
                <c:pt idx="93">
                  <c:v>6.34</c:v>
                </c:pt>
                <c:pt idx="94">
                  <c:v>6.18</c:v>
                </c:pt>
                <c:pt idx="95">
                  <c:v>6.14</c:v>
                </c:pt>
                <c:pt idx="96">
                  <c:v>6.33</c:v>
                </c:pt>
                <c:pt idx="97">
                  <c:v>6.36</c:v>
                </c:pt>
                <c:pt idx="98">
                  <c:v>6.46</c:v>
                </c:pt>
                <c:pt idx="99">
                  <c:v>6.59</c:v>
                </c:pt>
                <c:pt idx="100">
                  <c:v>6.92</c:v>
                </c:pt>
                <c:pt idx="101">
                  <c:v>7.02</c:v>
                </c:pt>
                <c:pt idx="102">
                  <c:v>6.97</c:v>
                </c:pt>
                <c:pt idx="103">
                  <c:v>7.24</c:v>
                </c:pt>
                <c:pt idx="104">
                  <c:v>7.07</c:v>
                </c:pt>
                <c:pt idx="105">
                  <c:v>6.88</c:v>
                </c:pt>
                <c:pt idx="106">
                  <c:v>6.9</c:v>
                </c:pt>
                <c:pt idx="107">
                  <c:v>6.98</c:v>
                </c:pt>
                <c:pt idx="108">
                  <c:v>7.04</c:v>
                </c:pt>
                <c:pt idx="109">
                  <c:v>7.04</c:v>
                </c:pt>
                <c:pt idx="110">
                  <c:v>6.93</c:v>
                </c:pt>
                <c:pt idx="111">
                  <c:v>7.14</c:v>
                </c:pt>
                <c:pt idx="112">
                  <c:v>7.18</c:v>
                </c:pt>
                <c:pt idx="113">
                  <c:v>7.27</c:v>
                </c:pt>
                <c:pt idx="114">
                  <c:v>7.26</c:v>
                </c:pt>
                <c:pt idx="115">
                  <c:v>7.19</c:v>
                </c:pt>
                <c:pt idx="116">
                  <c:v>7.27</c:v>
                </c:pt>
                <c:pt idx="117">
                  <c:v>7.16</c:v>
                </c:pt>
                <c:pt idx="118">
                  <c:v>7.03</c:v>
                </c:pt>
                <c:pt idx="119">
                  <c:v>6.97</c:v>
                </c:pt>
                <c:pt idx="120">
                  <c:v>6.91</c:v>
                </c:pt>
                <c:pt idx="121">
                  <c:v>6.82</c:v>
                </c:pt>
                <c:pt idx="122">
                  <c:v>6.68</c:v>
                </c:pt>
                <c:pt idx="123">
                  <c:v>6.75</c:v>
                </c:pt>
                <c:pt idx="124">
                  <c:v>6.82</c:v>
                </c:pt>
                <c:pt idx="125">
                  <c:v>6.89</c:v>
                </c:pt>
                <c:pt idx="126">
                  <c:v>6.9</c:v>
                </c:pt>
                <c:pt idx="127">
                  <c:v>6.93</c:v>
                </c:pt>
                <c:pt idx="128">
                  <c:v>7.06</c:v>
                </c:pt>
                <c:pt idx="129">
                  <c:v>7.13</c:v>
                </c:pt>
                <c:pt idx="130">
                  <c:v>7.17</c:v>
                </c:pt>
                <c:pt idx="131">
                  <c:v>7.13</c:v>
                </c:pt>
                <c:pt idx="132">
                  <c:v>7.13</c:v>
                </c:pt>
                <c:pt idx="133">
                  <c:v>7.14</c:v>
                </c:pt>
                <c:pt idx="134">
                  <c:v>7.1</c:v>
                </c:pt>
                <c:pt idx="135">
                  <c:v>6.98</c:v>
                </c:pt>
                <c:pt idx="136">
                  <c:v>6.88</c:v>
                </c:pt>
                <c:pt idx="137">
                  <c:v>6.85</c:v>
                </c:pt>
                <c:pt idx="138">
                  <c:v>6.7</c:v>
                </c:pt>
                <c:pt idx="139">
                  <c:v>6.68</c:v>
                </c:pt>
                <c:pt idx="140">
                  <c:v>6.73</c:v>
                </c:pt>
                <c:pt idx="141">
                  <c:v>6.77</c:v>
                </c:pt>
                <c:pt idx="142">
                  <c:v>6.77</c:v>
                </c:pt>
                <c:pt idx="143">
                  <c:v>6.79</c:v>
                </c:pt>
                <c:pt idx="144">
                  <c:v>6.75</c:v>
                </c:pt>
                <c:pt idx="145">
                  <c:v>6.67</c:v>
                </c:pt>
                <c:pt idx="146">
                  <c:v>6.59</c:v>
                </c:pt>
                <c:pt idx="147">
                  <c:v>6.54</c:v>
                </c:pt>
                <c:pt idx="148">
                  <c:v>6.43</c:v>
                </c:pt>
                <c:pt idx="149">
                  <c:v>6.47</c:v>
                </c:pt>
                <c:pt idx="150">
                  <c:v>6.48</c:v>
                </c:pt>
                <c:pt idx="151">
                  <c:v>6.57</c:v>
                </c:pt>
                <c:pt idx="152">
                  <c:v>6.59</c:v>
                </c:pt>
                <c:pt idx="153">
                  <c:v>6.54</c:v>
                </c:pt>
                <c:pt idx="154">
                  <c:v>6.55</c:v>
                </c:pt>
                <c:pt idx="155">
                  <c:v>6.49</c:v>
                </c:pt>
                <c:pt idx="156">
                  <c:v>6.51</c:v>
                </c:pt>
                <c:pt idx="157">
                  <c:v>6.57</c:v>
                </c:pt>
                <c:pt idx="158">
                  <c:v>6.54</c:v>
                </c:pt>
                <c:pt idx="159">
                  <c:v>6.6</c:v>
                </c:pt>
                <c:pt idx="160">
                  <c:v>6.78</c:v>
                </c:pt>
                <c:pt idx="161">
                  <c:v>6.83</c:v>
                </c:pt>
                <c:pt idx="162">
                  <c:v>6.87</c:v>
                </c:pt>
                <c:pt idx="163">
                  <c:v>6.91</c:v>
                </c:pt>
                <c:pt idx="164">
                  <c:v>6.82</c:v>
                </c:pt>
                <c:pt idx="165">
                  <c:v>6.78</c:v>
                </c:pt>
                <c:pt idx="166">
                  <c:v>6.82</c:v>
                </c:pt>
                <c:pt idx="167">
                  <c:v>6.8</c:v>
                </c:pt>
                <c:pt idx="168">
                  <c:v>6.82</c:v>
                </c:pt>
                <c:pt idx="169">
                  <c:v>6.93</c:v>
                </c:pt>
                <c:pt idx="170">
                  <c:v>6.92</c:v>
                </c:pt>
                <c:pt idx="171">
                  <c:v>6.93</c:v>
                </c:pt>
                <c:pt idx="172">
                  <c:v>6.81</c:v>
                </c:pt>
                <c:pt idx="173">
                  <c:v>6.89</c:v>
                </c:pt>
                <c:pt idx="174">
                  <c:v>6.92</c:v>
                </c:pt>
                <c:pt idx="175">
                  <c:v>6.8</c:v>
                </c:pt>
                <c:pt idx="176">
                  <c:v>6.72</c:v>
                </c:pt>
                <c:pt idx="177">
                  <c:v>6.62</c:v>
                </c:pt>
                <c:pt idx="178">
                  <c:v>6.62</c:v>
                </c:pt>
                <c:pt idx="179">
                  <c:v>6.68</c:v>
                </c:pt>
                <c:pt idx="180">
                  <c:v>6.59</c:v>
                </c:pt>
                <c:pt idx="181">
                  <c:v>6.47</c:v>
                </c:pt>
                <c:pt idx="182">
                  <c:v>6.37</c:v>
                </c:pt>
                <c:pt idx="183">
                  <c:v>6.36</c:v>
                </c:pt>
                <c:pt idx="184">
                  <c:v>6.36</c:v>
                </c:pt>
                <c:pt idx="185">
                  <c:v>6.31</c:v>
                </c:pt>
                <c:pt idx="186">
                  <c:v>6.25</c:v>
                </c:pt>
                <c:pt idx="187">
                  <c:v>6.24</c:v>
                </c:pt>
                <c:pt idx="188">
                  <c:v>6.25</c:v>
                </c:pt>
                <c:pt idx="189">
                  <c:v>6.32</c:v>
                </c:pt>
                <c:pt idx="190">
                  <c:v>6.35</c:v>
                </c:pt>
                <c:pt idx="191">
                  <c:v>6.37</c:v>
                </c:pt>
                <c:pt idx="192">
                  <c:v>6.32</c:v>
                </c:pt>
                <c:pt idx="193">
                  <c:v>6.36</c:v>
                </c:pt>
                <c:pt idx="194">
                  <c:v>6.36</c:v>
                </c:pt>
                <c:pt idx="195">
                  <c:v>6.29</c:v>
                </c:pt>
                <c:pt idx="196">
                  <c:v>6.26</c:v>
                </c:pt>
                <c:pt idx="197">
                  <c:v>6.22</c:v>
                </c:pt>
                <c:pt idx="198">
                  <c:v>6.23</c:v>
                </c:pt>
                <c:pt idx="199">
                  <c:v>6.18</c:v>
                </c:pt>
                <c:pt idx="200">
                  <c:v>6.15</c:v>
                </c:pt>
                <c:pt idx="201">
                  <c:v>6.13</c:v>
                </c:pt>
                <c:pt idx="202">
                  <c:v>6.12</c:v>
                </c:pt>
                <c:pt idx="203">
                  <c:v>6.11</c:v>
                </c:pt>
                <c:pt idx="204">
                  <c:v>6.08</c:v>
                </c:pt>
                <c:pt idx="205">
                  <c:v>6.02</c:v>
                </c:pt>
                <c:pt idx="206">
                  <c:v>5.97</c:v>
                </c:pt>
                <c:pt idx="207">
                  <c:v>5.95</c:v>
                </c:pt>
                <c:pt idx="208">
                  <c:v>6.02</c:v>
                </c:pt>
                <c:pt idx="209">
                  <c:v>6.04</c:v>
                </c:pt>
                <c:pt idx="210">
                  <c:v>6.06</c:v>
                </c:pt>
                <c:pt idx="211">
                  <c:v>6</c:v>
                </c:pt>
                <c:pt idx="212">
                  <c:v>5.96</c:v>
                </c:pt>
                <c:pt idx="213">
                  <c:v>5.9</c:v>
                </c:pt>
                <c:pt idx="214">
                  <c:v>5.79</c:v>
                </c:pt>
                <c:pt idx="215">
                  <c:v>5.73</c:v>
                </c:pt>
                <c:pt idx="216">
                  <c:v>5.77</c:v>
                </c:pt>
                <c:pt idx="217">
                  <c:v>5.82</c:v>
                </c:pt>
                <c:pt idx="218">
                  <c:v>5.93</c:v>
                </c:pt>
                <c:pt idx="219">
                  <c:v>5.96</c:v>
                </c:pt>
                <c:pt idx="220">
                  <c:v>5.94</c:v>
                </c:pt>
                <c:pt idx="221">
                  <c:v>5.92</c:v>
                </c:pt>
                <c:pt idx="222">
                  <c:v>5.89</c:v>
                </c:pt>
                <c:pt idx="223">
                  <c:v>5.79</c:v>
                </c:pt>
                <c:pt idx="224">
                  <c:v>5.76</c:v>
                </c:pt>
                <c:pt idx="225">
                  <c:v>5.64</c:v>
                </c:pt>
                <c:pt idx="226">
                  <c:v>5.75</c:v>
                </c:pt>
                <c:pt idx="227">
                  <c:v>5.75</c:v>
                </c:pt>
                <c:pt idx="228">
                  <c:v>5.75</c:v>
                </c:pt>
                <c:pt idx="229">
                  <c:v>5.67</c:v>
                </c:pt>
                <c:pt idx="230">
                  <c:v>5.89</c:v>
                </c:pt>
                <c:pt idx="231">
                  <c:v>5.89</c:v>
                </c:pt>
                <c:pt idx="232">
                  <c:v>5.8</c:v>
                </c:pt>
                <c:pt idx="233">
                  <c:v>5.81</c:v>
                </c:pt>
                <c:pt idx="234">
                  <c:v>5.9</c:v>
                </c:pt>
                <c:pt idx="235">
                  <c:v>6.04</c:v>
                </c:pt>
                <c:pt idx="236">
                  <c:v>5.93</c:v>
                </c:pt>
                <c:pt idx="237">
                  <c:v>5.93</c:v>
                </c:pt>
                <c:pt idx="238">
                  <c:v>5.94</c:v>
                </c:pt>
                <c:pt idx="239">
                  <c:v>6.03</c:v>
                </c:pt>
                <c:pt idx="240">
                  <c:v>6.22</c:v>
                </c:pt>
                <c:pt idx="241">
                  <c:v>6.02</c:v>
                </c:pt>
                <c:pt idx="242">
                  <c:v>5.93</c:v>
                </c:pt>
                <c:pt idx="243">
                  <c:v>5.92</c:v>
                </c:pt>
                <c:pt idx="244">
                  <c:v>5.95</c:v>
                </c:pt>
                <c:pt idx="245">
                  <c:v>5.69</c:v>
                </c:pt>
                <c:pt idx="246">
                  <c:v>5.62</c:v>
                </c:pt>
                <c:pt idx="247">
                  <c:v>5.6</c:v>
                </c:pt>
                <c:pt idx="248">
                  <c:v>5.54</c:v>
                </c:pt>
                <c:pt idx="249">
                  <c:v>5.58</c:v>
                </c:pt>
                <c:pt idx="250">
                  <c:v>5.42</c:v>
                </c:pt>
                <c:pt idx="251">
                  <c:v>5.4</c:v>
                </c:pt>
                <c:pt idx="252">
                  <c:v>5.45</c:v>
                </c:pt>
                <c:pt idx="253">
                  <c:v>5.54</c:v>
                </c:pt>
                <c:pt idx="254">
                  <c:v>5.52</c:v>
                </c:pt>
                <c:pt idx="255">
                  <c:v>5.5</c:v>
                </c:pt>
                <c:pt idx="256">
                  <c:v>5.45</c:v>
                </c:pt>
                <c:pt idx="257">
                  <c:v>5.37</c:v>
                </c:pt>
                <c:pt idx="258">
                  <c:v>5.37</c:v>
                </c:pt>
                <c:pt idx="259">
                  <c:v>5.4</c:v>
                </c:pt>
                <c:pt idx="260">
                  <c:v>5.28</c:v>
                </c:pt>
                <c:pt idx="261">
                  <c:v>5.4</c:v>
                </c:pt>
                <c:pt idx="262">
                  <c:v>5.32</c:v>
                </c:pt>
                <c:pt idx="263">
                  <c:v>5.41</c:v>
                </c:pt>
                <c:pt idx="264">
                  <c:v>5.32</c:v>
                </c:pt>
                <c:pt idx="265">
                  <c:v>5.27</c:v>
                </c:pt>
                <c:pt idx="266">
                  <c:v>5.1100000000000003</c:v>
                </c:pt>
                <c:pt idx="267">
                  <c:v>5.13</c:v>
                </c:pt>
                <c:pt idx="268">
                  <c:v>5.23</c:v>
                </c:pt>
                <c:pt idx="269">
                  <c:v>5.28</c:v>
                </c:pt>
                <c:pt idx="270">
                  <c:v>5.22</c:v>
                </c:pt>
                <c:pt idx="271">
                  <c:v>5.17</c:v>
                </c:pt>
                <c:pt idx="272">
                  <c:v>5.18</c:v>
                </c:pt>
                <c:pt idx="273">
                  <c:v>5.12</c:v>
                </c:pt>
                <c:pt idx="274">
                  <c:v>5.12</c:v>
                </c:pt>
                <c:pt idx="275">
                  <c:v>5.0999999999999996</c:v>
                </c:pt>
                <c:pt idx="276">
                  <c:v>5.1100000000000003</c:v>
                </c:pt>
                <c:pt idx="277">
                  <c:v>5.03</c:v>
                </c:pt>
                <c:pt idx="278">
                  <c:v>5.05</c:v>
                </c:pt>
                <c:pt idx="279">
                  <c:v>5.03</c:v>
                </c:pt>
                <c:pt idx="280">
                  <c:v>5.0599999999999996</c:v>
                </c:pt>
                <c:pt idx="281">
                  <c:v>4.9800000000000004</c:v>
                </c:pt>
                <c:pt idx="282">
                  <c:v>4.99</c:v>
                </c:pt>
                <c:pt idx="283">
                  <c:v>5.03</c:v>
                </c:pt>
                <c:pt idx="284">
                  <c:v>5.08</c:v>
                </c:pt>
                <c:pt idx="285">
                  <c:v>4.99</c:v>
                </c:pt>
                <c:pt idx="286">
                  <c:v>4.8899999999999997</c:v>
                </c:pt>
                <c:pt idx="287">
                  <c:v>4.83</c:v>
                </c:pt>
                <c:pt idx="288">
                  <c:v>4.68</c:v>
                </c:pt>
                <c:pt idx="289">
                  <c:v>4.6399999999999997</c:v>
                </c:pt>
                <c:pt idx="290">
                  <c:v>4.53</c:v>
                </c:pt>
                <c:pt idx="291">
                  <c:v>4.5999999999999996</c:v>
                </c:pt>
                <c:pt idx="292">
                  <c:v>4.55</c:v>
                </c:pt>
                <c:pt idx="293">
                  <c:v>4.59</c:v>
                </c:pt>
                <c:pt idx="294">
                  <c:v>4.58</c:v>
                </c:pt>
                <c:pt idx="295">
                  <c:v>4.57</c:v>
                </c:pt>
                <c:pt idx="296">
                  <c:v>4.54</c:v>
                </c:pt>
                <c:pt idx="297">
                  <c:v>4.5599999999999996</c:v>
                </c:pt>
                <c:pt idx="298">
                  <c:v>4.53</c:v>
                </c:pt>
                <c:pt idx="299">
                  <c:v>4.5199999999999996</c:v>
                </c:pt>
                <c:pt idx="300">
                  <c:v>4.66</c:v>
                </c:pt>
                <c:pt idx="301">
                  <c:v>4.66</c:v>
                </c:pt>
                <c:pt idx="302">
                  <c:v>4.7300000000000004</c:v>
                </c:pt>
                <c:pt idx="303">
                  <c:v>4.72</c:v>
                </c:pt>
                <c:pt idx="304">
                  <c:v>4.78</c:v>
                </c:pt>
                <c:pt idx="305">
                  <c:v>4.76</c:v>
                </c:pt>
                <c:pt idx="306">
                  <c:v>4.72</c:v>
                </c:pt>
                <c:pt idx="307">
                  <c:v>4.5999999999999996</c:v>
                </c:pt>
                <c:pt idx="308">
                  <c:v>4.6900000000000004</c:v>
                </c:pt>
                <c:pt idx="309">
                  <c:v>4.6900000000000004</c:v>
                </c:pt>
                <c:pt idx="310">
                  <c:v>4.6399999999999997</c:v>
                </c:pt>
                <c:pt idx="311">
                  <c:v>4.71</c:v>
                </c:pt>
                <c:pt idx="312">
                  <c:v>4.8499999999999996</c:v>
                </c:pt>
                <c:pt idx="313">
                  <c:v>4.88</c:v>
                </c:pt>
                <c:pt idx="314">
                  <c:v>4.93</c:v>
                </c:pt>
                <c:pt idx="315">
                  <c:v>5.09</c:v>
                </c:pt>
                <c:pt idx="316">
                  <c:v>5.16</c:v>
                </c:pt>
                <c:pt idx="317">
                  <c:v>5.0999999999999996</c:v>
                </c:pt>
                <c:pt idx="318">
                  <c:v>5.0199999999999996</c:v>
                </c:pt>
                <c:pt idx="319">
                  <c:v>4.93</c:v>
                </c:pt>
                <c:pt idx="320">
                  <c:v>4.91</c:v>
                </c:pt>
                <c:pt idx="321">
                  <c:v>4.91</c:v>
                </c:pt>
                <c:pt idx="322">
                  <c:v>4.84</c:v>
                </c:pt>
                <c:pt idx="323">
                  <c:v>4.79</c:v>
                </c:pt>
                <c:pt idx="324">
                  <c:v>4.76</c:v>
                </c:pt>
                <c:pt idx="325">
                  <c:v>4.7300000000000004</c:v>
                </c:pt>
                <c:pt idx="326">
                  <c:v>4.76</c:v>
                </c:pt>
                <c:pt idx="327">
                  <c:v>4.7699999999999996</c:v>
                </c:pt>
                <c:pt idx="328">
                  <c:v>4.72</c:v>
                </c:pt>
                <c:pt idx="329">
                  <c:v>4.72</c:v>
                </c:pt>
                <c:pt idx="330">
                  <c:v>4.6500000000000004</c:v>
                </c:pt>
                <c:pt idx="331">
                  <c:v>4.57</c:v>
                </c:pt>
                <c:pt idx="332">
                  <c:v>4.5599999999999996</c:v>
                </c:pt>
                <c:pt idx="333">
                  <c:v>4.53</c:v>
                </c:pt>
                <c:pt idx="334">
                  <c:v>4.53</c:v>
                </c:pt>
                <c:pt idx="335">
                  <c:v>4.63</c:v>
                </c:pt>
                <c:pt idx="336">
                  <c:v>4.6500000000000004</c:v>
                </c:pt>
                <c:pt idx="337">
                  <c:v>4.5999999999999996</c:v>
                </c:pt>
                <c:pt idx="338">
                  <c:v>4.68</c:v>
                </c:pt>
                <c:pt idx="339">
                  <c:v>4.74</c:v>
                </c:pt>
                <c:pt idx="340">
                  <c:v>4.75</c:v>
                </c:pt>
                <c:pt idx="341">
                  <c:v>4.66</c:v>
                </c:pt>
                <c:pt idx="342">
                  <c:v>4.6500000000000004</c:v>
                </c:pt>
                <c:pt idx="344">
                  <c:v>4.6900000000000004</c:v>
                </c:pt>
                <c:pt idx="345">
                  <c:v>4.71</c:v>
                </c:pt>
                <c:pt idx="346">
                  <c:v>4.67</c:v>
                </c:pt>
                <c:pt idx="347">
                  <c:v>4.7300000000000004</c:v>
                </c:pt>
                <c:pt idx="348">
                  <c:v>4.71</c:v>
                </c:pt>
                <c:pt idx="349">
                  <c:v>4.76</c:v>
                </c:pt>
                <c:pt idx="350">
                  <c:v>4.74</c:v>
                </c:pt>
                <c:pt idx="351">
                  <c:v>4.76</c:v>
                </c:pt>
                <c:pt idx="352">
                  <c:v>4.76</c:v>
                </c:pt>
                <c:pt idx="353">
                  <c:v>4.8</c:v>
                </c:pt>
                <c:pt idx="354">
                  <c:v>4.8099999999999996</c:v>
                </c:pt>
                <c:pt idx="355">
                  <c:v>4.82</c:v>
                </c:pt>
                <c:pt idx="356">
                  <c:v>4.76</c:v>
                </c:pt>
                <c:pt idx="357">
                  <c:v>4.79</c:v>
                </c:pt>
                <c:pt idx="358">
                  <c:v>4.7699999999999996</c:v>
                </c:pt>
                <c:pt idx="359">
                  <c:v>4.8</c:v>
                </c:pt>
                <c:pt idx="360">
                  <c:v>4.79</c:v>
                </c:pt>
                <c:pt idx="361">
                  <c:v>4.82</c:v>
                </c:pt>
                <c:pt idx="362">
                  <c:v>4.79</c:v>
                </c:pt>
                <c:pt idx="363">
                  <c:v>4.8</c:v>
                </c:pt>
                <c:pt idx="364">
                  <c:v>4.82</c:v>
                </c:pt>
                <c:pt idx="365">
                  <c:v>4.87</c:v>
                </c:pt>
                <c:pt idx="366">
                  <c:v>4.8899999999999997</c:v>
                </c:pt>
                <c:pt idx="367">
                  <c:v>4.92</c:v>
                </c:pt>
                <c:pt idx="368">
                  <c:v>5.01</c:v>
                </c:pt>
                <c:pt idx="369">
                  <c:v>5.01</c:v>
                </c:pt>
                <c:pt idx="370">
                  <c:v>5.01</c:v>
                </c:pt>
                <c:pt idx="371">
                  <c:v>5.09</c:v>
                </c:pt>
                <c:pt idx="372">
                  <c:v>5.15</c:v>
                </c:pt>
                <c:pt idx="373">
                  <c:v>5.15</c:v>
                </c:pt>
                <c:pt idx="374">
                  <c:v>5.24</c:v>
                </c:pt>
                <c:pt idx="375">
                  <c:v>5.25</c:v>
                </c:pt>
                <c:pt idx="376">
                  <c:v>5.28</c:v>
                </c:pt>
                <c:pt idx="377">
                  <c:v>5.38</c:v>
                </c:pt>
                <c:pt idx="378">
                  <c:v>5.38</c:v>
                </c:pt>
                <c:pt idx="379">
                  <c:v>5.43</c:v>
                </c:pt>
                <c:pt idx="380">
                  <c:v>5.47</c:v>
                </c:pt>
                <c:pt idx="381">
                  <c:v>5.37</c:v>
                </c:pt>
                <c:pt idx="382">
                  <c:v>5.52</c:v>
                </c:pt>
                <c:pt idx="383">
                  <c:v>5.65</c:v>
                </c:pt>
                <c:pt idx="384">
                  <c:v>5.64</c:v>
                </c:pt>
                <c:pt idx="385">
                  <c:v>5.67</c:v>
                </c:pt>
                <c:pt idx="386">
                  <c:v>5.65</c:v>
                </c:pt>
                <c:pt idx="387">
                  <c:v>5.62</c:v>
                </c:pt>
                <c:pt idx="388">
                  <c:v>5.75</c:v>
                </c:pt>
                <c:pt idx="389">
                  <c:v>5.8</c:v>
                </c:pt>
                <c:pt idx="390">
                  <c:v>5.78</c:v>
                </c:pt>
                <c:pt idx="391">
                  <c:v>5.65</c:v>
                </c:pt>
                <c:pt idx="392">
                  <c:v>5.53</c:v>
                </c:pt>
                <c:pt idx="393">
                  <c:v>5.42</c:v>
                </c:pt>
                <c:pt idx="394">
                  <c:v>5.34</c:v>
                </c:pt>
                <c:pt idx="395">
                  <c:v>5.34</c:v>
                </c:pt>
                <c:pt idx="396">
                  <c:v>5.37</c:v>
                </c:pt>
                <c:pt idx="397">
                  <c:v>5.41</c:v>
                </c:pt>
                <c:pt idx="398">
                  <c:v>5.27</c:v>
                </c:pt>
                <c:pt idx="399">
                  <c:v>5.39</c:v>
                </c:pt>
                <c:pt idx="400">
                  <c:v>5.56</c:v>
                </c:pt>
                <c:pt idx="401">
                  <c:v>5.6</c:v>
                </c:pt>
                <c:pt idx="402">
                  <c:v>5.57</c:v>
                </c:pt>
                <c:pt idx="403">
                  <c:v>5.49</c:v>
                </c:pt>
                <c:pt idx="404">
                  <c:v>5.51</c:v>
                </c:pt>
                <c:pt idx="405">
                  <c:v>5.54</c:v>
                </c:pt>
                <c:pt idx="406">
                  <c:v>5.54</c:v>
                </c:pt>
                <c:pt idx="407">
                  <c:v>5.46</c:v>
                </c:pt>
                <c:pt idx="408">
                  <c:v>5.36</c:v>
                </c:pt>
                <c:pt idx="409">
                  <c:v>5.35</c:v>
                </c:pt>
                <c:pt idx="410">
                  <c:v>5.33</c:v>
                </c:pt>
                <c:pt idx="411">
                  <c:v>5.35</c:v>
                </c:pt>
                <c:pt idx="412">
                  <c:v>5.32</c:v>
                </c:pt>
                <c:pt idx="413">
                  <c:v>5.37</c:v>
                </c:pt>
                <c:pt idx="414">
                  <c:v>5.51</c:v>
                </c:pt>
                <c:pt idx="415">
                  <c:v>5.58</c:v>
                </c:pt>
                <c:pt idx="416">
                  <c:v>5.63</c:v>
                </c:pt>
                <c:pt idx="417">
                  <c:v>5.8</c:v>
                </c:pt>
                <c:pt idx="418">
                  <c:v>5.87</c:v>
                </c:pt>
                <c:pt idx="419">
                  <c:v>6.16</c:v>
                </c:pt>
                <c:pt idx="420">
                  <c:v>6.24</c:v>
                </c:pt>
                <c:pt idx="421">
                  <c:v>6.84</c:v>
                </c:pt>
                <c:pt idx="422">
                  <c:v>7.19</c:v>
                </c:pt>
                <c:pt idx="423">
                  <c:v>7.3</c:v>
                </c:pt>
                <c:pt idx="424">
                  <c:v>7.39</c:v>
                </c:pt>
                <c:pt idx="425">
                  <c:v>7.3</c:v>
                </c:pt>
                <c:pt idx="426">
                  <c:v>7.1</c:v>
                </c:pt>
                <c:pt idx="427">
                  <c:v>7.11</c:v>
                </c:pt>
                <c:pt idx="428">
                  <c:v>7.08</c:v>
                </c:pt>
                <c:pt idx="429">
                  <c:v>7.23</c:v>
                </c:pt>
                <c:pt idx="430">
                  <c:v>7.3</c:v>
                </c:pt>
                <c:pt idx="431">
                  <c:v>7.32</c:v>
                </c:pt>
                <c:pt idx="432">
                  <c:v>7.46</c:v>
                </c:pt>
                <c:pt idx="433">
                  <c:v>7.45</c:v>
                </c:pt>
                <c:pt idx="434">
                  <c:v>7.43</c:v>
                </c:pt>
                <c:pt idx="435">
                  <c:v>7.5</c:v>
                </c:pt>
                <c:pt idx="436">
                  <c:v>7.39</c:v>
                </c:pt>
                <c:pt idx="437">
                  <c:v>7.39</c:v>
                </c:pt>
                <c:pt idx="438">
                  <c:v>7.3</c:v>
                </c:pt>
                <c:pt idx="439">
                  <c:v>7.26</c:v>
                </c:pt>
                <c:pt idx="440">
                  <c:v>7.33</c:v>
                </c:pt>
                <c:pt idx="441">
                  <c:v>7.34</c:v>
                </c:pt>
                <c:pt idx="442">
                  <c:v>7.54</c:v>
                </c:pt>
                <c:pt idx="443">
                  <c:v>7.41</c:v>
                </c:pt>
                <c:pt idx="444">
                  <c:v>7.42</c:v>
                </c:pt>
                <c:pt idx="445">
                  <c:v>7.51</c:v>
                </c:pt>
                <c:pt idx="446">
                  <c:v>7.64</c:v>
                </c:pt>
                <c:pt idx="447">
                  <c:v>7.62</c:v>
                </c:pt>
                <c:pt idx="448">
                  <c:v>7.55</c:v>
                </c:pt>
                <c:pt idx="449">
                  <c:v>7.49</c:v>
                </c:pt>
                <c:pt idx="450">
                  <c:v>7.46</c:v>
                </c:pt>
                <c:pt idx="451">
                  <c:v>7.61</c:v>
                </c:pt>
                <c:pt idx="452">
                  <c:v>7.59</c:v>
                </c:pt>
                <c:pt idx="453">
                  <c:v>7.61</c:v>
                </c:pt>
                <c:pt idx="454">
                  <c:v>7.95</c:v>
                </c:pt>
                <c:pt idx="455">
                  <c:v>8.01</c:v>
                </c:pt>
                <c:pt idx="456">
                  <c:v>8</c:v>
                </c:pt>
                <c:pt idx="457">
                  <c:v>7.92</c:v>
                </c:pt>
                <c:pt idx="458">
                  <c:v>8.0299999999999994</c:v>
                </c:pt>
                <c:pt idx="459">
                  <c:v>8.16</c:v>
                </c:pt>
                <c:pt idx="460">
                  <c:v>8.41</c:v>
                </c:pt>
                <c:pt idx="461">
                  <c:v>8.7200000000000006</c:v>
                </c:pt>
                <c:pt idx="462">
                  <c:v>9.1</c:v>
                </c:pt>
                <c:pt idx="463">
                  <c:v>8.98</c:v>
                </c:pt>
                <c:pt idx="464">
                  <c:v>8.7200000000000006</c:v>
                </c:pt>
                <c:pt idx="465">
                  <c:v>8.5500000000000007</c:v>
                </c:pt>
                <c:pt idx="466">
                  <c:v>8.56</c:v>
                </c:pt>
                <c:pt idx="467">
                  <c:v>8.34</c:v>
                </c:pt>
                <c:pt idx="468">
                  <c:v>8.07</c:v>
                </c:pt>
                <c:pt idx="469">
                  <c:v>8.0500000000000007</c:v>
                </c:pt>
                <c:pt idx="470">
                  <c:v>7.89</c:v>
                </c:pt>
                <c:pt idx="471">
                  <c:v>7.88</c:v>
                </c:pt>
                <c:pt idx="472">
                  <c:v>7.87</c:v>
                </c:pt>
                <c:pt idx="473">
                  <c:v>7.7</c:v>
                </c:pt>
                <c:pt idx="474">
                  <c:v>7.64</c:v>
                </c:pt>
                <c:pt idx="475">
                  <c:v>7.46</c:v>
                </c:pt>
                <c:pt idx="476">
                  <c:v>7.31</c:v>
                </c:pt>
                <c:pt idx="477">
                  <c:v>7.29</c:v>
                </c:pt>
                <c:pt idx="478">
                  <c:v>7.2</c:v>
                </c:pt>
                <c:pt idx="479">
                  <c:v>6.83</c:v>
                </c:pt>
                <c:pt idx="480">
                  <c:v>6.85</c:v>
                </c:pt>
                <c:pt idx="481">
                  <c:v>7.07</c:v>
                </c:pt>
                <c:pt idx="482">
                  <c:v>7.42</c:v>
                </c:pt>
                <c:pt idx="483">
                  <c:v>7.35</c:v>
                </c:pt>
                <c:pt idx="484">
                  <c:v>7.25</c:v>
                </c:pt>
                <c:pt idx="485">
                  <c:v>7.26</c:v>
                </c:pt>
                <c:pt idx="486">
                  <c:v>7.29</c:v>
                </c:pt>
                <c:pt idx="487">
                  <c:v>7.23</c:v>
                </c:pt>
                <c:pt idx="488">
                  <c:v>7.48</c:v>
                </c:pt>
                <c:pt idx="489">
                  <c:v>7.46</c:v>
                </c:pt>
                <c:pt idx="490">
                  <c:v>7.46</c:v>
                </c:pt>
                <c:pt idx="491">
                  <c:v>7.44</c:v>
                </c:pt>
                <c:pt idx="492">
                  <c:v>7.49</c:v>
                </c:pt>
                <c:pt idx="493">
                  <c:v>7.54</c:v>
                </c:pt>
                <c:pt idx="494">
                  <c:v>7.62</c:v>
                </c:pt>
                <c:pt idx="495">
                  <c:v>7.61</c:v>
                </c:pt>
                <c:pt idx="496">
                  <c:v>7.79</c:v>
                </c:pt>
                <c:pt idx="497">
                  <c:v>7.9</c:v>
                </c:pt>
                <c:pt idx="498">
                  <c:v>8.0299999999999994</c:v>
                </c:pt>
                <c:pt idx="499">
                  <c:v>8.0299999999999994</c:v>
                </c:pt>
                <c:pt idx="500">
                  <c:v>8</c:v>
                </c:pt>
                <c:pt idx="501">
                  <c:v>7.95</c:v>
                </c:pt>
                <c:pt idx="502">
                  <c:v>7.95</c:v>
                </c:pt>
                <c:pt idx="503">
                  <c:v>7.79</c:v>
                </c:pt>
                <c:pt idx="504">
                  <c:v>7.69</c:v>
                </c:pt>
                <c:pt idx="505">
                  <c:v>7.65</c:v>
                </c:pt>
                <c:pt idx="506">
                  <c:v>7.56</c:v>
                </c:pt>
                <c:pt idx="507">
                  <c:v>7.5</c:v>
                </c:pt>
                <c:pt idx="508">
                  <c:v>7.54</c:v>
                </c:pt>
                <c:pt idx="509">
                  <c:v>7.56</c:v>
                </c:pt>
                <c:pt idx="510">
                  <c:v>7.53</c:v>
                </c:pt>
                <c:pt idx="511">
                  <c:v>7.6</c:v>
                </c:pt>
                <c:pt idx="512">
                  <c:v>7.6</c:v>
                </c:pt>
                <c:pt idx="513">
                  <c:v>7.63</c:v>
                </c:pt>
                <c:pt idx="514">
                  <c:v>7.62</c:v>
                </c:pt>
                <c:pt idx="515">
                  <c:v>7.65</c:v>
                </c:pt>
                <c:pt idx="516">
                  <c:v>7.65</c:v>
                </c:pt>
                <c:pt idx="517">
                  <c:v>7.54</c:v>
                </c:pt>
                <c:pt idx="518">
                  <c:v>7.49</c:v>
                </c:pt>
                <c:pt idx="519">
                  <c:v>7.45</c:v>
                </c:pt>
                <c:pt idx="520">
                  <c:v>7.37</c:v>
                </c:pt>
                <c:pt idx="522">
                  <c:v>7.37</c:v>
                </c:pt>
                <c:pt idx="523">
                  <c:v>7.4</c:v>
                </c:pt>
                <c:pt idx="524">
                  <c:v>7.36</c:v>
                </c:pt>
                <c:pt idx="525">
                  <c:v>7.38</c:v>
                </c:pt>
                <c:pt idx="526">
                  <c:v>7.23</c:v>
                </c:pt>
                <c:pt idx="528">
                  <c:v>7.06</c:v>
                </c:pt>
                <c:pt idx="529">
                  <c:v>7</c:v>
                </c:pt>
                <c:pt idx="530">
                  <c:v>7</c:v>
                </c:pt>
                <c:pt idx="531">
                  <c:v>7</c:v>
                </c:pt>
                <c:pt idx="532">
                  <c:v>6.99</c:v>
                </c:pt>
                <c:pt idx="533">
                  <c:v>6.92</c:v>
                </c:pt>
                <c:pt idx="534">
                  <c:v>6.98</c:v>
                </c:pt>
                <c:pt idx="535">
                  <c:v>6.93</c:v>
                </c:pt>
                <c:pt idx="536">
                  <c:v>7.02</c:v>
                </c:pt>
                <c:pt idx="537">
                  <c:v>6.98</c:v>
                </c:pt>
                <c:pt idx="538">
                  <c:v>6.99</c:v>
                </c:pt>
                <c:pt idx="539">
                  <c:v>6.93</c:v>
                </c:pt>
                <c:pt idx="540">
                  <c:v>6.77</c:v>
                </c:pt>
                <c:pt idx="541">
                  <c:v>6.69</c:v>
                </c:pt>
                <c:pt idx="542">
                  <c:v>6.62</c:v>
                </c:pt>
                <c:pt idx="543">
                  <c:v>6.62</c:v>
                </c:pt>
                <c:pt idx="544">
                  <c:v>6.63</c:v>
                </c:pt>
                <c:pt idx="545">
                  <c:v>6.58</c:v>
                </c:pt>
                <c:pt idx="546">
                  <c:v>6.57</c:v>
                </c:pt>
                <c:pt idx="547">
                  <c:v>6.65</c:v>
                </c:pt>
                <c:pt idx="548">
                  <c:v>6.61</c:v>
                </c:pt>
                <c:pt idx="549">
                  <c:v>6.54</c:v>
                </c:pt>
                <c:pt idx="550">
                  <c:v>6.55</c:v>
                </c:pt>
                <c:pt idx="551">
                  <c:v>6.42</c:v>
                </c:pt>
                <c:pt idx="552">
                  <c:v>6.44</c:v>
                </c:pt>
                <c:pt idx="553">
                  <c:v>6.36</c:v>
                </c:pt>
                <c:pt idx="554">
                  <c:v>6.29</c:v>
                </c:pt>
                <c:pt idx="555">
                  <c:v>6.26</c:v>
                </c:pt>
                <c:pt idx="556">
                  <c:v>6.35</c:v>
                </c:pt>
                <c:pt idx="557">
                  <c:v>6.27</c:v>
                </c:pt>
                <c:pt idx="558">
                  <c:v>6.27</c:v>
                </c:pt>
                <c:pt idx="559">
                  <c:v>6.27</c:v>
                </c:pt>
                <c:pt idx="560">
                  <c:v>6.26</c:v>
                </c:pt>
                <c:pt idx="561">
                  <c:v>6.2</c:v>
                </c:pt>
                <c:pt idx="562">
                  <c:v>6.2</c:v>
                </c:pt>
                <c:pt idx="563">
                  <c:v>6.14</c:v>
                </c:pt>
                <c:pt idx="564">
                  <c:v>6.15</c:v>
                </c:pt>
                <c:pt idx="565">
                  <c:v>6.11</c:v>
                </c:pt>
                <c:pt idx="566">
                  <c:v>6.01</c:v>
                </c:pt>
                <c:pt idx="567">
                  <c:v>6.05</c:v>
                </c:pt>
                <c:pt idx="568">
                  <c:v>6.01</c:v>
                </c:pt>
                <c:pt idx="569">
                  <c:v>5.98</c:v>
                </c:pt>
                <c:pt idx="570">
                  <c:v>5.94</c:v>
                </c:pt>
                <c:pt idx="571">
                  <c:v>5.97</c:v>
                </c:pt>
                <c:pt idx="572">
                  <c:v>6.01</c:v>
                </c:pt>
                <c:pt idx="573">
                  <c:v>6.25</c:v>
                </c:pt>
                <c:pt idx="574">
                  <c:v>6.18</c:v>
                </c:pt>
                <c:pt idx="575">
                  <c:v>6.11</c:v>
                </c:pt>
                <c:pt idx="576">
                  <c:v>6.09</c:v>
                </c:pt>
                <c:pt idx="577">
                  <c:v>6.06</c:v>
                </c:pt>
                <c:pt idx="578">
                  <c:v>5.97</c:v>
                </c:pt>
                <c:pt idx="579">
                  <c:v>5.83</c:v>
                </c:pt>
                <c:pt idx="580">
                  <c:v>5.87</c:v>
                </c:pt>
                <c:pt idx="581">
                  <c:v>5.86</c:v>
                </c:pt>
                <c:pt idx="582">
                  <c:v>5.79</c:v>
                </c:pt>
                <c:pt idx="583">
                  <c:v>5.8</c:v>
                </c:pt>
                <c:pt idx="584">
                  <c:v>5.85</c:v>
                </c:pt>
                <c:pt idx="585">
                  <c:v>5.91</c:v>
                </c:pt>
                <c:pt idx="586">
                  <c:v>5.93</c:v>
                </c:pt>
                <c:pt idx="587">
                  <c:v>5.91</c:v>
                </c:pt>
                <c:pt idx="588">
                  <c:v>5.93</c:v>
                </c:pt>
                <c:pt idx="589">
                  <c:v>5.93</c:v>
                </c:pt>
                <c:pt idx="590">
                  <c:v>6.02</c:v>
                </c:pt>
                <c:pt idx="591">
                  <c:v>5.95</c:v>
                </c:pt>
                <c:pt idx="592">
                  <c:v>5.99</c:v>
                </c:pt>
                <c:pt idx="593">
                  <c:v>5.99</c:v>
                </c:pt>
                <c:pt idx="594">
                  <c:v>5.91</c:v>
                </c:pt>
                <c:pt idx="595">
                  <c:v>5.99</c:v>
                </c:pt>
                <c:pt idx="596">
                  <c:v>6.05</c:v>
                </c:pt>
                <c:pt idx="598">
                  <c:v>6.24</c:v>
                </c:pt>
                <c:pt idx="599">
                  <c:v>6.32</c:v>
                </c:pt>
                <c:pt idx="600">
                  <c:v>6.3</c:v>
                </c:pt>
                <c:pt idx="601">
                  <c:v>6.24</c:v>
                </c:pt>
                <c:pt idx="602">
                  <c:v>6.26</c:v>
                </c:pt>
                <c:pt idx="603">
                  <c:v>6.23</c:v>
                </c:pt>
                <c:pt idx="604">
                  <c:v>6.16</c:v>
                </c:pt>
                <c:pt idx="605">
                  <c:v>6.16</c:v>
                </c:pt>
                <c:pt idx="606">
                  <c:v>6.17</c:v>
                </c:pt>
                <c:pt idx="607">
                  <c:v>6.14</c:v>
                </c:pt>
                <c:pt idx="608">
                  <c:v>6.2</c:v>
                </c:pt>
                <c:pt idx="609">
                  <c:v>6.14</c:v>
                </c:pt>
                <c:pt idx="610">
                  <c:v>6.05</c:v>
                </c:pt>
                <c:pt idx="611">
                  <c:v>6.06</c:v>
                </c:pt>
                <c:pt idx="612">
                  <c:v>6.02</c:v>
                </c:pt>
                <c:pt idx="613">
                  <c:v>6.04</c:v>
                </c:pt>
                <c:pt idx="614">
                  <c:v>5.96</c:v>
                </c:pt>
                <c:pt idx="615">
                  <c:v>5.96</c:v>
                </c:pt>
                <c:pt idx="616">
                  <c:v>5.92</c:v>
                </c:pt>
                <c:pt idx="617">
                  <c:v>5.94</c:v>
                </c:pt>
                <c:pt idx="618">
                  <c:v>5.95</c:v>
                </c:pt>
                <c:pt idx="619">
                  <c:v>6</c:v>
                </c:pt>
                <c:pt idx="620">
                  <c:v>6.04</c:v>
                </c:pt>
                <c:pt idx="621">
                  <c:v>6</c:v>
                </c:pt>
                <c:pt idx="622">
                  <c:v>6.02</c:v>
                </c:pt>
                <c:pt idx="623">
                  <c:v>6.11</c:v>
                </c:pt>
                <c:pt idx="624">
                  <c:v>6.15</c:v>
                </c:pt>
                <c:pt idx="625">
                  <c:v>6.22</c:v>
                </c:pt>
                <c:pt idx="626">
                  <c:v>6.44</c:v>
                </c:pt>
                <c:pt idx="627">
                  <c:v>6.52</c:v>
                </c:pt>
                <c:pt idx="628">
                  <c:v>6.63</c:v>
                </c:pt>
                <c:pt idx="629">
                  <c:v>6.55</c:v>
                </c:pt>
                <c:pt idx="630">
                  <c:v>6.66</c:v>
                </c:pt>
                <c:pt idx="631">
                  <c:v>6.62</c:v>
                </c:pt>
                <c:pt idx="632">
                  <c:v>6.63</c:v>
                </c:pt>
                <c:pt idx="633">
                  <c:v>6.63</c:v>
                </c:pt>
                <c:pt idx="634">
                  <c:v>6.59</c:v>
                </c:pt>
                <c:pt idx="635">
                  <c:v>6.71</c:v>
                </c:pt>
                <c:pt idx="636">
                  <c:v>6.96</c:v>
                </c:pt>
                <c:pt idx="637">
                  <c:v>7.16</c:v>
                </c:pt>
                <c:pt idx="638">
                  <c:v>7.17</c:v>
                </c:pt>
                <c:pt idx="639">
                  <c:v>7.23</c:v>
                </c:pt>
                <c:pt idx="640">
                  <c:v>7.06</c:v>
                </c:pt>
                <c:pt idx="641">
                  <c:v>6.95</c:v>
                </c:pt>
                <c:pt idx="642">
                  <c:v>6.95</c:v>
                </c:pt>
                <c:pt idx="643">
                  <c:v>6.9</c:v>
                </c:pt>
                <c:pt idx="644">
                  <c:v>6.9</c:v>
                </c:pt>
                <c:pt idx="645">
                  <c:v>6.91</c:v>
                </c:pt>
                <c:pt idx="646">
                  <c:v>6.85</c:v>
                </c:pt>
                <c:pt idx="647">
                  <c:v>6.84</c:v>
                </c:pt>
                <c:pt idx="648">
                  <c:v>6.81</c:v>
                </c:pt>
                <c:pt idx="649">
                  <c:v>6.65</c:v>
                </c:pt>
                <c:pt idx="650">
                  <c:v>6.54</c:v>
                </c:pt>
                <c:pt idx="651">
                  <c:v>6.52</c:v>
                </c:pt>
                <c:pt idx="652">
                  <c:v>6.52</c:v>
                </c:pt>
                <c:pt idx="653">
                  <c:v>6.6</c:v>
                </c:pt>
                <c:pt idx="654">
                  <c:v>6.57</c:v>
                </c:pt>
                <c:pt idx="655">
                  <c:v>6.52</c:v>
                </c:pt>
                <c:pt idx="656">
                  <c:v>6.52</c:v>
                </c:pt>
                <c:pt idx="657">
                  <c:v>6.36</c:v>
                </c:pt>
                <c:pt idx="658">
                  <c:v>6.44</c:v>
                </c:pt>
                <c:pt idx="659">
                  <c:v>6.45</c:v>
                </c:pt>
                <c:pt idx="660">
                  <c:v>6.39</c:v>
                </c:pt>
                <c:pt idx="661">
                  <c:v>6.38</c:v>
                </c:pt>
                <c:pt idx="662">
                  <c:v>6.4</c:v>
                </c:pt>
                <c:pt idx="663">
                  <c:v>6.44</c:v>
                </c:pt>
                <c:pt idx="664">
                  <c:v>6.44</c:v>
                </c:pt>
                <c:pt idx="665">
                  <c:v>6.4</c:v>
                </c:pt>
                <c:pt idx="666">
                  <c:v>6.37</c:v>
                </c:pt>
                <c:pt idx="667">
                  <c:v>6.41</c:v>
                </c:pt>
                <c:pt idx="668">
                  <c:v>6.41</c:v>
                </c:pt>
                <c:pt idx="669">
                  <c:v>6.39</c:v>
                </c:pt>
                <c:pt idx="670">
                  <c:v>6.36</c:v>
                </c:pt>
                <c:pt idx="671">
                  <c:v>6.33</c:v>
                </c:pt>
                <c:pt idx="672">
                  <c:v>6.25</c:v>
                </c:pt>
                <c:pt idx="673">
                  <c:v>6.28</c:v>
                </c:pt>
                <c:pt idx="674">
                  <c:v>6.38</c:v>
                </c:pt>
                <c:pt idx="675">
                  <c:v>6.4</c:v>
                </c:pt>
                <c:pt idx="676">
                  <c:v>6.4</c:v>
                </c:pt>
                <c:pt idx="677">
                  <c:v>6.35</c:v>
                </c:pt>
                <c:pt idx="678">
                  <c:v>6.22</c:v>
                </c:pt>
                <c:pt idx="679">
                  <c:v>6.2</c:v>
                </c:pt>
                <c:pt idx="680">
                  <c:v>6.16</c:v>
                </c:pt>
                <c:pt idx="681">
                  <c:v>6.1</c:v>
                </c:pt>
                <c:pt idx="682">
                  <c:v>6.13</c:v>
                </c:pt>
                <c:pt idx="683">
                  <c:v>6.01</c:v>
                </c:pt>
                <c:pt idx="684">
                  <c:v>6</c:v>
                </c:pt>
                <c:pt idx="685">
                  <c:v>5.91</c:v>
                </c:pt>
                <c:pt idx="686">
                  <c:v>5.89</c:v>
                </c:pt>
                <c:pt idx="687">
                  <c:v>5.91</c:v>
                </c:pt>
                <c:pt idx="688">
                  <c:v>5.98</c:v>
                </c:pt>
                <c:pt idx="689">
                  <c:v>5.96</c:v>
                </c:pt>
                <c:pt idx="690">
                  <c:v>5.92</c:v>
                </c:pt>
                <c:pt idx="691">
                  <c:v>5.88</c:v>
                </c:pt>
                <c:pt idx="692">
                  <c:v>5.89</c:v>
                </c:pt>
                <c:pt idx="693">
                  <c:v>5.89</c:v>
                </c:pt>
                <c:pt idx="694">
                  <c:v>5.86</c:v>
                </c:pt>
                <c:pt idx="695">
                  <c:v>5.83</c:v>
                </c:pt>
                <c:pt idx="696">
                  <c:v>5.88</c:v>
                </c:pt>
                <c:pt idx="697">
                  <c:v>5.89</c:v>
                </c:pt>
                <c:pt idx="698">
                  <c:v>5.87</c:v>
                </c:pt>
                <c:pt idx="699">
                  <c:v>5.87</c:v>
                </c:pt>
                <c:pt idx="700">
                  <c:v>5.88</c:v>
                </c:pt>
                <c:pt idx="701">
                  <c:v>5.84</c:v>
                </c:pt>
                <c:pt idx="702">
                  <c:v>5.86</c:v>
                </c:pt>
                <c:pt idx="703">
                  <c:v>5.98</c:v>
                </c:pt>
                <c:pt idx="704">
                  <c:v>5.98</c:v>
                </c:pt>
                <c:pt idx="705">
                  <c:v>5.94</c:v>
                </c:pt>
                <c:pt idx="706">
                  <c:v>5.91</c:v>
                </c:pt>
                <c:pt idx="707">
                  <c:v>5.8</c:v>
                </c:pt>
                <c:pt idx="708">
                  <c:v>5.74</c:v>
                </c:pt>
                <c:pt idx="709">
                  <c:v>5.68</c:v>
                </c:pt>
                <c:pt idx="710">
                  <c:v>5.64</c:v>
                </c:pt>
                <c:pt idx="711">
                  <c:v>5.51</c:v>
                </c:pt>
                <c:pt idx="712">
                  <c:v>5.5</c:v>
                </c:pt>
                <c:pt idx="713">
                  <c:v>5.3</c:v>
                </c:pt>
                <c:pt idx="714">
                  <c:v>5.32</c:v>
                </c:pt>
                <c:pt idx="715">
                  <c:v>5.33</c:v>
                </c:pt>
                <c:pt idx="716">
                  <c:v>5.34</c:v>
                </c:pt>
                <c:pt idx="717">
                  <c:v>5.38</c:v>
                </c:pt>
                <c:pt idx="718">
                  <c:v>5.42</c:v>
                </c:pt>
                <c:pt idx="719">
                  <c:v>5.5</c:v>
                </c:pt>
                <c:pt idx="720">
                  <c:v>5.56</c:v>
                </c:pt>
                <c:pt idx="721">
                  <c:v>5.8</c:v>
                </c:pt>
                <c:pt idx="722">
                  <c:v>5.73</c:v>
                </c:pt>
                <c:pt idx="723">
                  <c:v>5.72</c:v>
                </c:pt>
                <c:pt idx="724">
                  <c:v>5.74</c:v>
                </c:pt>
                <c:pt idx="725">
                  <c:v>5.71</c:v>
                </c:pt>
                <c:pt idx="726">
                  <c:v>5.72</c:v>
                </c:pt>
                <c:pt idx="727">
                  <c:v>5.68</c:v>
                </c:pt>
                <c:pt idx="728">
                  <c:v>5.62</c:v>
                </c:pt>
                <c:pt idx="729">
                  <c:v>5.55</c:v>
                </c:pt>
                <c:pt idx="730">
                  <c:v>5.54</c:v>
                </c:pt>
                <c:pt idx="731">
                  <c:v>5.56</c:v>
                </c:pt>
                <c:pt idx="732">
                  <c:v>5.61</c:v>
                </c:pt>
                <c:pt idx="733">
                  <c:v>5.57</c:v>
                </c:pt>
                <c:pt idx="734">
                  <c:v>5.56</c:v>
                </c:pt>
                <c:pt idx="735">
                  <c:v>5.48</c:v>
                </c:pt>
                <c:pt idx="736">
                  <c:v>5.4</c:v>
                </c:pt>
                <c:pt idx="737">
                  <c:v>5.27</c:v>
                </c:pt>
                <c:pt idx="738">
                  <c:v>5.24</c:v>
                </c:pt>
                <c:pt idx="739">
                  <c:v>5.31</c:v>
                </c:pt>
                <c:pt idx="740">
                  <c:v>5.28</c:v>
                </c:pt>
                <c:pt idx="741">
                  <c:v>5.41</c:v>
                </c:pt>
                <c:pt idx="742">
                  <c:v>5.39</c:v>
                </c:pt>
                <c:pt idx="743">
                  <c:v>5.33</c:v>
                </c:pt>
                <c:pt idx="744">
                  <c:v>5.41</c:v>
                </c:pt>
                <c:pt idx="745">
                  <c:v>5.46</c:v>
                </c:pt>
                <c:pt idx="747">
                  <c:v>5.63</c:v>
                </c:pt>
                <c:pt idx="748">
                  <c:v>5.57</c:v>
                </c:pt>
                <c:pt idx="749">
                  <c:v>5.54</c:v>
                </c:pt>
                <c:pt idx="750">
                  <c:v>5.57</c:v>
                </c:pt>
                <c:pt idx="751">
                  <c:v>5.49</c:v>
                </c:pt>
                <c:pt idx="752">
                  <c:v>5.63</c:v>
                </c:pt>
                <c:pt idx="753">
                  <c:v>5.67</c:v>
                </c:pt>
                <c:pt idx="754">
                  <c:v>5.77</c:v>
                </c:pt>
                <c:pt idx="755">
                  <c:v>5.77</c:v>
                </c:pt>
                <c:pt idx="756">
                  <c:v>5.82</c:v>
                </c:pt>
                <c:pt idx="757">
                  <c:v>5.84</c:v>
                </c:pt>
                <c:pt idx="758">
                  <c:v>5.94</c:v>
                </c:pt>
                <c:pt idx="759">
                  <c:v>5.98</c:v>
                </c:pt>
                <c:pt idx="760">
                  <c:v>5.85</c:v>
                </c:pt>
                <c:pt idx="761">
                  <c:v>5.79</c:v>
                </c:pt>
                <c:pt idx="762">
                  <c:v>5.72</c:v>
                </c:pt>
                <c:pt idx="763">
                  <c:v>5.72</c:v>
                </c:pt>
                <c:pt idx="764">
                  <c:v>5.71</c:v>
                </c:pt>
                <c:pt idx="765">
                  <c:v>5.68</c:v>
                </c:pt>
                <c:pt idx="766">
                  <c:v>5.65</c:v>
                </c:pt>
                <c:pt idx="767">
                  <c:v>5.66</c:v>
                </c:pt>
                <c:pt idx="768">
                  <c:v>5.58</c:v>
                </c:pt>
                <c:pt idx="769">
                  <c:v>5.65</c:v>
                </c:pt>
                <c:pt idx="770">
                  <c:v>5.6</c:v>
                </c:pt>
                <c:pt idx="771">
                  <c:v>5.58</c:v>
                </c:pt>
                <c:pt idx="772">
                  <c:v>5.51</c:v>
                </c:pt>
                <c:pt idx="773">
                  <c:v>5.48</c:v>
                </c:pt>
                <c:pt idx="774">
                  <c:v>5.42</c:v>
                </c:pt>
                <c:pt idx="775">
                  <c:v>5.41</c:v>
                </c:pt>
                <c:pt idx="776">
                  <c:v>5.35</c:v>
                </c:pt>
                <c:pt idx="777">
                  <c:v>5.29</c:v>
                </c:pt>
                <c:pt idx="778">
                  <c:v>5.27</c:v>
                </c:pt>
                <c:pt idx="779">
                  <c:v>5.28</c:v>
                </c:pt>
                <c:pt idx="780">
                  <c:v>5.31</c:v>
                </c:pt>
                <c:pt idx="781">
                  <c:v>5.19</c:v>
                </c:pt>
                <c:pt idx="782">
                  <c:v>5.19</c:v>
                </c:pt>
                <c:pt idx="783">
                  <c:v>5.19</c:v>
                </c:pt>
                <c:pt idx="784">
                  <c:v>5.26</c:v>
                </c:pt>
                <c:pt idx="785">
                  <c:v>5.24</c:v>
                </c:pt>
                <c:pt idx="787">
                  <c:v>5.24</c:v>
                </c:pt>
                <c:pt idx="788">
                  <c:v>5.28</c:v>
                </c:pt>
                <c:pt idx="789">
                  <c:v>5.3</c:v>
                </c:pt>
                <c:pt idx="790">
                  <c:v>5.34</c:v>
                </c:pt>
                <c:pt idx="792">
                  <c:v>5.16</c:v>
                </c:pt>
                <c:pt idx="793">
                  <c:v>5.0599999999999996</c:v>
                </c:pt>
                <c:pt idx="794">
                  <c:v>5.04</c:v>
                </c:pt>
                <c:pt idx="795">
                  <c:v>5.0199999999999996</c:v>
                </c:pt>
                <c:pt idx="796">
                  <c:v>5.0199999999999996</c:v>
                </c:pt>
                <c:pt idx="797">
                  <c:v>4.99</c:v>
                </c:pt>
                <c:pt idx="798">
                  <c:v>4.9400000000000004</c:v>
                </c:pt>
                <c:pt idx="799">
                  <c:v>4.93</c:v>
                </c:pt>
                <c:pt idx="800">
                  <c:v>4.91</c:v>
                </c:pt>
                <c:pt idx="801">
                  <c:v>4.96</c:v>
                </c:pt>
                <c:pt idx="802">
                  <c:v>4.95</c:v>
                </c:pt>
                <c:pt idx="803">
                  <c:v>4.88</c:v>
                </c:pt>
                <c:pt idx="804">
                  <c:v>4.8899999999999997</c:v>
                </c:pt>
                <c:pt idx="805">
                  <c:v>4.88</c:v>
                </c:pt>
                <c:pt idx="806">
                  <c:v>4.88</c:v>
                </c:pt>
                <c:pt idx="807">
                  <c:v>4.8499999999999996</c:v>
                </c:pt>
                <c:pt idx="808">
                  <c:v>4.82</c:v>
                </c:pt>
                <c:pt idx="809">
                  <c:v>4.7300000000000004</c:v>
                </c:pt>
                <c:pt idx="810">
                  <c:v>4.72</c:v>
                </c:pt>
                <c:pt idx="811">
                  <c:v>4.78</c:v>
                </c:pt>
                <c:pt idx="812">
                  <c:v>4.84</c:v>
                </c:pt>
                <c:pt idx="813">
                  <c:v>4.95</c:v>
                </c:pt>
                <c:pt idx="814">
                  <c:v>4.9400000000000004</c:v>
                </c:pt>
                <c:pt idx="815">
                  <c:v>5.01</c:v>
                </c:pt>
                <c:pt idx="816">
                  <c:v>5.01</c:v>
                </c:pt>
                <c:pt idx="817">
                  <c:v>5.04</c:v>
                </c:pt>
                <c:pt idx="818">
                  <c:v>5.08</c:v>
                </c:pt>
                <c:pt idx="819">
                  <c:v>5.08</c:v>
                </c:pt>
                <c:pt idx="820">
                  <c:v>5.0599999999999996</c:v>
                </c:pt>
                <c:pt idx="821">
                  <c:v>5.04</c:v>
                </c:pt>
                <c:pt idx="822">
                  <c:v>4.97</c:v>
                </c:pt>
                <c:pt idx="823">
                  <c:v>4.97</c:v>
                </c:pt>
                <c:pt idx="824">
                  <c:v>4.96</c:v>
                </c:pt>
                <c:pt idx="825">
                  <c:v>4.95</c:v>
                </c:pt>
                <c:pt idx="826">
                  <c:v>4.92</c:v>
                </c:pt>
                <c:pt idx="827">
                  <c:v>4.92</c:v>
                </c:pt>
                <c:pt idx="828">
                  <c:v>4.99</c:v>
                </c:pt>
                <c:pt idx="829">
                  <c:v>4.97</c:v>
                </c:pt>
                <c:pt idx="830">
                  <c:v>4.97</c:v>
                </c:pt>
                <c:pt idx="831">
                  <c:v>5.0199999999999996</c:v>
                </c:pt>
                <c:pt idx="832">
                  <c:v>4.9800000000000004</c:v>
                </c:pt>
                <c:pt idx="833">
                  <c:v>4.9800000000000004</c:v>
                </c:pt>
                <c:pt idx="834">
                  <c:v>5</c:v>
                </c:pt>
                <c:pt idx="835">
                  <c:v>4.9800000000000004</c:v>
                </c:pt>
                <c:pt idx="836">
                  <c:v>4.92</c:v>
                </c:pt>
                <c:pt idx="837">
                  <c:v>4.88</c:v>
                </c:pt>
                <c:pt idx="838">
                  <c:v>4.8099999999999996</c:v>
                </c:pt>
                <c:pt idx="839">
                  <c:v>4.76</c:v>
                </c:pt>
                <c:pt idx="840">
                  <c:v>4.75</c:v>
                </c:pt>
                <c:pt idx="841">
                  <c:v>4.76</c:v>
                </c:pt>
                <c:pt idx="842">
                  <c:v>4.75</c:v>
                </c:pt>
                <c:pt idx="843">
                  <c:v>4.71</c:v>
                </c:pt>
                <c:pt idx="844">
                  <c:v>4.72</c:v>
                </c:pt>
                <c:pt idx="845">
                  <c:v>4.7699999999999996</c:v>
                </c:pt>
                <c:pt idx="846">
                  <c:v>4.78</c:v>
                </c:pt>
                <c:pt idx="847">
                  <c:v>4.76</c:v>
                </c:pt>
                <c:pt idx="848">
                  <c:v>4.76</c:v>
                </c:pt>
                <c:pt idx="849">
                  <c:v>4.78</c:v>
                </c:pt>
                <c:pt idx="850">
                  <c:v>4.75</c:v>
                </c:pt>
                <c:pt idx="851">
                  <c:v>4.78</c:v>
                </c:pt>
                <c:pt idx="852">
                  <c:v>4.8099999999999996</c:v>
                </c:pt>
                <c:pt idx="853">
                  <c:v>4.8</c:v>
                </c:pt>
                <c:pt idx="855">
                  <c:v>4.8600000000000003</c:v>
                </c:pt>
                <c:pt idx="856">
                  <c:v>4.87</c:v>
                </c:pt>
                <c:pt idx="857">
                  <c:v>4.84</c:v>
                </c:pt>
                <c:pt idx="858">
                  <c:v>4.87</c:v>
                </c:pt>
                <c:pt idx="859">
                  <c:v>4.8899999999999997</c:v>
                </c:pt>
                <c:pt idx="860">
                  <c:v>4.95</c:v>
                </c:pt>
                <c:pt idx="861">
                  <c:v>4.9000000000000004</c:v>
                </c:pt>
                <c:pt idx="862">
                  <c:v>4.87</c:v>
                </c:pt>
                <c:pt idx="863">
                  <c:v>4.78</c:v>
                </c:pt>
                <c:pt idx="864">
                  <c:v>4.7300000000000004</c:v>
                </c:pt>
                <c:pt idx="865">
                  <c:v>4.75</c:v>
                </c:pt>
                <c:pt idx="866">
                  <c:v>4.79</c:v>
                </c:pt>
                <c:pt idx="867">
                  <c:v>4.78</c:v>
                </c:pt>
                <c:pt idx="868">
                  <c:v>4.8</c:v>
                </c:pt>
                <c:pt idx="869">
                  <c:v>4.8</c:v>
                </c:pt>
                <c:pt idx="870">
                  <c:v>4.78</c:v>
                </c:pt>
                <c:pt idx="871">
                  <c:v>4.75</c:v>
                </c:pt>
                <c:pt idx="872">
                  <c:v>4.71</c:v>
                </c:pt>
                <c:pt idx="873">
                  <c:v>4.66</c:v>
                </c:pt>
                <c:pt idx="874">
                  <c:v>4.6100000000000003</c:v>
                </c:pt>
                <c:pt idx="875">
                  <c:v>4.5999999999999996</c:v>
                </c:pt>
                <c:pt idx="876">
                  <c:v>4.53</c:v>
                </c:pt>
                <c:pt idx="877">
                  <c:v>4.55</c:v>
                </c:pt>
                <c:pt idx="878">
                  <c:v>4.5</c:v>
                </c:pt>
                <c:pt idx="879">
                  <c:v>4.45</c:v>
                </c:pt>
                <c:pt idx="880">
                  <c:v>4.33</c:v>
                </c:pt>
                <c:pt idx="881">
                  <c:v>4.3</c:v>
                </c:pt>
                <c:pt idx="882">
                  <c:v>4.24</c:v>
                </c:pt>
                <c:pt idx="883">
                  <c:v>4.24</c:v>
                </c:pt>
                <c:pt idx="884">
                  <c:v>4.2300000000000004</c:v>
                </c:pt>
                <c:pt idx="885">
                  <c:v>4.2300000000000004</c:v>
                </c:pt>
                <c:pt idx="886">
                  <c:v>4.3499999999999996</c:v>
                </c:pt>
                <c:pt idx="887">
                  <c:v>4.3499999999999996</c:v>
                </c:pt>
                <c:pt idx="888">
                  <c:v>4.3600000000000003</c:v>
                </c:pt>
                <c:pt idx="889">
                  <c:v>4.42</c:v>
                </c:pt>
                <c:pt idx="890">
                  <c:v>4.37</c:v>
                </c:pt>
                <c:pt idx="891">
                  <c:v>4.34</c:v>
                </c:pt>
                <c:pt idx="892">
                  <c:v>4.3499999999999996</c:v>
                </c:pt>
                <c:pt idx="893">
                  <c:v>4.2699999999999996</c:v>
                </c:pt>
                <c:pt idx="894">
                  <c:v>4.42</c:v>
                </c:pt>
                <c:pt idx="895">
                  <c:v>4.45</c:v>
                </c:pt>
                <c:pt idx="896">
                  <c:v>4.4400000000000004</c:v>
                </c:pt>
                <c:pt idx="897">
                  <c:v>4.3499999999999996</c:v>
                </c:pt>
                <c:pt idx="898">
                  <c:v>4.55</c:v>
                </c:pt>
                <c:pt idx="899">
                  <c:v>4.54</c:v>
                </c:pt>
                <c:pt idx="900">
                  <c:v>4.62</c:v>
                </c:pt>
                <c:pt idx="901">
                  <c:v>4.76</c:v>
                </c:pt>
                <c:pt idx="902">
                  <c:v>4.79</c:v>
                </c:pt>
                <c:pt idx="903">
                  <c:v>5.03</c:v>
                </c:pt>
                <c:pt idx="904">
                  <c:v>5.08</c:v>
                </c:pt>
                <c:pt idx="905">
                  <c:v>4.8899999999999997</c:v>
                </c:pt>
                <c:pt idx="906">
                  <c:v>4.8600000000000003</c:v>
                </c:pt>
                <c:pt idx="907">
                  <c:v>5.08</c:v>
                </c:pt>
                <c:pt idx="908">
                  <c:v>5.0199999999999996</c:v>
                </c:pt>
                <c:pt idx="909">
                  <c:v>5.1100000000000003</c:v>
                </c:pt>
                <c:pt idx="910">
                  <c:v>5.04</c:v>
                </c:pt>
                <c:pt idx="911">
                  <c:v>4.97</c:v>
                </c:pt>
                <c:pt idx="912">
                  <c:v>4.96</c:v>
                </c:pt>
                <c:pt idx="913">
                  <c:v>4.8499999999999996</c:v>
                </c:pt>
                <c:pt idx="914">
                  <c:v>5.12</c:v>
                </c:pt>
                <c:pt idx="915">
                  <c:v>5.09</c:v>
                </c:pt>
                <c:pt idx="916">
                  <c:v>5.34</c:v>
                </c:pt>
                <c:pt idx="917">
                  <c:v>5.34</c:v>
                </c:pt>
                <c:pt idx="918">
                  <c:v>5.29</c:v>
                </c:pt>
                <c:pt idx="919">
                  <c:v>5.23</c:v>
                </c:pt>
                <c:pt idx="920">
                  <c:v>5.16</c:v>
                </c:pt>
                <c:pt idx="921">
                  <c:v>5.21</c:v>
                </c:pt>
                <c:pt idx="922">
                  <c:v>5.17</c:v>
                </c:pt>
                <c:pt idx="923">
                  <c:v>5.15</c:v>
                </c:pt>
                <c:pt idx="924">
                  <c:v>5.15</c:v>
                </c:pt>
                <c:pt idx="925">
                  <c:v>5.15</c:v>
                </c:pt>
                <c:pt idx="926">
                  <c:v>5.04</c:v>
                </c:pt>
                <c:pt idx="927">
                  <c:v>5.1100000000000003</c:v>
                </c:pt>
                <c:pt idx="928">
                  <c:v>5.04</c:v>
                </c:pt>
                <c:pt idx="929">
                  <c:v>4.9800000000000004</c:v>
                </c:pt>
                <c:pt idx="930">
                  <c:v>4.9000000000000004</c:v>
                </c:pt>
                <c:pt idx="931">
                  <c:v>4.8</c:v>
                </c:pt>
                <c:pt idx="932">
                  <c:v>4.7699999999999996</c:v>
                </c:pt>
                <c:pt idx="933">
                  <c:v>4.72</c:v>
                </c:pt>
                <c:pt idx="934">
                  <c:v>4.68</c:v>
                </c:pt>
                <c:pt idx="935">
                  <c:v>4.57</c:v>
                </c:pt>
                <c:pt idx="936">
                  <c:v>4.5599999999999996</c:v>
                </c:pt>
                <c:pt idx="937">
                  <c:v>4.53</c:v>
                </c:pt>
                <c:pt idx="938">
                  <c:v>4.5</c:v>
                </c:pt>
                <c:pt idx="939">
                  <c:v>4.55</c:v>
                </c:pt>
                <c:pt idx="940">
                  <c:v>4.6500000000000004</c:v>
                </c:pt>
                <c:pt idx="941">
                  <c:v>4.71</c:v>
                </c:pt>
                <c:pt idx="942">
                  <c:v>4.6900000000000004</c:v>
                </c:pt>
                <c:pt idx="943">
                  <c:v>4.66</c:v>
                </c:pt>
                <c:pt idx="944">
                  <c:v>4.71</c:v>
                </c:pt>
                <c:pt idx="945">
                  <c:v>4.63</c:v>
                </c:pt>
                <c:pt idx="946">
                  <c:v>4.74</c:v>
                </c:pt>
                <c:pt idx="947">
                  <c:v>4.74</c:v>
                </c:pt>
                <c:pt idx="948">
                  <c:v>4.76</c:v>
                </c:pt>
                <c:pt idx="949">
                  <c:v>4.8099999999999996</c:v>
                </c:pt>
                <c:pt idx="950">
                  <c:v>4.8</c:v>
                </c:pt>
                <c:pt idx="951">
                  <c:v>4.8</c:v>
                </c:pt>
                <c:pt idx="952">
                  <c:v>4.78</c:v>
                </c:pt>
                <c:pt idx="953">
                  <c:v>4.72</c:v>
                </c:pt>
                <c:pt idx="954">
                  <c:v>4.6900000000000004</c:v>
                </c:pt>
                <c:pt idx="955">
                  <c:v>4.74</c:v>
                </c:pt>
                <c:pt idx="956">
                  <c:v>4.7</c:v>
                </c:pt>
                <c:pt idx="957">
                  <c:v>4.71</c:v>
                </c:pt>
                <c:pt idx="958">
                  <c:v>4.8</c:v>
                </c:pt>
                <c:pt idx="959">
                  <c:v>4.7699999999999996</c:v>
                </c:pt>
                <c:pt idx="960">
                  <c:v>4.7300000000000004</c:v>
                </c:pt>
                <c:pt idx="961">
                  <c:v>4.75</c:v>
                </c:pt>
                <c:pt idx="962">
                  <c:v>4.75</c:v>
                </c:pt>
                <c:pt idx="963">
                  <c:v>4.82</c:v>
                </c:pt>
                <c:pt idx="964">
                  <c:v>4.7699999999999996</c:v>
                </c:pt>
                <c:pt idx="965">
                  <c:v>4.76</c:v>
                </c:pt>
                <c:pt idx="967">
                  <c:v>4.78</c:v>
                </c:pt>
                <c:pt idx="968">
                  <c:v>4.6900000000000004</c:v>
                </c:pt>
                <c:pt idx="969">
                  <c:v>4.6399999999999997</c:v>
                </c:pt>
                <c:pt idx="970">
                  <c:v>4.59</c:v>
                </c:pt>
                <c:pt idx="971">
                  <c:v>4.63</c:v>
                </c:pt>
                <c:pt idx="972">
                  <c:v>4.66</c:v>
                </c:pt>
                <c:pt idx="973">
                  <c:v>4.5999999999999996</c:v>
                </c:pt>
                <c:pt idx="974">
                  <c:v>4.63</c:v>
                </c:pt>
                <c:pt idx="975">
                  <c:v>4.6100000000000003</c:v>
                </c:pt>
                <c:pt idx="976">
                  <c:v>4.5999999999999996</c:v>
                </c:pt>
                <c:pt idx="977">
                  <c:v>4.54</c:v>
                </c:pt>
                <c:pt idx="978">
                  <c:v>4.59</c:v>
                </c:pt>
                <c:pt idx="979">
                  <c:v>4.67</c:v>
                </c:pt>
                <c:pt idx="980">
                  <c:v>4.51</c:v>
                </c:pt>
                <c:pt idx="981">
                  <c:v>4.54</c:v>
                </c:pt>
                <c:pt idx="982">
                  <c:v>4.5999999999999996</c:v>
                </c:pt>
                <c:pt idx="983">
                  <c:v>4.6500000000000004</c:v>
                </c:pt>
                <c:pt idx="984">
                  <c:v>4.7</c:v>
                </c:pt>
                <c:pt idx="985">
                  <c:v>4.6900000000000004</c:v>
                </c:pt>
                <c:pt idx="986">
                  <c:v>4.75</c:v>
                </c:pt>
                <c:pt idx="987">
                  <c:v>4.83</c:v>
                </c:pt>
                <c:pt idx="988">
                  <c:v>4.78</c:v>
                </c:pt>
                <c:pt idx="989">
                  <c:v>4.78</c:v>
                </c:pt>
                <c:pt idx="990">
                  <c:v>4.75</c:v>
                </c:pt>
                <c:pt idx="991">
                  <c:v>4.7</c:v>
                </c:pt>
                <c:pt idx="992">
                  <c:v>4.6900000000000004</c:v>
                </c:pt>
                <c:pt idx="993">
                  <c:v>4.68</c:v>
                </c:pt>
                <c:pt idx="994">
                  <c:v>4.67</c:v>
                </c:pt>
                <c:pt idx="995">
                  <c:v>4.6100000000000003</c:v>
                </c:pt>
                <c:pt idx="996">
                  <c:v>4.62</c:v>
                </c:pt>
                <c:pt idx="997">
                  <c:v>4.5999999999999996</c:v>
                </c:pt>
                <c:pt idx="998">
                  <c:v>4.54</c:v>
                </c:pt>
                <c:pt idx="999">
                  <c:v>4.55</c:v>
                </c:pt>
                <c:pt idx="1000">
                  <c:v>4.53</c:v>
                </c:pt>
                <c:pt idx="1001">
                  <c:v>4.46</c:v>
                </c:pt>
                <c:pt idx="1002">
                  <c:v>4.41</c:v>
                </c:pt>
                <c:pt idx="1003">
                  <c:v>4.4400000000000004</c:v>
                </c:pt>
                <c:pt idx="1004">
                  <c:v>4.4400000000000004</c:v>
                </c:pt>
                <c:pt idx="1005">
                  <c:v>4.4000000000000004</c:v>
                </c:pt>
                <c:pt idx="1006">
                  <c:v>4.42</c:v>
                </c:pt>
                <c:pt idx="1007">
                  <c:v>4.4400000000000004</c:v>
                </c:pt>
                <c:pt idx="1008">
                  <c:v>4.45</c:v>
                </c:pt>
                <c:pt idx="1009">
                  <c:v>4.43</c:v>
                </c:pt>
                <c:pt idx="1010">
                  <c:v>4.3600000000000003</c:v>
                </c:pt>
                <c:pt idx="1011">
                  <c:v>4.3099999999999996</c:v>
                </c:pt>
                <c:pt idx="1012">
                  <c:v>4.33</c:v>
                </c:pt>
                <c:pt idx="1013">
                  <c:v>4.33</c:v>
                </c:pt>
                <c:pt idx="1014">
                  <c:v>4.3499999999999996</c:v>
                </c:pt>
                <c:pt idx="1015">
                  <c:v>4.34</c:v>
                </c:pt>
                <c:pt idx="1016">
                  <c:v>4.38</c:v>
                </c:pt>
                <c:pt idx="1017">
                  <c:v>4.38</c:v>
                </c:pt>
                <c:pt idx="1018">
                  <c:v>4.3499999999999996</c:v>
                </c:pt>
                <c:pt idx="1019">
                  <c:v>4.42</c:v>
                </c:pt>
                <c:pt idx="1020">
                  <c:v>4.41</c:v>
                </c:pt>
                <c:pt idx="1021">
                  <c:v>4.38</c:v>
                </c:pt>
                <c:pt idx="1022">
                  <c:v>4.3499999999999996</c:v>
                </c:pt>
                <c:pt idx="1023">
                  <c:v>4.3099999999999996</c:v>
                </c:pt>
                <c:pt idx="1024">
                  <c:v>4.29</c:v>
                </c:pt>
                <c:pt idx="1025">
                  <c:v>4.32</c:v>
                </c:pt>
                <c:pt idx="1026">
                  <c:v>4.3</c:v>
                </c:pt>
                <c:pt idx="1027">
                  <c:v>4.2699999999999996</c:v>
                </c:pt>
                <c:pt idx="1028">
                  <c:v>4.2699999999999996</c:v>
                </c:pt>
                <c:pt idx="1029">
                  <c:v>4.24</c:v>
                </c:pt>
                <c:pt idx="1030">
                  <c:v>4.24</c:v>
                </c:pt>
                <c:pt idx="1031">
                  <c:v>4.2300000000000004</c:v>
                </c:pt>
                <c:pt idx="1032">
                  <c:v>4.2699999999999996</c:v>
                </c:pt>
                <c:pt idx="1033">
                  <c:v>4.1900000000000004</c:v>
                </c:pt>
                <c:pt idx="1034">
                  <c:v>4.22</c:v>
                </c:pt>
                <c:pt idx="1035">
                  <c:v>4.1900000000000004</c:v>
                </c:pt>
                <c:pt idx="1036">
                  <c:v>4.16</c:v>
                </c:pt>
                <c:pt idx="1037">
                  <c:v>4.13</c:v>
                </c:pt>
                <c:pt idx="1038">
                  <c:v>4.1100000000000003</c:v>
                </c:pt>
                <c:pt idx="1039">
                  <c:v>4.1500000000000004</c:v>
                </c:pt>
                <c:pt idx="1040">
                  <c:v>4.1100000000000003</c:v>
                </c:pt>
                <c:pt idx="1041">
                  <c:v>4.1100000000000003</c:v>
                </c:pt>
                <c:pt idx="1042">
                  <c:v>4.12</c:v>
                </c:pt>
                <c:pt idx="1043">
                  <c:v>4.09</c:v>
                </c:pt>
                <c:pt idx="1044">
                  <c:v>4.1500000000000004</c:v>
                </c:pt>
                <c:pt idx="1045">
                  <c:v>4.1399999999999997</c:v>
                </c:pt>
                <c:pt idx="1046">
                  <c:v>4.07</c:v>
                </c:pt>
                <c:pt idx="1047">
                  <c:v>4.04</c:v>
                </c:pt>
                <c:pt idx="1048">
                  <c:v>4</c:v>
                </c:pt>
                <c:pt idx="1049">
                  <c:v>3.96</c:v>
                </c:pt>
                <c:pt idx="1051">
                  <c:v>3.96</c:v>
                </c:pt>
                <c:pt idx="1052">
                  <c:v>3.96</c:v>
                </c:pt>
                <c:pt idx="1053">
                  <c:v>3.97</c:v>
                </c:pt>
                <c:pt idx="1054">
                  <c:v>4</c:v>
                </c:pt>
                <c:pt idx="1056">
                  <c:v>4</c:v>
                </c:pt>
                <c:pt idx="1057">
                  <c:v>3.98</c:v>
                </c:pt>
                <c:pt idx="1058">
                  <c:v>3.96</c:v>
                </c:pt>
                <c:pt idx="1059">
                  <c:v>3.92</c:v>
                </c:pt>
                <c:pt idx="1060">
                  <c:v>3.87</c:v>
                </c:pt>
                <c:pt idx="1061">
                  <c:v>3.88</c:v>
                </c:pt>
                <c:pt idx="1062">
                  <c:v>3.95</c:v>
                </c:pt>
                <c:pt idx="1063">
                  <c:v>3.97</c:v>
                </c:pt>
                <c:pt idx="1064">
                  <c:v>3.92</c:v>
                </c:pt>
                <c:pt idx="1065">
                  <c:v>3.87</c:v>
                </c:pt>
                <c:pt idx="1066">
                  <c:v>3.88</c:v>
                </c:pt>
                <c:pt idx="1067">
                  <c:v>3.88</c:v>
                </c:pt>
                <c:pt idx="1068">
                  <c:v>3.88</c:v>
                </c:pt>
                <c:pt idx="1069">
                  <c:v>3.86</c:v>
                </c:pt>
                <c:pt idx="1070">
                  <c:v>3.82</c:v>
                </c:pt>
                <c:pt idx="1071">
                  <c:v>3.92</c:v>
                </c:pt>
                <c:pt idx="1072">
                  <c:v>4.08</c:v>
                </c:pt>
                <c:pt idx="1073">
                  <c:v>4.09</c:v>
                </c:pt>
                <c:pt idx="1074">
                  <c:v>4.08</c:v>
                </c:pt>
                <c:pt idx="1075">
                  <c:v>4.1500000000000004</c:v>
                </c:pt>
                <c:pt idx="1076">
                  <c:v>4.12</c:v>
                </c:pt>
                <c:pt idx="1077">
                  <c:v>4.21</c:v>
                </c:pt>
                <c:pt idx="1078">
                  <c:v>4.28</c:v>
                </c:pt>
                <c:pt idx="1079">
                  <c:v>4.3099999999999996</c:v>
                </c:pt>
                <c:pt idx="1080">
                  <c:v>4.28</c:v>
                </c:pt>
                <c:pt idx="1081">
                  <c:v>4.21</c:v>
                </c:pt>
                <c:pt idx="1082">
                  <c:v>4.2</c:v>
                </c:pt>
                <c:pt idx="1083">
                  <c:v>4.16</c:v>
                </c:pt>
                <c:pt idx="1084">
                  <c:v>4.08</c:v>
                </c:pt>
                <c:pt idx="1085">
                  <c:v>4.01</c:v>
                </c:pt>
                <c:pt idx="1086">
                  <c:v>4.07</c:v>
                </c:pt>
                <c:pt idx="1087">
                  <c:v>4.03</c:v>
                </c:pt>
                <c:pt idx="1088">
                  <c:v>4.03</c:v>
                </c:pt>
                <c:pt idx="1089">
                  <c:v>4.01</c:v>
                </c:pt>
                <c:pt idx="1090">
                  <c:v>3.95</c:v>
                </c:pt>
                <c:pt idx="1091">
                  <c:v>3.92</c:v>
                </c:pt>
                <c:pt idx="1092">
                  <c:v>3.9</c:v>
                </c:pt>
                <c:pt idx="1093">
                  <c:v>3.85</c:v>
                </c:pt>
                <c:pt idx="1094">
                  <c:v>3.84</c:v>
                </c:pt>
                <c:pt idx="1095">
                  <c:v>3.84</c:v>
                </c:pt>
                <c:pt idx="1096">
                  <c:v>3.83</c:v>
                </c:pt>
                <c:pt idx="1097">
                  <c:v>3.81</c:v>
                </c:pt>
                <c:pt idx="1098">
                  <c:v>3.87</c:v>
                </c:pt>
                <c:pt idx="1099">
                  <c:v>3.79</c:v>
                </c:pt>
                <c:pt idx="1100">
                  <c:v>3.78</c:v>
                </c:pt>
                <c:pt idx="1101">
                  <c:v>3.78</c:v>
                </c:pt>
                <c:pt idx="1102">
                  <c:v>3.79</c:v>
                </c:pt>
                <c:pt idx="1103">
                  <c:v>3.82</c:v>
                </c:pt>
                <c:pt idx="1104">
                  <c:v>3.82</c:v>
                </c:pt>
                <c:pt idx="1105">
                  <c:v>3.87</c:v>
                </c:pt>
                <c:pt idx="1106">
                  <c:v>3.92</c:v>
                </c:pt>
                <c:pt idx="1107">
                  <c:v>3.96</c:v>
                </c:pt>
                <c:pt idx="1108">
                  <c:v>3.9</c:v>
                </c:pt>
                <c:pt idx="1109">
                  <c:v>3.87</c:v>
                </c:pt>
                <c:pt idx="1110">
                  <c:v>3.74</c:v>
                </c:pt>
                <c:pt idx="1111">
                  <c:v>3.79</c:v>
                </c:pt>
                <c:pt idx="1112">
                  <c:v>3.76</c:v>
                </c:pt>
                <c:pt idx="1113">
                  <c:v>3.75</c:v>
                </c:pt>
                <c:pt idx="1114">
                  <c:v>3.73</c:v>
                </c:pt>
                <c:pt idx="1115">
                  <c:v>3.75</c:v>
                </c:pt>
                <c:pt idx="1116">
                  <c:v>3.77</c:v>
                </c:pt>
                <c:pt idx="1117">
                  <c:v>3.73</c:v>
                </c:pt>
                <c:pt idx="1118">
                  <c:v>3.77</c:v>
                </c:pt>
                <c:pt idx="1119">
                  <c:v>3.73</c:v>
                </c:pt>
                <c:pt idx="1120">
                  <c:v>3.66</c:v>
                </c:pt>
                <c:pt idx="1121">
                  <c:v>3.64</c:v>
                </c:pt>
                <c:pt idx="1122">
                  <c:v>3.68</c:v>
                </c:pt>
                <c:pt idx="1123">
                  <c:v>3.72</c:v>
                </c:pt>
                <c:pt idx="1124">
                  <c:v>3.73</c:v>
                </c:pt>
                <c:pt idx="1125">
                  <c:v>3.74</c:v>
                </c:pt>
                <c:pt idx="1126">
                  <c:v>3.77</c:v>
                </c:pt>
                <c:pt idx="1127">
                  <c:v>3.82</c:v>
                </c:pt>
                <c:pt idx="1128">
                  <c:v>3.76</c:v>
                </c:pt>
                <c:pt idx="1129">
                  <c:v>3.75</c:v>
                </c:pt>
                <c:pt idx="1130">
                  <c:v>3.73</c:v>
                </c:pt>
                <c:pt idx="1131">
                  <c:v>3.68</c:v>
                </c:pt>
                <c:pt idx="1133">
                  <c:v>3.67</c:v>
                </c:pt>
                <c:pt idx="1134">
                  <c:v>3.65</c:v>
                </c:pt>
                <c:pt idx="1135">
                  <c:v>3.68</c:v>
                </c:pt>
                <c:pt idx="1136">
                  <c:v>3.66</c:v>
                </c:pt>
                <c:pt idx="1137">
                  <c:v>3.69</c:v>
                </c:pt>
                <c:pt idx="1138">
                  <c:v>3.68</c:v>
                </c:pt>
                <c:pt idx="1139">
                  <c:v>3.66</c:v>
                </c:pt>
                <c:pt idx="1140">
                  <c:v>3.71</c:v>
                </c:pt>
                <c:pt idx="1141">
                  <c:v>3.75</c:v>
                </c:pt>
                <c:pt idx="1142">
                  <c:v>3.73</c:v>
                </c:pt>
                <c:pt idx="1143">
                  <c:v>3.74</c:v>
                </c:pt>
                <c:pt idx="1144">
                  <c:v>3.72</c:v>
                </c:pt>
                <c:pt idx="1145">
                  <c:v>3.74</c:v>
                </c:pt>
                <c:pt idx="1146">
                  <c:v>3.75</c:v>
                </c:pt>
                <c:pt idx="1147">
                  <c:v>3.74</c:v>
                </c:pt>
                <c:pt idx="1148">
                  <c:v>3.7</c:v>
                </c:pt>
                <c:pt idx="1149">
                  <c:v>3.7</c:v>
                </c:pt>
                <c:pt idx="1150">
                  <c:v>3.73</c:v>
                </c:pt>
                <c:pt idx="1151">
                  <c:v>3.78</c:v>
                </c:pt>
                <c:pt idx="1152">
                  <c:v>3.77</c:v>
                </c:pt>
                <c:pt idx="1153">
                  <c:v>3.76</c:v>
                </c:pt>
                <c:pt idx="1154">
                  <c:v>3.77</c:v>
                </c:pt>
                <c:pt idx="1155">
                  <c:v>3.77</c:v>
                </c:pt>
                <c:pt idx="1156">
                  <c:v>3.78</c:v>
                </c:pt>
                <c:pt idx="1157">
                  <c:v>3.78</c:v>
                </c:pt>
                <c:pt idx="1158">
                  <c:v>3.78</c:v>
                </c:pt>
                <c:pt idx="1159">
                  <c:v>3.76</c:v>
                </c:pt>
                <c:pt idx="1160">
                  <c:v>3.8</c:v>
                </c:pt>
                <c:pt idx="1161">
                  <c:v>3.78</c:v>
                </c:pt>
                <c:pt idx="1162">
                  <c:v>3.75</c:v>
                </c:pt>
                <c:pt idx="1163">
                  <c:v>3.67</c:v>
                </c:pt>
                <c:pt idx="1164">
                  <c:v>3.61</c:v>
                </c:pt>
                <c:pt idx="1165">
                  <c:v>3.59</c:v>
                </c:pt>
                <c:pt idx="1166">
                  <c:v>3.59</c:v>
                </c:pt>
                <c:pt idx="1167">
                  <c:v>3.59</c:v>
                </c:pt>
                <c:pt idx="1168">
                  <c:v>3.53</c:v>
                </c:pt>
                <c:pt idx="1169">
                  <c:v>3.5</c:v>
                </c:pt>
                <c:pt idx="1170">
                  <c:v>3.46</c:v>
                </c:pt>
                <c:pt idx="1171">
                  <c:v>3.46</c:v>
                </c:pt>
                <c:pt idx="1172">
                  <c:v>3.5</c:v>
                </c:pt>
                <c:pt idx="1173">
                  <c:v>3.47</c:v>
                </c:pt>
                <c:pt idx="1174">
                  <c:v>3.43</c:v>
                </c:pt>
                <c:pt idx="1175">
                  <c:v>3.39</c:v>
                </c:pt>
                <c:pt idx="1176">
                  <c:v>3.41</c:v>
                </c:pt>
                <c:pt idx="1177">
                  <c:v>3.39</c:v>
                </c:pt>
                <c:pt idx="1178">
                  <c:v>3.36</c:v>
                </c:pt>
                <c:pt idx="1179">
                  <c:v>3.35</c:v>
                </c:pt>
                <c:pt idx="1180">
                  <c:v>3.37</c:v>
                </c:pt>
                <c:pt idx="1181">
                  <c:v>3.43</c:v>
                </c:pt>
                <c:pt idx="1182">
                  <c:v>3.47</c:v>
                </c:pt>
                <c:pt idx="1183">
                  <c:v>3.48</c:v>
                </c:pt>
                <c:pt idx="1184">
                  <c:v>3.53</c:v>
                </c:pt>
                <c:pt idx="1185">
                  <c:v>3.5</c:v>
                </c:pt>
                <c:pt idx="1186">
                  <c:v>3.46</c:v>
                </c:pt>
                <c:pt idx="1187">
                  <c:v>3.44</c:v>
                </c:pt>
                <c:pt idx="1188">
                  <c:v>3.44</c:v>
                </c:pt>
                <c:pt idx="1189">
                  <c:v>3.44</c:v>
                </c:pt>
                <c:pt idx="1190">
                  <c:v>3.48</c:v>
                </c:pt>
                <c:pt idx="1191">
                  <c:v>3.51</c:v>
                </c:pt>
                <c:pt idx="1192">
                  <c:v>3.62</c:v>
                </c:pt>
                <c:pt idx="1193">
                  <c:v>3.61</c:v>
                </c:pt>
                <c:pt idx="1194">
                  <c:v>3.57</c:v>
                </c:pt>
                <c:pt idx="1195">
                  <c:v>3.6</c:v>
                </c:pt>
                <c:pt idx="1196">
                  <c:v>3.63</c:v>
                </c:pt>
                <c:pt idx="1197">
                  <c:v>3.74</c:v>
                </c:pt>
                <c:pt idx="1198">
                  <c:v>3.78</c:v>
                </c:pt>
                <c:pt idx="1199">
                  <c:v>3.8</c:v>
                </c:pt>
                <c:pt idx="1200">
                  <c:v>3.79</c:v>
                </c:pt>
                <c:pt idx="1201">
                  <c:v>3.77</c:v>
                </c:pt>
                <c:pt idx="1202">
                  <c:v>3.72</c:v>
                </c:pt>
                <c:pt idx="1203">
                  <c:v>3.75</c:v>
                </c:pt>
                <c:pt idx="1204">
                  <c:v>3.74</c:v>
                </c:pt>
                <c:pt idx="1205">
                  <c:v>3.8</c:v>
                </c:pt>
                <c:pt idx="1206">
                  <c:v>3.79</c:v>
                </c:pt>
                <c:pt idx="1207">
                  <c:v>4.04</c:v>
                </c:pt>
                <c:pt idx="1208">
                  <c:v>4.25</c:v>
                </c:pt>
                <c:pt idx="1209">
                  <c:v>4.24</c:v>
                </c:pt>
                <c:pt idx="1210">
                  <c:v>4.17</c:v>
                </c:pt>
                <c:pt idx="1211">
                  <c:v>4.21</c:v>
                </c:pt>
                <c:pt idx="1212">
                  <c:v>4.2</c:v>
                </c:pt>
                <c:pt idx="1213">
                  <c:v>4.2</c:v>
                </c:pt>
                <c:pt idx="1214">
                  <c:v>4.12</c:v>
                </c:pt>
                <c:pt idx="1215">
                  <c:v>4.07</c:v>
                </c:pt>
                <c:pt idx="1216">
                  <c:v>4.03</c:v>
                </c:pt>
                <c:pt idx="1217">
                  <c:v>3.97</c:v>
                </c:pt>
                <c:pt idx="1218">
                  <c:v>3.97</c:v>
                </c:pt>
                <c:pt idx="1219">
                  <c:v>3.89</c:v>
                </c:pt>
                <c:pt idx="1220">
                  <c:v>3.85</c:v>
                </c:pt>
                <c:pt idx="1221">
                  <c:v>3.79</c:v>
                </c:pt>
                <c:pt idx="1222">
                  <c:v>3.81</c:v>
                </c:pt>
                <c:pt idx="1223">
                  <c:v>3.79</c:v>
                </c:pt>
                <c:pt idx="1224">
                  <c:v>3.77</c:v>
                </c:pt>
                <c:pt idx="1225">
                  <c:v>3.78</c:v>
                </c:pt>
                <c:pt idx="1226">
                  <c:v>3.81</c:v>
                </c:pt>
                <c:pt idx="1227">
                  <c:v>3.82</c:v>
                </c:pt>
                <c:pt idx="1228">
                  <c:v>3.8</c:v>
                </c:pt>
                <c:pt idx="1229">
                  <c:v>3.84</c:v>
                </c:pt>
                <c:pt idx="1230">
                  <c:v>3.84</c:v>
                </c:pt>
                <c:pt idx="1231">
                  <c:v>3.8</c:v>
                </c:pt>
                <c:pt idx="1232">
                  <c:v>3.83</c:v>
                </c:pt>
                <c:pt idx="1233">
                  <c:v>3.85</c:v>
                </c:pt>
                <c:pt idx="1234">
                  <c:v>3.93</c:v>
                </c:pt>
                <c:pt idx="1235">
                  <c:v>3.92</c:v>
                </c:pt>
                <c:pt idx="1236">
                  <c:v>3.93</c:v>
                </c:pt>
                <c:pt idx="1237">
                  <c:v>4.01</c:v>
                </c:pt>
                <c:pt idx="1238">
                  <c:v>4.05</c:v>
                </c:pt>
                <c:pt idx="1239">
                  <c:v>4.03</c:v>
                </c:pt>
                <c:pt idx="1240">
                  <c:v>4.0599999999999996</c:v>
                </c:pt>
                <c:pt idx="1241">
                  <c:v>4.0999999999999996</c:v>
                </c:pt>
                <c:pt idx="1242">
                  <c:v>4.05</c:v>
                </c:pt>
                <c:pt idx="1243">
                  <c:v>3.98</c:v>
                </c:pt>
                <c:pt idx="1244">
                  <c:v>3.97</c:v>
                </c:pt>
                <c:pt idx="1245">
                  <c:v>4.0199999999999996</c:v>
                </c:pt>
                <c:pt idx="1246">
                  <c:v>4.13</c:v>
                </c:pt>
                <c:pt idx="1247">
                  <c:v>4.18</c:v>
                </c:pt>
                <c:pt idx="1248">
                  <c:v>4.33</c:v>
                </c:pt>
                <c:pt idx="1249">
                  <c:v>4.4000000000000004</c:v>
                </c:pt>
                <c:pt idx="1250">
                  <c:v>4.51</c:v>
                </c:pt>
                <c:pt idx="1251">
                  <c:v>4.4000000000000004</c:v>
                </c:pt>
                <c:pt idx="1252">
                  <c:v>4.45</c:v>
                </c:pt>
                <c:pt idx="1253">
                  <c:v>4.42</c:v>
                </c:pt>
                <c:pt idx="1254">
                  <c:v>4.29</c:v>
                </c:pt>
                <c:pt idx="1255">
                  <c:v>4.26</c:v>
                </c:pt>
                <c:pt idx="1256">
                  <c:v>4.37</c:v>
                </c:pt>
                <c:pt idx="1257">
                  <c:v>4.4800000000000004</c:v>
                </c:pt>
                <c:pt idx="1258">
                  <c:v>4.5199999999999996</c:v>
                </c:pt>
                <c:pt idx="1259">
                  <c:v>4.66</c:v>
                </c:pt>
                <c:pt idx="1260">
                  <c:v>4.66</c:v>
                </c:pt>
                <c:pt idx="1261">
                  <c:v>4.83</c:v>
                </c:pt>
                <c:pt idx="1262">
                  <c:v>5.08</c:v>
                </c:pt>
                <c:pt idx="1263">
                  <c:v>4.9800000000000004</c:v>
                </c:pt>
                <c:pt idx="1264">
                  <c:v>4.68</c:v>
                </c:pt>
                <c:pt idx="1265">
                  <c:v>4.68</c:v>
                </c:pt>
                <c:pt idx="1266">
                  <c:v>4.5</c:v>
                </c:pt>
                <c:pt idx="1267">
                  <c:v>4.4400000000000004</c:v>
                </c:pt>
                <c:pt idx="1268">
                  <c:v>4.38</c:v>
                </c:pt>
                <c:pt idx="1269">
                  <c:v>4.38</c:v>
                </c:pt>
                <c:pt idx="1270">
                  <c:v>4.41</c:v>
                </c:pt>
                <c:pt idx="1271">
                  <c:v>4.3899999999999997</c:v>
                </c:pt>
                <c:pt idx="1272">
                  <c:v>4.32</c:v>
                </c:pt>
                <c:pt idx="1273">
                  <c:v>4.3499999999999996</c:v>
                </c:pt>
                <c:pt idx="1274">
                  <c:v>4.3</c:v>
                </c:pt>
                <c:pt idx="1275">
                  <c:v>4.29</c:v>
                </c:pt>
                <c:pt idx="1276">
                  <c:v>4.3499999999999996</c:v>
                </c:pt>
                <c:pt idx="1277">
                  <c:v>4.32</c:v>
                </c:pt>
                <c:pt idx="1278">
                  <c:v>4.3</c:v>
                </c:pt>
                <c:pt idx="1279">
                  <c:v>4.3600000000000003</c:v>
                </c:pt>
                <c:pt idx="1280">
                  <c:v>4.32</c:v>
                </c:pt>
                <c:pt idx="1281">
                  <c:v>4.32</c:v>
                </c:pt>
                <c:pt idx="1282">
                  <c:v>4.33</c:v>
                </c:pt>
                <c:pt idx="1283">
                  <c:v>4.37</c:v>
                </c:pt>
                <c:pt idx="1284">
                  <c:v>4.43</c:v>
                </c:pt>
                <c:pt idx="1285">
                  <c:v>4.46</c:v>
                </c:pt>
                <c:pt idx="1286">
                  <c:v>4.53</c:v>
                </c:pt>
                <c:pt idx="1287">
                  <c:v>4.57</c:v>
                </c:pt>
                <c:pt idx="1288">
                  <c:v>4.6100000000000003</c:v>
                </c:pt>
                <c:pt idx="1289">
                  <c:v>4.54</c:v>
                </c:pt>
                <c:pt idx="1290">
                  <c:v>4.54</c:v>
                </c:pt>
                <c:pt idx="1291">
                  <c:v>4.54</c:v>
                </c:pt>
                <c:pt idx="1292">
                  <c:v>4.5599999999999996</c:v>
                </c:pt>
                <c:pt idx="1293">
                  <c:v>4.5599999999999996</c:v>
                </c:pt>
                <c:pt idx="1294">
                  <c:v>4.6399999999999997</c:v>
                </c:pt>
                <c:pt idx="1295">
                  <c:v>4.67</c:v>
                </c:pt>
                <c:pt idx="1296">
                  <c:v>4.82</c:v>
                </c:pt>
                <c:pt idx="1297">
                  <c:v>4.82</c:v>
                </c:pt>
                <c:pt idx="1298">
                  <c:v>4.8099999999999996</c:v>
                </c:pt>
                <c:pt idx="1299">
                  <c:v>4.83</c:v>
                </c:pt>
                <c:pt idx="1300">
                  <c:v>4.7699999999999996</c:v>
                </c:pt>
                <c:pt idx="1301">
                  <c:v>4.87</c:v>
                </c:pt>
                <c:pt idx="1302">
                  <c:v>5.0599999999999996</c:v>
                </c:pt>
                <c:pt idx="1303">
                  <c:v>5.21</c:v>
                </c:pt>
                <c:pt idx="1304">
                  <c:v>5.25</c:v>
                </c:pt>
                <c:pt idx="1305">
                  <c:v>5.47</c:v>
                </c:pt>
                <c:pt idx="1306">
                  <c:v>5.52</c:v>
                </c:pt>
                <c:pt idx="1307">
                  <c:v>5.71</c:v>
                </c:pt>
                <c:pt idx="1308">
                  <c:v>5.48</c:v>
                </c:pt>
                <c:pt idx="1309">
                  <c:v>5.15</c:v>
                </c:pt>
                <c:pt idx="1310">
                  <c:v>5.09</c:v>
                </c:pt>
                <c:pt idx="1311">
                  <c:v>5.03</c:v>
                </c:pt>
                <c:pt idx="1312">
                  <c:v>4.9400000000000004</c:v>
                </c:pt>
                <c:pt idx="1313">
                  <c:v>4.93</c:v>
                </c:pt>
                <c:pt idx="1315">
                  <c:v>4.93</c:v>
                </c:pt>
                <c:pt idx="1316">
                  <c:v>4.96</c:v>
                </c:pt>
                <c:pt idx="1317">
                  <c:v>4.9800000000000004</c:v>
                </c:pt>
                <c:pt idx="1318">
                  <c:v>5.04</c:v>
                </c:pt>
                <c:pt idx="1320">
                  <c:v>5.08</c:v>
                </c:pt>
                <c:pt idx="1321">
                  <c:v>5.21</c:v>
                </c:pt>
                <c:pt idx="1322">
                  <c:v>5.37</c:v>
                </c:pt>
                <c:pt idx="1323">
                  <c:v>5.31</c:v>
                </c:pt>
                <c:pt idx="1324">
                  <c:v>5.17</c:v>
                </c:pt>
                <c:pt idx="1325">
                  <c:v>5.2</c:v>
                </c:pt>
                <c:pt idx="1326">
                  <c:v>5.27</c:v>
                </c:pt>
                <c:pt idx="1327">
                  <c:v>5.28</c:v>
                </c:pt>
                <c:pt idx="1328">
                  <c:v>5.39</c:v>
                </c:pt>
                <c:pt idx="1329">
                  <c:v>5.42</c:v>
                </c:pt>
                <c:pt idx="1331">
                  <c:v>5.39</c:v>
                </c:pt>
                <c:pt idx="1332">
                  <c:v>5.39</c:v>
                </c:pt>
                <c:pt idx="1333">
                  <c:v>5.36</c:v>
                </c:pt>
                <c:pt idx="1334">
                  <c:v>5.27</c:v>
                </c:pt>
                <c:pt idx="1335">
                  <c:v>5.3</c:v>
                </c:pt>
                <c:pt idx="1336">
                  <c:v>5.26</c:v>
                </c:pt>
                <c:pt idx="1337">
                  <c:v>5.29</c:v>
                </c:pt>
                <c:pt idx="1338">
                  <c:v>5.31</c:v>
                </c:pt>
                <c:pt idx="1339">
                  <c:v>5.28</c:v>
                </c:pt>
                <c:pt idx="1340">
                  <c:v>5.37</c:v>
                </c:pt>
                <c:pt idx="1341">
                  <c:v>5.26</c:v>
                </c:pt>
                <c:pt idx="1342">
                  <c:v>5.26</c:v>
                </c:pt>
                <c:pt idx="1343">
                  <c:v>5.1100000000000003</c:v>
                </c:pt>
                <c:pt idx="1344">
                  <c:v>5.05</c:v>
                </c:pt>
                <c:pt idx="1345">
                  <c:v>4.99</c:v>
                </c:pt>
                <c:pt idx="1346">
                  <c:v>4.78</c:v>
                </c:pt>
                <c:pt idx="1347">
                  <c:v>4.8</c:v>
                </c:pt>
                <c:pt idx="1348">
                  <c:v>4.75</c:v>
                </c:pt>
                <c:pt idx="1349">
                  <c:v>4.76</c:v>
                </c:pt>
                <c:pt idx="1350">
                  <c:v>4.74</c:v>
                </c:pt>
                <c:pt idx="1351">
                  <c:v>4.71</c:v>
                </c:pt>
                <c:pt idx="1352">
                  <c:v>4.6900000000000004</c:v>
                </c:pt>
                <c:pt idx="1353">
                  <c:v>4.57</c:v>
                </c:pt>
                <c:pt idx="1354">
                  <c:v>4.62</c:v>
                </c:pt>
                <c:pt idx="1355">
                  <c:v>4.58</c:v>
                </c:pt>
                <c:pt idx="1356">
                  <c:v>4.53</c:v>
                </c:pt>
                <c:pt idx="1357">
                  <c:v>4.5599999999999996</c:v>
                </c:pt>
                <c:pt idx="1358">
                  <c:v>4.58</c:v>
                </c:pt>
                <c:pt idx="1359">
                  <c:v>4.54</c:v>
                </c:pt>
                <c:pt idx="1360">
                  <c:v>4.43</c:v>
                </c:pt>
                <c:pt idx="1361">
                  <c:v>4.43</c:v>
                </c:pt>
                <c:pt idx="1362">
                  <c:v>4.46</c:v>
                </c:pt>
                <c:pt idx="1363">
                  <c:v>4.38</c:v>
                </c:pt>
                <c:pt idx="1364">
                  <c:v>4.38</c:v>
                </c:pt>
                <c:pt idx="1365">
                  <c:v>4.4400000000000004</c:v>
                </c:pt>
                <c:pt idx="1366">
                  <c:v>4.46</c:v>
                </c:pt>
                <c:pt idx="1367">
                  <c:v>4.42</c:v>
                </c:pt>
                <c:pt idx="1368">
                  <c:v>4.51</c:v>
                </c:pt>
                <c:pt idx="1369">
                  <c:v>4.66</c:v>
                </c:pt>
                <c:pt idx="1370">
                  <c:v>4.6100000000000003</c:v>
                </c:pt>
                <c:pt idx="1371">
                  <c:v>4.62</c:v>
                </c:pt>
                <c:pt idx="1372">
                  <c:v>4.68</c:v>
                </c:pt>
                <c:pt idx="1373">
                  <c:v>4.72</c:v>
                </c:pt>
                <c:pt idx="1374">
                  <c:v>4.79</c:v>
                </c:pt>
                <c:pt idx="1375">
                  <c:v>4.91</c:v>
                </c:pt>
                <c:pt idx="1376">
                  <c:v>4.79</c:v>
                </c:pt>
                <c:pt idx="1377">
                  <c:v>4.8099999999999996</c:v>
                </c:pt>
                <c:pt idx="1378">
                  <c:v>4.82</c:v>
                </c:pt>
                <c:pt idx="1379">
                  <c:v>4.8099999999999996</c:v>
                </c:pt>
                <c:pt idx="1380">
                  <c:v>4.76</c:v>
                </c:pt>
                <c:pt idx="1381">
                  <c:v>4.74</c:v>
                </c:pt>
                <c:pt idx="1382">
                  <c:v>4.76</c:v>
                </c:pt>
                <c:pt idx="1383">
                  <c:v>4.7300000000000004</c:v>
                </c:pt>
                <c:pt idx="1384">
                  <c:v>4.82</c:v>
                </c:pt>
                <c:pt idx="1385">
                  <c:v>4.8600000000000003</c:v>
                </c:pt>
                <c:pt idx="1386">
                  <c:v>4.82</c:v>
                </c:pt>
                <c:pt idx="1388">
                  <c:v>4.8</c:v>
                </c:pt>
                <c:pt idx="1389">
                  <c:v>4.72</c:v>
                </c:pt>
                <c:pt idx="1390">
                  <c:v>4.67</c:v>
                </c:pt>
                <c:pt idx="1391">
                  <c:v>4.62</c:v>
                </c:pt>
                <c:pt idx="1392">
                  <c:v>4.5999999999999996</c:v>
                </c:pt>
                <c:pt idx="1393">
                  <c:v>4.5999999999999996</c:v>
                </c:pt>
                <c:pt idx="1394">
                  <c:v>4.62</c:v>
                </c:pt>
                <c:pt idx="1395">
                  <c:v>4.58</c:v>
                </c:pt>
                <c:pt idx="1396">
                  <c:v>4.6100000000000003</c:v>
                </c:pt>
                <c:pt idx="1397">
                  <c:v>4.66</c:v>
                </c:pt>
                <c:pt idx="1398">
                  <c:v>4.5999999999999996</c:v>
                </c:pt>
                <c:pt idx="1399">
                  <c:v>4.57</c:v>
                </c:pt>
                <c:pt idx="1400">
                  <c:v>4.53</c:v>
                </c:pt>
                <c:pt idx="1401">
                  <c:v>4.55</c:v>
                </c:pt>
                <c:pt idx="1402">
                  <c:v>4.5599999999999996</c:v>
                </c:pt>
                <c:pt idx="1403">
                  <c:v>4.55</c:v>
                </c:pt>
                <c:pt idx="1404">
                  <c:v>4.5199999999999996</c:v>
                </c:pt>
                <c:pt idx="1405">
                  <c:v>4.53</c:v>
                </c:pt>
                <c:pt idx="1406">
                  <c:v>4.59</c:v>
                </c:pt>
                <c:pt idx="1407">
                  <c:v>4.53</c:v>
                </c:pt>
                <c:pt idx="1408">
                  <c:v>4.51</c:v>
                </c:pt>
                <c:pt idx="1409">
                  <c:v>4.4800000000000004</c:v>
                </c:pt>
                <c:pt idx="1410">
                  <c:v>4.5</c:v>
                </c:pt>
                <c:pt idx="1411">
                  <c:v>4.55</c:v>
                </c:pt>
                <c:pt idx="1412">
                  <c:v>4.53</c:v>
                </c:pt>
                <c:pt idx="1413">
                  <c:v>4.45</c:v>
                </c:pt>
                <c:pt idx="1414">
                  <c:v>4.5599999999999996</c:v>
                </c:pt>
                <c:pt idx="1415">
                  <c:v>4.51</c:v>
                </c:pt>
                <c:pt idx="1416">
                  <c:v>4.5199999999999996</c:v>
                </c:pt>
                <c:pt idx="1417">
                  <c:v>4.55</c:v>
                </c:pt>
                <c:pt idx="1418">
                  <c:v>4.49</c:v>
                </c:pt>
                <c:pt idx="1419">
                  <c:v>4.46</c:v>
                </c:pt>
                <c:pt idx="1420">
                  <c:v>4.49</c:v>
                </c:pt>
                <c:pt idx="1421">
                  <c:v>4.51</c:v>
                </c:pt>
                <c:pt idx="1422">
                  <c:v>4.47</c:v>
                </c:pt>
                <c:pt idx="1424">
                  <c:v>4.51</c:v>
                </c:pt>
                <c:pt idx="1425">
                  <c:v>4.4800000000000004</c:v>
                </c:pt>
                <c:pt idx="1426">
                  <c:v>4.5</c:v>
                </c:pt>
                <c:pt idx="1427">
                  <c:v>4.5199999999999996</c:v>
                </c:pt>
                <c:pt idx="1428">
                  <c:v>4.58</c:v>
                </c:pt>
                <c:pt idx="1429">
                  <c:v>4.5199999999999996</c:v>
                </c:pt>
                <c:pt idx="1430">
                  <c:v>4.49</c:v>
                </c:pt>
                <c:pt idx="1431">
                  <c:v>4.46</c:v>
                </c:pt>
                <c:pt idx="1432">
                  <c:v>4.5599999999999996</c:v>
                </c:pt>
                <c:pt idx="1433">
                  <c:v>4.5599999999999996</c:v>
                </c:pt>
                <c:pt idx="1434">
                  <c:v>4.6100000000000003</c:v>
                </c:pt>
                <c:pt idx="1435">
                  <c:v>4.66</c:v>
                </c:pt>
                <c:pt idx="1436">
                  <c:v>4.5999999999999996</c:v>
                </c:pt>
                <c:pt idx="1437">
                  <c:v>4.62</c:v>
                </c:pt>
                <c:pt idx="1438">
                  <c:v>4.63</c:v>
                </c:pt>
                <c:pt idx="1439">
                  <c:v>4.71</c:v>
                </c:pt>
                <c:pt idx="1440">
                  <c:v>4.7699999999999996</c:v>
                </c:pt>
                <c:pt idx="1441">
                  <c:v>4.76</c:v>
                </c:pt>
                <c:pt idx="1442">
                  <c:v>4.71</c:v>
                </c:pt>
                <c:pt idx="1443">
                  <c:v>4.7300000000000004</c:v>
                </c:pt>
                <c:pt idx="1444">
                  <c:v>4.62</c:v>
                </c:pt>
                <c:pt idx="1445">
                  <c:v>4.62</c:v>
                </c:pt>
                <c:pt idx="1446">
                  <c:v>4.66</c:v>
                </c:pt>
                <c:pt idx="1447">
                  <c:v>4.67</c:v>
                </c:pt>
                <c:pt idx="1448">
                  <c:v>4.6500000000000004</c:v>
                </c:pt>
                <c:pt idx="1449">
                  <c:v>4.91</c:v>
                </c:pt>
                <c:pt idx="1450">
                  <c:v>5</c:v>
                </c:pt>
                <c:pt idx="1451">
                  <c:v>4.88</c:v>
                </c:pt>
                <c:pt idx="1452">
                  <c:v>4.91</c:v>
                </c:pt>
                <c:pt idx="1453">
                  <c:v>4.91</c:v>
                </c:pt>
                <c:pt idx="1454">
                  <c:v>5.07</c:v>
                </c:pt>
                <c:pt idx="1455">
                  <c:v>5.13</c:v>
                </c:pt>
                <c:pt idx="1456">
                  <c:v>5.21</c:v>
                </c:pt>
                <c:pt idx="1457">
                  <c:v>5.1100000000000003</c:v>
                </c:pt>
                <c:pt idx="1458">
                  <c:v>4.97</c:v>
                </c:pt>
                <c:pt idx="1459">
                  <c:v>4.93</c:v>
                </c:pt>
                <c:pt idx="1460">
                  <c:v>4.9400000000000004</c:v>
                </c:pt>
                <c:pt idx="1461">
                  <c:v>4.93</c:v>
                </c:pt>
                <c:pt idx="1462">
                  <c:v>4.91</c:v>
                </c:pt>
                <c:pt idx="1463">
                  <c:v>4.95</c:v>
                </c:pt>
                <c:pt idx="1464">
                  <c:v>4.96</c:v>
                </c:pt>
                <c:pt idx="1465">
                  <c:v>5.0599999999999996</c:v>
                </c:pt>
                <c:pt idx="1466">
                  <c:v>5.16</c:v>
                </c:pt>
                <c:pt idx="1467">
                  <c:v>5.21</c:v>
                </c:pt>
                <c:pt idx="1468">
                  <c:v>5.32</c:v>
                </c:pt>
                <c:pt idx="1469">
                  <c:v>5.49</c:v>
                </c:pt>
                <c:pt idx="1470">
                  <c:v>5.44</c:v>
                </c:pt>
                <c:pt idx="1471">
                  <c:v>5.33</c:v>
                </c:pt>
                <c:pt idx="1472">
                  <c:v>5.26</c:v>
                </c:pt>
                <c:pt idx="1473">
                  <c:v>5.36</c:v>
                </c:pt>
                <c:pt idx="1474">
                  <c:v>5.45</c:v>
                </c:pt>
                <c:pt idx="1475">
                  <c:v>5.41</c:v>
                </c:pt>
                <c:pt idx="1476">
                  <c:v>5.29</c:v>
                </c:pt>
                <c:pt idx="1477">
                  <c:v>5.4</c:v>
                </c:pt>
                <c:pt idx="1478">
                  <c:v>5.52</c:v>
                </c:pt>
                <c:pt idx="1479">
                  <c:v>5.51</c:v>
                </c:pt>
                <c:pt idx="1480">
                  <c:v>5.67</c:v>
                </c:pt>
                <c:pt idx="1481">
                  <c:v>5.79</c:v>
                </c:pt>
                <c:pt idx="1482">
                  <c:v>5.66</c:v>
                </c:pt>
                <c:pt idx="1483">
                  <c:v>5.52</c:v>
                </c:pt>
                <c:pt idx="1484">
                  <c:v>5.58</c:v>
                </c:pt>
                <c:pt idx="1485">
                  <c:v>5.56</c:v>
                </c:pt>
                <c:pt idx="1486">
                  <c:v>5.68</c:v>
                </c:pt>
                <c:pt idx="1487">
                  <c:v>5.75</c:v>
                </c:pt>
                <c:pt idx="1488">
                  <c:v>5.86</c:v>
                </c:pt>
                <c:pt idx="1489">
                  <c:v>6.14</c:v>
                </c:pt>
                <c:pt idx="1490">
                  <c:v>5.9</c:v>
                </c:pt>
                <c:pt idx="1491">
                  <c:v>5.91</c:v>
                </c:pt>
                <c:pt idx="1492">
                  <c:v>5.8</c:v>
                </c:pt>
                <c:pt idx="1493">
                  <c:v>5.72</c:v>
                </c:pt>
                <c:pt idx="1494">
                  <c:v>5.7</c:v>
                </c:pt>
                <c:pt idx="1495">
                  <c:v>5.78</c:v>
                </c:pt>
                <c:pt idx="1496">
                  <c:v>5.73</c:v>
                </c:pt>
                <c:pt idx="1497">
                  <c:v>5.7</c:v>
                </c:pt>
                <c:pt idx="1498">
                  <c:v>5.74</c:v>
                </c:pt>
                <c:pt idx="1499">
                  <c:v>5.74</c:v>
                </c:pt>
                <c:pt idx="1500">
                  <c:v>5.64</c:v>
                </c:pt>
                <c:pt idx="1501">
                  <c:v>5.59</c:v>
                </c:pt>
                <c:pt idx="1502">
                  <c:v>5.58</c:v>
                </c:pt>
                <c:pt idx="1503">
                  <c:v>5.62</c:v>
                </c:pt>
                <c:pt idx="1504">
                  <c:v>5.62</c:v>
                </c:pt>
                <c:pt idx="1505">
                  <c:v>5.54</c:v>
                </c:pt>
                <c:pt idx="1506">
                  <c:v>5.59</c:v>
                </c:pt>
                <c:pt idx="1507">
                  <c:v>5.71</c:v>
                </c:pt>
                <c:pt idx="1508">
                  <c:v>5.8</c:v>
                </c:pt>
                <c:pt idx="1509">
                  <c:v>5.77</c:v>
                </c:pt>
                <c:pt idx="1510">
                  <c:v>5.98</c:v>
                </c:pt>
                <c:pt idx="1511">
                  <c:v>5.98</c:v>
                </c:pt>
                <c:pt idx="1512">
                  <c:v>6.14</c:v>
                </c:pt>
                <c:pt idx="1513">
                  <c:v>6.15</c:v>
                </c:pt>
                <c:pt idx="1514">
                  <c:v>6.48</c:v>
                </c:pt>
                <c:pt idx="1515">
                  <c:v>6.6</c:v>
                </c:pt>
                <c:pt idx="1516">
                  <c:v>6.62</c:v>
                </c:pt>
                <c:pt idx="1517">
                  <c:v>6.67</c:v>
                </c:pt>
                <c:pt idx="1518">
                  <c:v>6.83</c:v>
                </c:pt>
                <c:pt idx="1519">
                  <c:v>6.62</c:v>
                </c:pt>
                <c:pt idx="1520">
                  <c:v>6.52</c:v>
                </c:pt>
                <c:pt idx="1521">
                  <c:v>6.32</c:v>
                </c:pt>
                <c:pt idx="1522">
                  <c:v>6.26</c:v>
                </c:pt>
                <c:pt idx="1523">
                  <c:v>6.13</c:v>
                </c:pt>
                <c:pt idx="1524">
                  <c:v>6.13</c:v>
                </c:pt>
                <c:pt idx="1525">
                  <c:v>6.24</c:v>
                </c:pt>
                <c:pt idx="1526">
                  <c:v>6.31</c:v>
                </c:pt>
                <c:pt idx="1527">
                  <c:v>6.26</c:v>
                </c:pt>
                <c:pt idx="1528">
                  <c:v>6.18</c:v>
                </c:pt>
                <c:pt idx="1529">
                  <c:v>6.16</c:v>
                </c:pt>
                <c:pt idx="1530">
                  <c:v>6.06</c:v>
                </c:pt>
                <c:pt idx="1531">
                  <c:v>6.07</c:v>
                </c:pt>
                <c:pt idx="1532">
                  <c:v>6.1</c:v>
                </c:pt>
                <c:pt idx="1533">
                  <c:v>5.97</c:v>
                </c:pt>
                <c:pt idx="1534">
                  <c:v>6</c:v>
                </c:pt>
                <c:pt idx="1535">
                  <c:v>6.07</c:v>
                </c:pt>
                <c:pt idx="1536">
                  <c:v>5.97</c:v>
                </c:pt>
                <c:pt idx="1537">
                  <c:v>5.89</c:v>
                </c:pt>
                <c:pt idx="1538">
                  <c:v>5.88</c:v>
                </c:pt>
                <c:pt idx="1539">
                  <c:v>5.9</c:v>
                </c:pt>
                <c:pt idx="1540">
                  <c:v>5.84</c:v>
                </c:pt>
                <c:pt idx="1541">
                  <c:v>5.77</c:v>
                </c:pt>
                <c:pt idx="1542">
                  <c:v>5.73</c:v>
                </c:pt>
                <c:pt idx="1543">
                  <c:v>5.8</c:v>
                </c:pt>
                <c:pt idx="1544">
                  <c:v>5.82</c:v>
                </c:pt>
                <c:pt idx="1545">
                  <c:v>5.94</c:v>
                </c:pt>
                <c:pt idx="1546">
                  <c:v>6.02</c:v>
                </c:pt>
                <c:pt idx="1547">
                  <c:v>6.02</c:v>
                </c:pt>
                <c:pt idx="1548">
                  <c:v>6.13</c:v>
                </c:pt>
                <c:pt idx="1549">
                  <c:v>6.24</c:v>
                </c:pt>
                <c:pt idx="1550">
                  <c:v>6.28</c:v>
                </c:pt>
                <c:pt idx="1551">
                  <c:v>6.19</c:v>
                </c:pt>
                <c:pt idx="1552">
                  <c:v>6.2</c:v>
                </c:pt>
                <c:pt idx="1553">
                  <c:v>6.28</c:v>
                </c:pt>
                <c:pt idx="1554">
                  <c:v>6.32</c:v>
                </c:pt>
                <c:pt idx="1555">
                  <c:v>6.35</c:v>
                </c:pt>
                <c:pt idx="1556">
                  <c:v>6.41</c:v>
                </c:pt>
                <c:pt idx="1557">
                  <c:v>6.37</c:v>
                </c:pt>
                <c:pt idx="1558">
                  <c:v>6.37</c:v>
                </c:pt>
                <c:pt idx="1559">
                  <c:v>6.38</c:v>
                </c:pt>
                <c:pt idx="1560">
                  <c:v>6.4</c:v>
                </c:pt>
                <c:pt idx="1561">
                  <c:v>6.4</c:v>
                </c:pt>
                <c:pt idx="1562">
                  <c:v>6.34</c:v>
                </c:pt>
                <c:pt idx="1563">
                  <c:v>6.32</c:v>
                </c:pt>
                <c:pt idx="1564">
                  <c:v>6.37</c:v>
                </c:pt>
                <c:pt idx="1565">
                  <c:v>6.51</c:v>
                </c:pt>
                <c:pt idx="1566">
                  <c:v>6.65</c:v>
                </c:pt>
                <c:pt idx="1567">
                  <c:v>6.72</c:v>
                </c:pt>
                <c:pt idx="1568">
                  <c:v>6.71</c:v>
                </c:pt>
                <c:pt idx="1569">
                  <c:v>7.1</c:v>
                </c:pt>
                <c:pt idx="1570">
                  <c:v>7.33</c:v>
                </c:pt>
                <c:pt idx="1571">
                  <c:v>7.09</c:v>
                </c:pt>
                <c:pt idx="1572">
                  <c:v>6.98</c:v>
                </c:pt>
                <c:pt idx="1573">
                  <c:v>7.01</c:v>
                </c:pt>
                <c:pt idx="1574">
                  <c:v>7.2</c:v>
                </c:pt>
                <c:pt idx="1575">
                  <c:v>7.25</c:v>
                </c:pt>
                <c:pt idx="1576">
                  <c:v>7.15</c:v>
                </c:pt>
                <c:pt idx="1577">
                  <c:v>7.05</c:v>
                </c:pt>
                <c:pt idx="1578">
                  <c:v>7.05</c:v>
                </c:pt>
                <c:pt idx="1580">
                  <c:v>7.07</c:v>
                </c:pt>
                <c:pt idx="1581">
                  <c:v>6.96</c:v>
                </c:pt>
                <c:pt idx="1582">
                  <c:v>6.95</c:v>
                </c:pt>
                <c:pt idx="1583">
                  <c:v>6.95</c:v>
                </c:pt>
                <c:pt idx="1585">
                  <c:v>7.1</c:v>
                </c:pt>
                <c:pt idx="1586">
                  <c:v>7.03</c:v>
                </c:pt>
                <c:pt idx="1587">
                  <c:v>7.11</c:v>
                </c:pt>
                <c:pt idx="1588">
                  <c:v>7.24</c:v>
                </c:pt>
                <c:pt idx="1589">
                  <c:v>7.23</c:v>
                </c:pt>
                <c:pt idx="1590">
                  <c:v>7.31</c:v>
                </c:pt>
                <c:pt idx="1591">
                  <c:v>7.38</c:v>
                </c:pt>
                <c:pt idx="1592">
                  <c:v>7.5</c:v>
                </c:pt>
                <c:pt idx="1593">
                  <c:v>7.57</c:v>
                </c:pt>
                <c:pt idx="1594">
                  <c:v>7.89</c:v>
                </c:pt>
                <c:pt idx="1595">
                  <c:v>7.9</c:v>
                </c:pt>
                <c:pt idx="1596">
                  <c:v>7.88</c:v>
                </c:pt>
                <c:pt idx="1597">
                  <c:v>8.27</c:v>
                </c:pt>
                <c:pt idx="1598">
                  <c:v>8.1300000000000008</c:v>
                </c:pt>
                <c:pt idx="1599">
                  <c:v>7.87</c:v>
                </c:pt>
                <c:pt idx="1600">
                  <c:v>7.85</c:v>
                </c:pt>
                <c:pt idx="1601">
                  <c:v>7.83</c:v>
                </c:pt>
                <c:pt idx="1602">
                  <c:v>7.78</c:v>
                </c:pt>
                <c:pt idx="1603">
                  <c:v>7.75</c:v>
                </c:pt>
                <c:pt idx="1604">
                  <c:v>7.74</c:v>
                </c:pt>
                <c:pt idx="1605">
                  <c:v>7.77</c:v>
                </c:pt>
                <c:pt idx="1606">
                  <c:v>7.79</c:v>
                </c:pt>
                <c:pt idx="1607">
                  <c:v>7.98</c:v>
                </c:pt>
                <c:pt idx="1608">
                  <c:v>8.0299999999999994</c:v>
                </c:pt>
                <c:pt idx="1609">
                  <c:v>8.0299999999999994</c:v>
                </c:pt>
                <c:pt idx="1610">
                  <c:v>8.1</c:v>
                </c:pt>
                <c:pt idx="1611">
                  <c:v>8.51</c:v>
                </c:pt>
                <c:pt idx="1612">
                  <c:v>8.6199999999999992</c:v>
                </c:pt>
                <c:pt idx="1613">
                  <c:v>8.5299999999999994</c:v>
                </c:pt>
                <c:pt idx="1614">
                  <c:v>8.8699999999999992</c:v>
                </c:pt>
                <c:pt idx="1615">
                  <c:v>8.64</c:v>
                </c:pt>
                <c:pt idx="1616">
                  <c:v>8.59</c:v>
                </c:pt>
                <c:pt idx="1617">
                  <c:v>8.4499999999999993</c:v>
                </c:pt>
                <c:pt idx="1618">
                  <c:v>8.2100000000000009</c:v>
                </c:pt>
                <c:pt idx="1619">
                  <c:v>8.17</c:v>
                </c:pt>
                <c:pt idx="1620">
                  <c:v>8.23</c:v>
                </c:pt>
                <c:pt idx="1621">
                  <c:v>8.09</c:v>
                </c:pt>
                <c:pt idx="1622">
                  <c:v>8.1</c:v>
                </c:pt>
                <c:pt idx="1623">
                  <c:v>8.17</c:v>
                </c:pt>
                <c:pt idx="1624">
                  <c:v>8.08</c:v>
                </c:pt>
                <c:pt idx="1625">
                  <c:v>7.8</c:v>
                </c:pt>
                <c:pt idx="1626">
                  <c:v>7.75</c:v>
                </c:pt>
                <c:pt idx="1627">
                  <c:v>7.46</c:v>
                </c:pt>
                <c:pt idx="1628">
                  <c:v>7.31</c:v>
                </c:pt>
                <c:pt idx="1629">
                  <c:v>7.28</c:v>
                </c:pt>
                <c:pt idx="1630">
                  <c:v>7.08</c:v>
                </c:pt>
                <c:pt idx="1631">
                  <c:v>7.03</c:v>
                </c:pt>
                <c:pt idx="1632">
                  <c:v>7.14</c:v>
                </c:pt>
                <c:pt idx="1633">
                  <c:v>7.15</c:v>
                </c:pt>
                <c:pt idx="1634">
                  <c:v>7.04</c:v>
                </c:pt>
                <c:pt idx="1635">
                  <c:v>6.82</c:v>
                </c:pt>
                <c:pt idx="1636">
                  <c:v>6.74</c:v>
                </c:pt>
                <c:pt idx="1637">
                  <c:v>6.84</c:v>
                </c:pt>
                <c:pt idx="1638">
                  <c:v>6.94</c:v>
                </c:pt>
                <c:pt idx="1639">
                  <c:v>6.82</c:v>
                </c:pt>
                <c:pt idx="1640">
                  <c:v>6.71</c:v>
                </c:pt>
                <c:pt idx="1641">
                  <c:v>6.65</c:v>
                </c:pt>
                <c:pt idx="1642">
                  <c:v>6.69</c:v>
                </c:pt>
                <c:pt idx="1643">
                  <c:v>6.79</c:v>
                </c:pt>
                <c:pt idx="1644">
                  <c:v>6.93</c:v>
                </c:pt>
                <c:pt idx="1646">
                  <c:v>6.99</c:v>
                </c:pt>
                <c:pt idx="1647">
                  <c:v>7.14</c:v>
                </c:pt>
                <c:pt idx="1648">
                  <c:v>7.03</c:v>
                </c:pt>
                <c:pt idx="1649">
                  <c:v>7.05</c:v>
                </c:pt>
                <c:pt idx="1650">
                  <c:v>7.05</c:v>
                </c:pt>
                <c:pt idx="1651">
                  <c:v>7.03</c:v>
                </c:pt>
                <c:pt idx="1652">
                  <c:v>7.13</c:v>
                </c:pt>
                <c:pt idx="1653">
                  <c:v>7.04</c:v>
                </c:pt>
                <c:pt idx="1654">
                  <c:v>7.11</c:v>
                </c:pt>
                <c:pt idx="1655">
                  <c:v>7.03</c:v>
                </c:pt>
                <c:pt idx="1656">
                  <c:v>7</c:v>
                </c:pt>
                <c:pt idx="1657">
                  <c:v>6.87</c:v>
                </c:pt>
                <c:pt idx="1658">
                  <c:v>6.71</c:v>
                </c:pt>
                <c:pt idx="1659">
                  <c:v>6.6</c:v>
                </c:pt>
                <c:pt idx="1660">
                  <c:v>6.62</c:v>
                </c:pt>
                <c:pt idx="1661">
                  <c:v>6.62</c:v>
                </c:pt>
                <c:pt idx="1662">
                  <c:v>6.46</c:v>
                </c:pt>
                <c:pt idx="1663">
                  <c:v>6.31</c:v>
                </c:pt>
                <c:pt idx="1664">
                  <c:v>6.29</c:v>
                </c:pt>
                <c:pt idx="1665">
                  <c:v>6.29</c:v>
                </c:pt>
                <c:pt idx="1666">
                  <c:v>6.32</c:v>
                </c:pt>
                <c:pt idx="1667">
                  <c:v>6.26</c:v>
                </c:pt>
                <c:pt idx="1668">
                  <c:v>6.25</c:v>
                </c:pt>
                <c:pt idx="1669">
                  <c:v>6.19</c:v>
                </c:pt>
                <c:pt idx="1670">
                  <c:v>6.24</c:v>
                </c:pt>
                <c:pt idx="1671">
                  <c:v>6.21</c:v>
                </c:pt>
                <c:pt idx="1672">
                  <c:v>6.16</c:v>
                </c:pt>
                <c:pt idx="1673">
                  <c:v>6.31</c:v>
                </c:pt>
                <c:pt idx="1674">
                  <c:v>6.39</c:v>
                </c:pt>
                <c:pt idx="1675">
                  <c:v>6.42</c:v>
                </c:pt>
                <c:pt idx="1676">
                  <c:v>6.48</c:v>
                </c:pt>
                <c:pt idx="1677">
                  <c:v>6.53</c:v>
                </c:pt>
                <c:pt idx="1678">
                  <c:v>6.46</c:v>
                </c:pt>
                <c:pt idx="1679">
                  <c:v>6.4</c:v>
                </c:pt>
                <c:pt idx="1680">
                  <c:v>6.36</c:v>
                </c:pt>
                <c:pt idx="1681">
                  <c:v>6.41</c:v>
                </c:pt>
                <c:pt idx="1682">
                  <c:v>6.3</c:v>
                </c:pt>
                <c:pt idx="1683">
                  <c:v>6.26</c:v>
                </c:pt>
                <c:pt idx="1684">
                  <c:v>6.16</c:v>
                </c:pt>
                <c:pt idx="1685">
                  <c:v>6.29</c:v>
                </c:pt>
                <c:pt idx="1686">
                  <c:v>6.22</c:v>
                </c:pt>
                <c:pt idx="1687">
                  <c:v>6.21</c:v>
                </c:pt>
                <c:pt idx="1688">
                  <c:v>6.13</c:v>
                </c:pt>
                <c:pt idx="1689">
                  <c:v>6.04</c:v>
                </c:pt>
                <c:pt idx="1690">
                  <c:v>6.08</c:v>
                </c:pt>
                <c:pt idx="1691">
                  <c:v>6.08</c:v>
                </c:pt>
                <c:pt idx="1692">
                  <c:v>6.08</c:v>
                </c:pt>
                <c:pt idx="1693">
                  <c:v>5.97</c:v>
                </c:pt>
                <c:pt idx="1694">
                  <c:v>6.01</c:v>
                </c:pt>
                <c:pt idx="1695">
                  <c:v>6</c:v>
                </c:pt>
                <c:pt idx="1696">
                  <c:v>6.09</c:v>
                </c:pt>
                <c:pt idx="1697">
                  <c:v>6</c:v>
                </c:pt>
                <c:pt idx="1698">
                  <c:v>5.92</c:v>
                </c:pt>
                <c:pt idx="1699">
                  <c:v>5.82</c:v>
                </c:pt>
                <c:pt idx="1700">
                  <c:v>5.86</c:v>
                </c:pt>
                <c:pt idx="1701">
                  <c:v>5.98</c:v>
                </c:pt>
                <c:pt idx="1702">
                  <c:v>6.07</c:v>
                </c:pt>
                <c:pt idx="1703">
                  <c:v>6.19</c:v>
                </c:pt>
                <c:pt idx="1704">
                  <c:v>6.18</c:v>
                </c:pt>
                <c:pt idx="1705">
                  <c:v>6.32</c:v>
                </c:pt>
                <c:pt idx="1706">
                  <c:v>6.21</c:v>
                </c:pt>
                <c:pt idx="1707">
                  <c:v>6</c:v>
                </c:pt>
                <c:pt idx="1708">
                  <c:v>6</c:v>
                </c:pt>
                <c:pt idx="1709">
                  <c:v>5.96</c:v>
                </c:pt>
                <c:pt idx="1710">
                  <c:v>5.83</c:v>
                </c:pt>
                <c:pt idx="1711">
                  <c:v>6.33</c:v>
                </c:pt>
                <c:pt idx="1712">
                  <c:v>6.57</c:v>
                </c:pt>
                <c:pt idx="1713">
                  <c:v>6.48</c:v>
                </c:pt>
                <c:pt idx="1714">
                  <c:v>6.26</c:v>
                </c:pt>
                <c:pt idx="1715">
                  <c:v>6.21</c:v>
                </c:pt>
                <c:pt idx="1716">
                  <c:v>6.12</c:v>
                </c:pt>
                <c:pt idx="1717">
                  <c:v>6.12</c:v>
                </c:pt>
                <c:pt idx="1718">
                  <c:v>6.16</c:v>
                </c:pt>
                <c:pt idx="1719">
                  <c:v>6.14</c:v>
                </c:pt>
                <c:pt idx="1720">
                  <c:v>6.02</c:v>
                </c:pt>
                <c:pt idx="1721">
                  <c:v>5.88</c:v>
                </c:pt>
                <c:pt idx="1722">
                  <c:v>5.66</c:v>
                </c:pt>
                <c:pt idx="1723">
                  <c:v>5.46</c:v>
                </c:pt>
                <c:pt idx="1724">
                  <c:v>5.58</c:v>
                </c:pt>
                <c:pt idx="1725">
                  <c:v>5.44</c:v>
                </c:pt>
                <c:pt idx="1726">
                  <c:v>5.42</c:v>
                </c:pt>
                <c:pt idx="1727">
                  <c:v>5.44</c:v>
                </c:pt>
                <c:pt idx="1728">
                  <c:v>5.45</c:v>
                </c:pt>
                <c:pt idx="1729">
                  <c:v>5.4</c:v>
                </c:pt>
                <c:pt idx="1730">
                  <c:v>5.41</c:v>
                </c:pt>
                <c:pt idx="1731">
                  <c:v>5.39</c:v>
                </c:pt>
                <c:pt idx="1732">
                  <c:v>5.39</c:v>
                </c:pt>
                <c:pt idx="1733">
                  <c:v>5.45</c:v>
                </c:pt>
                <c:pt idx="1734">
                  <c:v>5.51</c:v>
                </c:pt>
                <c:pt idx="1735">
                  <c:v>5.54</c:v>
                </c:pt>
                <c:pt idx="1736">
                  <c:v>5.61</c:v>
                </c:pt>
                <c:pt idx="1737">
                  <c:v>5.69</c:v>
                </c:pt>
                <c:pt idx="1738">
                  <c:v>5.69</c:v>
                </c:pt>
                <c:pt idx="1739">
                  <c:v>5.73</c:v>
                </c:pt>
                <c:pt idx="1740">
                  <c:v>5.72</c:v>
                </c:pt>
                <c:pt idx="1741">
                  <c:v>5.65</c:v>
                </c:pt>
                <c:pt idx="1742">
                  <c:v>5.46</c:v>
                </c:pt>
                <c:pt idx="1743">
                  <c:v>5.42</c:v>
                </c:pt>
                <c:pt idx="1744">
                  <c:v>5.36</c:v>
                </c:pt>
                <c:pt idx="1745">
                  <c:v>5.38</c:v>
                </c:pt>
                <c:pt idx="1746">
                  <c:v>5.31</c:v>
                </c:pt>
                <c:pt idx="1747">
                  <c:v>5.34</c:v>
                </c:pt>
                <c:pt idx="1748">
                  <c:v>5.23</c:v>
                </c:pt>
                <c:pt idx="1749">
                  <c:v>5.17</c:v>
                </c:pt>
                <c:pt idx="1750">
                  <c:v>5.19</c:v>
                </c:pt>
                <c:pt idx="1751">
                  <c:v>5.2</c:v>
                </c:pt>
                <c:pt idx="1752">
                  <c:v>5.15</c:v>
                </c:pt>
                <c:pt idx="1753">
                  <c:v>5.18</c:v>
                </c:pt>
                <c:pt idx="1754">
                  <c:v>5.14</c:v>
                </c:pt>
                <c:pt idx="1755">
                  <c:v>5.13</c:v>
                </c:pt>
                <c:pt idx="1756">
                  <c:v>5.14</c:v>
                </c:pt>
                <c:pt idx="1757">
                  <c:v>5.04</c:v>
                </c:pt>
                <c:pt idx="1758">
                  <c:v>5.0999999999999996</c:v>
                </c:pt>
                <c:pt idx="1759">
                  <c:v>5.07</c:v>
                </c:pt>
                <c:pt idx="1760">
                  <c:v>5.0999999999999996</c:v>
                </c:pt>
                <c:pt idx="1761">
                  <c:v>5.12</c:v>
                </c:pt>
                <c:pt idx="1762">
                  <c:v>5.09</c:v>
                </c:pt>
                <c:pt idx="1763">
                  <c:v>5.09</c:v>
                </c:pt>
                <c:pt idx="1764">
                  <c:v>5.09</c:v>
                </c:pt>
                <c:pt idx="1765">
                  <c:v>5.07</c:v>
                </c:pt>
                <c:pt idx="1766">
                  <c:v>4.99</c:v>
                </c:pt>
                <c:pt idx="1767">
                  <c:v>5.0999999999999996</c:v>
                </c:pt>
                <c:pt idx="1768">
                  <c:v>5.18</c:v>
                </c:pt>
                <c:pt idx="1769">
                  <c:v>5.24</c:v>
                </c:pt>
                <c:pt idx="1770">
                  <c:v>5.26</c:v>
                </c:pt>
                <c:pt idx="1771">
                  <c:v>5.26</c:v>
                </c:pt>
                <c:pt idx="1772">
                  <c:v>5.27</c:v>
                </c:pt>
                <c:pt idx="1773">
                  <c:v>5.25</c:v>
                </c:pt>
                <c:pt idx="1774">
                  <c:v>5.24</c:v>
                </c:pt>
                <c:pt idx="1775">
                  <c:v>5.22</c:v>
                </c:pt>
                <c:pt idx="1776">
                  <c:v>5.09</c:v>
                </c:pt>
                <c:pt idx="1777">
                  <c:v>5.0999999999999996</c:v>
                </c:pt>
                <c:pt idx="1778">
                  <c:v>5.16</c:v>
                </c:pt>
                <c:pt idx="1779">
                  <c:v>5.18</c:v>
                </c:pt>
                <c:pt idx="1780">
                  <c:v>5.14</c:v>
                </c:pt>
                <c:pt idx="1781">
                  <c:v>5.09</c:v>
                </c:pt>
                <c:pt idx="1782">
                  <c:v>4.97</c:v>
                </c:pt>
                <c:pt idx="1783">
                  <c:v>4.93</c:v>
                </c:pt>
                <c:pt idx="1784">
                  <c:v>4.8499999999999996</c:v>
                </c:pt>
                <c:pt idx="1785">
                  <c:v>4.78</c:v>
                </c:pt>
                <c:pt idx="1786">
                  <c:v>4.75</c:v>
                </c:pt>
                <c:pt idx="1787">
                  <c:v>4.76</c:v>
                </c:pt>
                <c:pt idx="1788">
                  <c:v>4.76</c:v>
                </c:pt>
                <c:pt idx="1789">
                  <c:v>4.75</c:v>
                </c:pt>
                <c:pt idx="1790">
                  <c:v>4.75</c:v>
                </c:pt>
                <c:pt idx="1791">
                  <c:v>4.82</c:v>
                </c:pt>
                <c:pt idx="1792">
                  <c:v>4.72</c:v>
                </c:pt>
                <c:pt idx="1793">
                  <c:v>4.76</c:v>
                </c:pt>
                <c:pt idx="1794">
                  <c:v>4.72</c:v>
                </c:pt>
                <c:pt idx="1795">
                  <c:v>4.66</c:v>
                </c:pt>
                <c:pt idx="1796">
                  <c:v>4.62</c:v>
                </c:pt>
                <c:pt idx="1797">
                  <c:v>4.62</c:v>
                </c:pt>
                <c:pt idx="1798">
                  <c:v>4.5999999999999996</c:v>
                </c:pt>
                <c:pt idx="1799">
                  <c:v>4.5999999999999996</c:v>
                </c:pt>
                <c:pt idx="1800">
                  <c:v>4.66</c:v>
                </c:pt>
                <c:pt idx="1801">
                  <c:v>4.6900000000000004</c:v>
                </c:pt>
                <c:pt idx="1802">
                  <c:v>4.76</c:v>
                </c:pt>
                <c:pt idx="1803">
                  <c:v>4.91</c:v>
                </c:pt>
                <c:pt idx="1804">
                  <c:v>5.05</c:v>
                </c:pt>
                <c:pt idx="1805">
                  <c:v>5.15</c:v>
                </c:pt>
                <c:pt idx="1806">
                  <c:v>5.15</c:v>
                </c:pt>
                <c:pt idx="1807">
                  <c:v>5.2</c:v>
                </c:pt>
                <c:pt idx="1808">
                  <c:v>5.01</c:v>
                </c:pt>
                <c:pt idx="1809">
                  <c:v>4.9800000000000004</c:v>
                </c:pt>
                <c:pt idx="1810">
                  <c:v>4.9400000000000004</c:v>
                </c:pt>
                <c:pt idx="1811">
                  <c:v>4.97</c:v>
                </c:pt>
                <c:pt idx="1812">
                  <c:v>4.97</c:v>
                </c:pt>
                <c:pt idx="1813">
                  <c:v>5.1100000000000003</c:v>
                </c:pt>
                <c:pt idx="1814">
                  <c:v>4.9400000000000004</c:v>
                </c:pt>
                <c:pt idx="1815">
                  <c:v>4.9400000000000004</c:v>
                </c:pt>
                <c:pt idx="1816">
                  <c:v>4.8499999999999996</c:v>
                </c:pt>
                <c:pt idx="1817">
                  <c:v>4.84</c:v>
                </c:pt>
                <c:pt idx="1818">
                  <c:v>4.78</c:v>
                </c:pt>
                <c:pt idx="1819">
                  <c:v>4.7</c:v>
                </c:pt>
                <c:pt idx="1820">
                  <c:v>4.66</c:v>
                </c:pt>
                <c:pt idx="1821">
                  <c:v>4.66</c:v>
                </c:pt>
                <c:pt idx="1822">
                  <c:v>4.6399999999999997</c:v>
                </c:pt>
                <c:pt idx="1823">
                  <c:v>4.66</c:v>
                </c:pt>
                <c:pt idx="1824">
                  <c:v>4.6900000000000004</c:v>
                </c:pt>
                <c:pt idx="1825">
                  <c:v>4.67</c:v>
                </c:pt>
                <c:pt idx="1826">
                  <c:v>4.62</c:v>
                </c:pt>
                <c:pt idx="1827">
                  <c:v>4.6399999999999997</c:v>
                </c:pt>
                <c:pt idx="1828">
                  <c:v>4.58</c:v>
                </c:pt>
                <c:pt idx="1829">
                  <c:v>4.5</c:v>
                </c:pt>
                <c:pt idx="1830">
                  <c:v>4.42</c:v>
                </c:pt>
                <c:pt idx="1831">
                  <c:v>4.38</c:v>
                </c:pt>
                <c:pt idx="1832">
                  <c:v>4.28</c:v>
                </c:pt>
                <c:pt idx="1833">
                  <c:v>4.25</c:v>
                </c:pt>
                <c:pt idx="1834">
                  <c:v>4.2</c:v>
                </c:pt>
                <c:pt idx="1835">
                  <c:v>4.12</c:v>
                </c:pt>
                <c:pt idx="1836">
                  <c:v>4.2</c:v>
                </c:pt>
                <c:pt idx="1837">
                  <c:v>4.21</c:v>
                </c:pt>
                <c:pt idx="1838">
                  <c:v>4.2300000000000004</c:v>
                </c:pt>
                <c:pt idx="1839">
                  <c:v>4.2</c:v>
                </c:pt>
                <c:pt idx="1840">
                  <c:v>4.1900000000000004</c:v>
                </c:pt>
                <c:pt idx="1841">
                  <c:v>4.17</c:v>
                </c:pt>
                <c:pt idx="1842">
                  <c:v>4.16</c:v>
                </c:pt>
                <c:pt idx="1844">
                  <c:v>4.1100000000000003</c:v>
                </c:pt>
                <c:pt idx="1845">
                  <c:v>4.1500000000000004</c:v>
                </c:pt>
                <c:pt idx="1846">
                  <c:v>4.18</c:v>
                </c:pt>
                <c:pt idx="1847">
                  <c:v>4.21</c:v>
                </c:pt>
                <c:pt idx="1848">
                  <c:v>4.22</c:v>
                </c:pt>
                <c:pt idx="1850">
                  <c:v>4.13</c:v>
                </c:pt>
                <c:pt idx="1851">
                  <c:v>4.0199999999999996</c:v>
                </c:pt>
                <c:pt idx="1852">
                  <c:v>4.04</c:v>
                </c:pt>
                <c:pt idx="1853">
                  <c:v>3.98</c:v>
                </c:pt>
                <c:pt idx="1854">
                  <c:v>4.0199999999999996</c:v>
                </c:pt>
                <c:pt idx="1855">
                  <c:v>4</c:v>
                </c:pt>
                <c:pt idx="1856">
                  <c:v>4.03</c:v>
                </c:pt>
                <c:pt idx="1857">
                  <c:v>4.05</c:v>
                </c:pt>
                <c:pt idx="1858">
                  <c:v>4.0199999999999996</c:v>
                </c:pt>
                <c:pt idx="1859">
                  <c:v>4</c:v>
                </c:pt>
                <c:pt idx="1860">
                  <c:v>4.0599999999999996</c:v>
                </c:pt>
                <c:pt idx="1861">
                  <c:v>4.01</c:v>
                </c:pt>
                <c:pt idx="1862">
                  <c:v>3.99</c:v>
                </c:pt>
                <c:pt idx="1863">
                  <c:v>4.0199999999999996</c:v>
                </c:pt>
                <c:pt idx="1864">
                  <c:v>4.0999999999999996</c:v>
                </c:pt>
                <c:pt idx="1865">
                  <c:v>4.0199999999999996</c:v>
                </c:pt>
                <c:pt idx="1866">
                  <c:v>3.93</c:v>
                </c:pt>
                <c:pt idx="1867">
                  <c:v>3.93</c:v>
                </c:pt>
                <c:pt idx="1868">
                  <c:v>3.93</c:v>
                </c:pt>
                <c:pt idx="1869">
                  <c:v>3.96</c:v>
                </c:pt>
                <c:pt idx="1870">
                  <c:v>4</c:v>
                </c:pt>
                <c:pt idx="1871">
                  <c:v>3.95</c:v>
                </c:pt>
                <c:pt idx="1872">
                  <c:v>3.93</c:v>
                </c:pt>
                <c:pt idx="1873">
                  <c:v>3.86</c:v>
                </c:pt>
                <c:pt idx="1874">
                  <c:v>3.91</c:v>
                </c:pt>
                <c:pt idx="1875">
                  <c:v>3.93</c:v>
                </c:pt>
                <c:pt idx="1876">
                  <c:v>3.98</c:v>
                </c:pt>
                <c:pt idx="1877">
                  <c:v>3.93</c:v>
                </c:pt>
                <c:pt idx="1878">
                  <c:v>3.9</c:v>
                </c:pt>
                <c:pt idx="1879">
                  <c:v>3.86</c:v>
                </c:pt>
                <c:pt idx="1880">
                  <c:v>3.8</c:v>
                </c:pt>
                <c:pt idx="1881">
                  <c:v>3.77</c:v>
                </c:pt>
                <c:pt idx="1882">
                  <c:v>3.83</c:v>
                </c:pt>
                <c:pt idx="1883">
                  <c:v>3.86</c:v>
                </c:pt>
                <c:pt idx="1884">
                  <c:v>3.86</c:v>
                </c:pt>
                <c:pt idx="1885">
                  <c:v>3.81</c:v>
                </c:pt>
                <c:pt idx="1886">
                  <c:v>3.78</c:v>
                </c:pt>
                <c:pt idx="1887">
                  <c:v>3.77</c:v>
                </c:pt>
                <c:pt idx="1888">
                  <c:v>3.84</c:v>
                </c:pt>
                <c:pt idx="1889">
                  <c:v>3.75</c:v>
                </c:pt>
                <c:pt idx="1890">
                  <c:v>3.74</c:v>
                </c:pt>
                <c:pt idx="1891">
                  <c:v>3.57</c:v>
                </c:pt>
                <c:pt idx="1892">
                  <c:v>3.55</c:v>
                </c:pt>
                <c:pt idx="1893">
                  <c:v>3.6</c:v>
                </c:pt>
                <c:pt idx="1894">
                  <c:v>3.66</c:v>
                </c:pt>
                <c:pt idx="1895">
                  <c:v>3.73</c:v>
                </c:pt>
                <c:pt idx="1896">
                  <c:v>3.79</c:v>
                </c:pt>
                <c:pt idx="1897">
                  <c:v>3.88</c:v>
                </c:pt>
                <c:pt idx="1898">
                  <c:v>3.89</c:v>
                </c:pt>
                <c:pt idx="1899">
                  <c:v>3.94</c:v>
                </c:pt>
                <c:pt idx="1900">
                  <c:v>4.05</c:v>
                </c:pt>
                <c:pt idx="1901">
                  <c:v>4.0199999999999996</c:v>
                </c:pt>
                <c:pt idx="1902">
                  <c:v>3.88</c:v>
                </c:pt>
                <c:pt idx="1903">
                  <c:v>3.91</c:v>
                </c:pt>
                <c:pt idx="1904">
                  <c:v>3.97</c:v>
                </c:pt>
                <c:pt idx="1905">
                  <c:v>4.04</c:v>
                </c:pt>
                <c:pt idx="1906">
                  <c:v>4.16</c:v>
                </c:pt>
                <c:pt idx="1907">
                  <c:v>4.1100000000000003</c:v>
                </c:pt>
                <c:pt idx="1908">
                  <c:v>4.07</c:v>
                </c:pt>
                <c:pt idx="1909">
                  <c:v>4.12</c:v>
                </c:pt>
                <c:pt idx="1910">
                  <c:v>4.01</c:v>
                </c:pt>
                <c:pt idx="1911">
                  <c:v>3.94</c:v>
                </c:pt>
                <c:pt idx="1912">
                  <c:v>3.85</c:v>
                </c:pt>
                <c:pt idx="1913">
                  <c:v>3.92</c:v>
                </c:pt>
                <c:pt idx="1914">
                  <c:v>3.98</c:v>
                </c:pt>
                <c:pt idx="1915">
                  <c:v>3.98</c:v>
                </c:pt>
                <c:pt idx="1916">
                  <c:v>3.91</c:v>
                </c:pt>
                <c:pt idx="1917">
                  <c:v>3.93</c:v>
                </c:pt>
                <c:pt idx="1918">
                  <c:v>3.86</c:v>
                </c:pt>
                <c:pt idx="1919">
                  <c:v>3.86</c:v>
                </c:pt>
                <c:pt idx="1920">
                  <c:v>3.94</c:v>
                </c:pt>
                <c:pt idx="1921">
                  <c:v>3.96</c:v>
                </c:pt>
                <c:pt idx="1922">
                  <c:v>4.03</c:v>
                </c:pt>
                <c:pt idx="1924">
                  <c:v>4</c:v>
                </c:pt>
                <c:pt idx="1925">
                  <c:v>4.07</c:v>
                </c:pt>
                <c:pt idx="1926">
                  <c:v>4.01</c:v>
                </c:pt>
                <c:pt idx="1927">
                  <c:v>3.98</c:v>
                </c:pt>
                <c:pt idx="1928">
                  <c:v>3.97</c:v>
                </c:pt>
                <c:pt idx="1929">
                  <c:v>3.86</c:v>
                </c:pt>
                <c:pt idx="1930">
                  <c:v>3.78</c:v>
                </c:pt>
                <c:pt idx="1931">
                  <c:v>3.76</c:v>
                </c:pt>
                <c:pt idx="1932">
                  <c:v>3.78</c:v>
                </c:pt>
                <c:pt idx="1933">
                  <c:v>3.75</c:v>
                </c:pt>
                <c:pt idx="1934">
                  <c:v>3.81</c:v>
                </c:pt>
                <c:pt idx="1935">
                  <c:v>3.78</c:v>
                </c:pt>
                <c:pt idx="1936">
                  <c:v>3.79</c:v>
                </c:pt>
                <c:pt idx="1937">
                  <c:v>3.76</c:v>
                </c:pt>
                <c:pt idx="1938">
                  <c:v>3.8</c:v>
                </c:pt>
                <c:pt idx="1939">
                  <c:v>3.82</c:v>
                </c:pt>
                <c:pt idx="1940">
                  <c:v>3.8</c:v>
                </c:pt>
                <c:pt idx="1941">
                  <c:v>3.74</c:v>
                </c:pt>
                <c:pt idx="1942">
                  <c:v>3.72</c:v>
                </c:pt>
                <c:pt idx="1943">
                  <c:v>3.72</c:v>
                </c:pt>
                <c:pt idx="1944">
                  <c:v>3.77</c:v>
                </c:pt>
                <c:pt idx="1945">
                  <c:v>3.72</c:v>
                </c:pt>
                <c:pt idx="1946">
                  <c:v>3.71</c:v>
                </c:pt>
                <c:pt idx="1947">
                  <c:v>3.84</c:v>
                </c:pt>
                <c:pt idx="1948">
                  <c:v>3.85</c:v>
                </c:pt>
                <c:pt idx="1949">
                  <c:v>3.78</c:v>
                </c:pt>
                <c:pt idx="1950">
                  <c:v>3.72</c:v>
                </c:pt>
                <c:pt idx="1951">
                  <c:v>3.67</c:v>
                </c:pt>
                <c:pt idx="1952">
                  <c:v>3.68</c:v>
                </c:pt>
                <c:pt idx="1953">
                  <c:v>3.67</c:v>
                </c:pt>
                <c:pt idx="1954">
                  <c:v>3.67</c:v>
                </c:pt>
                <c:pt idx="1955">
                  <c:v>3.67</c:v>
                </c:pt>
                <c:pt idx="1956">
                  <c:v>3.68</c:v>
                </c:pt>
                <c:pt idx="1957">
                  <c:v>3.74</c:v>
                </c:pt>
                <c:pt idx="1958">
                  <c:v>3.69</c:v>
                </c:pt>
                <c:pt idx="1959">
                  <c:v>3.69</c:v>
                </c:pt>
                <c:pt idx="1960">
                  <c:v>3.68</c:v>
                </c:pt>
                <c:pt idx="1961">
                  <c:v>3.72</c:v>
                </c:pt>
                <c:pt idx="1962">
                  <c:v>3.73</c:v>
                </c:pt>
                <c:pt idx="1963">
                  <c:v>3.76</c:v>
                </c:pt>
                <c:pt idx="1964">
                  <c:v>3.73</c:v>
                </c:pt>
                <c:pt idx="1965">
                  <c:v>3.71</c:v>
                </c:pt>
                <c:pt idx="1966">
                  <c:v>3.68</c:v>
                </c:pt>
                <c:pt idx="1967">
                  <c:v>3.7</c:v>
                </c:pt>
                <c:pt idx="1968">
                  <c:v>3.72</c:v>
                </c:pt>
                <c:pt idx="1969">
                  <c:v>3.76</c:v>
                </c:pt>
                <c:pt idx="1970">
                  <c:v>3.7</c:v>
                </c:pt>
                <c:pt idx="1971">
                  <c:v>3.77</c:v>
                </c:pt>
                <c:pt idx="1972">
                  <c:v>3.85</c:v>
                </c:pt>
                <c:pt idx="1973">
                  <c:v>3.87</c:v>
                </c:pt>
                <c:pt idx="1974">
                  <c:v>3.86</c:v>
                </c:pt>
                <c:pt idx="1975">
                  <c:v>3.83</c:v>
                </c:pt>
                <c:pt idx="1976">
                  <c:v>3.77</c:v>
                </c:pt>
                <c:pt idx="1977">
                  <c:v>3.77</c:v>
                </c:pt>
                <c:pt idx="1978">
                  <c:v>3.76</c:v>
                </c:pt>
                <c:pt idx="1979">
                  <c:v>3.77</c:v>
                </c:pt>
                <c:pt idx="1980">
                  <c:v>3.72</c:v>
                </c:pt>
                <c:pt idx="1981">
                  <c:v>3.72</c:v>
                </c:pt>
                <c:pt idx="1982">
                  <c:v>3.73</c:v>
                </c:pt>
                <c:pt idx="1983">
                  <c:v>3.78</c:v>
                </c:pt>
                <c:pt idx="1984">
                  <c:v>3.83</c:v>
                </c:pt>
                <c:pt idx="1985">
                  <c:v>3.83</c:v>
                </c:pt>
                <c:pt idx="1986">
                  <c:v>3.85</c:v>
                </c:pt>
                <c:pt idx="1987">
                  <c:v>3.81</c:v>
                </c:pt>
                <c:pt idx="1988">
                  <c:v>3.77</c:v>
                </c:pt>
                <c:pt idx="1989">
                  <c:v>3.73</c:v>
                </c:pt>
                <c:pt idx="1990">
                  <c:v>3.69</c:v>
                </c:pt>
                <c:pt idx="1991">
                  <c:v>3.69</c:v>
                </c:pt>
                <c:pt idx="1992">
                  <c:v>3.64</c:v>
                </c:pt>
                <c:pt idx="1993">
                  <c:v>3.61</c:v>
                </c:pt>
                <c:pt idx="1994">
                  <c:v>3.64</c:v>
                </c:pt>
                <c:pt idx="1995">
                  <c:v>3.63</c:v>
                </c:pt>
                <c:pt idx="1996">
                  <c:v>3.55</c:v>
                </c:pt>
                <c:pt idx="1997">
                  <c:v>3.56</c:v>
                </c:pt>
                <c:pt idx="1998">
                  <c:v>3.55</c:v>
                </c:pt>
                <c:pt idx="1999">
                  <c:v>3.59</c:v>
                </c:pt>
                <c:pt idx="2000">
                  <c:v>3.61</c:v>
                </c:pt>
                <c:pt idx="2001">
                  <c:v>3.6</c:v>
                </c:pt>
                <c:pt idx="2002">
                  <c:v>3.59</c:v>
                </c:pt>
                <c:pt idx="2003">
                  <c:v>3.63</c:v>
                </c:pt>
                <c:pt idx="2004">
                  <c:v>3.63</c:v>
                </c:pt>
                <c:pt idx="2005">
                  <c:v>3.64</c:v>
                </c:pt>
                <c:pt idx="2006">
                  <c:v>3.64</c:v>
                </c:pt>
                <c:pt idx="2007">
                  <c:v>3.81</c:v>
                </c:pt>
                <c:pt idx="2008">
                  <c:v>3.92</c:v>
                </c:pt>
                <c:pt idx="2009">
                  <c:v>4</c:v>
                </c:pt>
                <c:pt idx="2010">
                  <c:v>3.89</c:v>
                </c:pt>
                <c:pt idx="2011">
                  <c:v>3.87</c:v>
                </c:pt>
                <c:pt idx="2012">
                  <c:v>3.88</c:v>
                </c:pt>
                <c:pt idx="2013">
                  <c:v>3.93</c:v>
                </c:pt>
                <c:pt idx="2014">
                  <c:v>3.98</c:v>
                </c:pt>
                <c:pt idx="2015">
                  <c:v>4</c:v>
                </c:pt>
                <c:pt idx="2016">
                  <c:v>3.93</c:v>
                </c:pt>
                <c:pt idx="2017">
                  <c:v>3.95</c:v>
                </c:pt>
                <c:pt idx="2018">
                  <c:v>3.91</c:v>
                </c:pt>
                <c:pt idx="2019">
                  <c:v>3.89</c:v>
                </c:pt>
                <c:pt idx="2020">
                  <c:v>3.88</c:v>
                </c:pt>
                <c:pt idx="2021">
                  <c:v>3.9</c:v>
                </c:pt>
                <c:pt idx="2022">
                  <c:v>3.86</c:v>
                </c:pt>
                <c:pt idx="2023">
                  <c:v>3.85</c:v>
                </c:pt>
                <c:pt idx="2024">
                  <c:v>3.82</c:v>
                </c:pt>
                <c:pt idx="2025">
                  <c:v>3.82</c:v>
                </c:pt>
                <c:pt idx="2026">
                  <c:v>3.91</c:v>
                </c:pt>
                <c:pt idx="2027">
                  <c:v>3.84</c:v>
                </c:pt>
                <c:pt idx="2028">
                  <c:v>3.88</c:v>
                </c:pt>
                <c:pt idx="2029">
                  <c:v>3.92</c:v>
                </c:pt>
                <c:pt idx="2030">
                  <c:v>3.85</c:v>
                </c:pt>
                <c:pt idx="2031">
                  <c:v>3.81</c:v>
                </c:pt>
                <c:pt idx="2032">
                  <c:v>3.78</c:v>
                </c:pt>
                <c:pt idx="2033">
                  <c:v>3.74</c:v>
                </c:pt>
                <c:pt idx="2034">
                  <c:v>3.73</c:v>
                </c:pt>
                <c:pt idx="2035">
                  <c:v>3.68</c:v>
                </c:pt>
                <c:pt idx="2036">
                  <c:v>3.66</c:v>
                </c:pt>
                <c:pt idx="2037">
                  <c:v>3.6</c:v>
                </c:pt>
                <c:pt idx="2038">
                  <c:v>3.62</c:v>
                </c:pt>
                <c:pt idx="2039">
                  <c:v>3.64</c:v>
                </c:pt>
                <c:pt idx="2040">
                  <c:v>3.66</c:v>
                </c:pt>
                <c:pt idx="2041">
                  <c:v>3.62</c:v>
                </c:pt>
                <c:pt idx="2042">
                  <c:v>3.57</c:v>
                </c:pt>
                <c:pt idx="2043">
                  <c:v>3.57</c:v>
                </c:pt>
                <c:pt idx="2044">
                  <c:v>3.54</c:v>
                </c:pt>
                <c:pt idx="2045">
                  <c:v>3.56</c:v>
                </c:pt>
                <c:pt idx="2046">
                  <c:v>3.55</c:v>
                </c:pt>
                <c:pt idx="2047">
                  <c:v>3.55</c:v>
                </c:pt>
                <c:pt idx="2048">
                  <c:v>3.54</c:v>
                </c:pt>
                <c:pt idx="2049">
                  <c:v>3.52</c:v>
                </c:pt>
                <c:pt idx="2050">
                  <c:v>3.52</c:v>
                </c:pt>
                <c:pt idx="2051">
                  <c:v>3.51</c:v>
                </c:pt>
                <c:pt idx="2052">
                  <c:v>3.52</c:v>
                </c:pt>
                <c:pt idx="2053">
                  <c:v>3.52</c:v>
                </c:pt>
                <c:pt idx="2054">
                  <c:v>3.56</c:v>
                </c:pt>
                <c:pt idx="2055">
                  <c:v>3.6</c:v>
                </c:pt>
                <c:pt idx="2056">
                  <c:v>3.53</c:v>
                </c:pt>
                <c:pt idx="2057">
                  <c:v>3.5</c:v>
                </c:pt>
                <c:pt idx="2058">
                  <c:v>3.46</c:v>
                </c:pt>
                <c:pt idx="2059">
                  <c:v>3.48</c:v>
                </c:pt>
                <c:pt idx="2060">
                  <c:v>3.42</c:v>
                </c:pt>
                <c:pt idx="2061">
                  <c:v>3.4</c:v>
                </c:pt>
                <c:pt idx="2062">
                  <c:v>3.38</c:v>
                </c:pt>
                <c:pt idx="2063">
                  <c:v>3.42</c:v>
                </c:pt>
                <c:pt idx="2064">
                  <c:v>3.41</c:v>
                </c:pt>
                <c:pt idx="2065">
                  <c:v>3.44</c:v>
                </c:pt>
                <c:pt idx="2066">
                  <c:v>3.49</c:v>
                </c:pt>
                <c:pt idx="2067">
                  <c:v>3.51</c:v>
                </c:pt>
                <c:pt idx="2068">
                  <c:v>3.48</c:v>
                </c:pt>
                <c:pt idx="2069">
                  <c:v>3.52</c:v>
                </c:pt>
                <c:pt idx="2070">
                  <c:v>3.52</c:v>
                </c:pt>
                <c:pt idx="2071">
                  <c:v>3.55</c:v>
                </c:pt>
                <c:pt idx="2072">
                  <c:v>3.57</c:v>
                </c:pt>
                <c:pt idx="2073">
                  <c:v>3.67</c:v>
                </c:pt>
                <c:pt idx="2074">
                  <c:v>3.79</c:v>
                </c:pt>
                <c:pt idx="2075">
                  <c:v>3.76</c:v>
                </c:pt>
                <c:pt idx="2076">
                  <c:v>3.77</c:v>
                </c:pt>
                <c:pt idx="2077">
                  <c:v>3.84</c:v>
                </c:pt>
                <c:pt idx="2078">
                  <c:v>3.97</c:v>
                </c:pt>
                <c:pt idx="2079">
                  <c:v>3.79</c:v>
                </c:pt>
                <c:pt idx="2080">
                  <c:v>3.76</c:v>
                </c:pt>
                <c:pt idx="2081">
                  <c:v>3.7</c:v>
                </c:pt>
                <c:pt idx="2082">
                  <c:v>3.66</c:v>
                </c:pt>
                <c:pt idx="2083">
                  <c:v>3.7</c:v>
                </c:pt>
                <c:pt idx="2084">
                  <c:v>3.7</c:v>
                </c:pt>
                <c:pt idx="2085">
                  <c:v>3.67</c:v>
                </c:pt>
                <c:pt idx="2086">
                  <c:v>3.66</c:v>
                </c:pt>
                <c:pt idx="2087">
                  <c:v>3.67</c:v>
                </c:pt>
                <c:pt idx="2088">
                  <c:v>3.64</c:v>
                </c:pt>
                <c:pt idx="2089">
                  <c:v>3.61</c:v>
                </c:pt>
                <c:pt idx="2090">
                  <c:v>3.63</c:v>
                </c:pt>
                <c:pt idx="2091">
                  <c:v>3.58</c:v>
                </c:pt>
                <c:pt idx="2092">
                  <c:v>3.57</c:v>
                </c:pt>
                <c:pt idx="2093">
                  <c:v>3.63</c:v>
                </c:pt>
                <c:pt idx="2094">
                  <c:v>3.63</c:v>
                </c:pt>
                <c:pt idx="2095">
                  <c:v>3.63</c:v>
                </c:pt>
                <c:pt idx="2096">
                  <c:v>3.61</c:v>
                </c:pt>
                <c:pt idx="2097">
                  <c:v>3.58</c:v>
                </c:pt>
                <c:pt idx="2098">
                  <c:v>3.64</c:v>
                </c:pt>
                <c:pt idx="2099">
                  <c:v>3.63</c:v>
                </c:pt>
                <c:pt idx="2100">
                  <c:v>3.64</c:v>
                </c:pt>
                <c:pt idx="2101">
                  <c:v>3.64</c:v>
                </c:pt>
                <c:pt idx="2102">
                  <c:v>3.6</c:v>
                </c:pt>
                <c:pt idx="2103">
                  <c:v>3.58</c:v>
                </c:pt>
                <c:pt idx="2104">
                  <c:v>3.57</c:v>
                </c:pt>
                <c:pt idx="2105">
                  <c:v>3.56</c:v>
                </c:pt>
                <c:pt idx="2107">
                  <c:v>3.57</c:v>
                </c:pt>
                <c:pt idx="2108">
                  <c:v>3.59</c:v>
                </c:pt>
                <c:pt idx="2109">
                  <c:v>3.55</c:v>
                </c:pt>
                <c:pt idx="2110">
                  <c:v>3.58</c:v>
                </c:pt>
                <c:pt idx="2111">
                  <c:v>3.63</c:v>
                </c:pt>
                <c:pt idx="2113">
                  <c:v>3.55</c:v>
                </c:pt>
                <c:pt idx="2114">
                  <c:v>3.48</c:v>
                </c:pt>
                <c:pt idx="2115">
                  <c:v>3.4</c:v>
                </c:pt>
                <c:pt idx="2116">
                  <c:v>3.36</c:v>
                </c:pt>
                <c:pt idx="2117">
                  <c:v>3.35</c:v>
                </c:pt>
                <c:pt idx="2118">
                  <c:v>3.33</c:v>
                </c:pt>
                <c:pt idx="2119">
                  <c:v>3.42</c:v>
                </c:pt>
                <c:pt idx="2120">
                  <c:v>3.4</c:v>
                </c:pt>
                <c:pt idx="2121">
                  <c:v>3.37</c:v>
                </c:pt>
                <c:pt idx="2122">
                  <c:v>3.35</c:v>
                </c:pt>
                <c:pt idx="2123">
                  <c:v>3.34</c:v>
                </c:pt>
                <c:pt idx="2124">
                  <c:v>3.34</c:v>
                </c:pt>
                <c:pt idx="2125">
                  <c:v>3.35</c:v>
                </c:pt>
                <c:pt idx="2126">
                  <c:v>3.35</c:v>
                </c:pt>
                <c:pt idx="2127">
                  <c:v>3.32</c:v>
                </c:pt>
                <c:pt idx="2128">
                  <c:v>3.31</c:v>
                </c:pt>
                <c:pt idx="2129">
                  <c:v>3.28</c:v>
                </c:pt>
                <c:pt idx="2130">
                  <c:v>3.28</c:v>
                </c:pt>
                <c:pt idx="2131">
                  <c:v>3.23</c:v>
                </c:pt>
                <c:pt idx="2132">
                  <c:v>3.26</c:v>
                </c:pt>
                <c:pt idx="2133">
                  <c:v>3.33</c:v>
                </c:pt>
                <c:pt idx="2134">
                  <c:v>3.29</c:v>
                </c:pt>
                <c:pt idx="2135">
                  <c:v>3.29</c:v>
                </c:pt>
                <c:pt idx="2136">
                  <c:v>3.36</c:v>
                </c:pt>
                <c:pt idx="2137">
                  <c:v>3.48</c:v>
                </c:pt>
                <c:pt idx="2138">
                  <c:v>3.6</c:v>
                </c:pt>
                <c:pt idx="2139">
                  <c:v>3.46</c:v>
                </c:pt>
                <c:pt idx="2140">
                  <c:v>3.59</c:v>
                </c:pt>
                <c:pt idx="2141">
                  <c:v>3.82</c:v>
                </c:pt>
                <c:pt idx="2142">
                  <c:v>3.71</c:v>
                </c:pt>
                <c:pt idx="2143">
                  <c:v>3.78</c:v>
                </c:pt>
                <c:pt idx="2144">
                  <c:v>3.69</c:v>
                </c:pt>
                <c:pt idx="2145">
                  <c:v>3.57</c:v>
                </c:pt>
                <c:pt idx="2146">
                  <c:v>3.5</c:v>
                </c:pt>
                <c:pt idx="2147">
                  <c:v>3.5</c:v>
                </c:pt>
                <c:pt idx="2148">
                  <c:v>3.48</c:v>
                </c:pt>
                <c:pt idx="2149">
                  <c:v>3.46</c:v>
                </c:pt>
                <c:pt idx="2150">
                  <c:v>3.53</c:v>
                </c:pt>
                <c:pt idx="2151">
                  <c:v>3.58</c:v>
                </c:pt>
                <c:pt idx="2152">
                  <c:v>3.5</c:v>
                </c:pt>
                <c:pt idx="2153">
                  <c:v>3.47</c:v>
                </c:pt>
                <c:pt idx="2154">
                  <c:v>3.47</c:v>
                </c:pt>
                <c:pt idx="2155">
                  <c:v>3.59</c:v>
                </c:pt>
                <c:pt idx="2156">
                  <c:v>3.65</c:v>
                </c:pt>
                <c:pt idx="2157">
                  <c:v>3.59</c:v>
                </c:pt>
                <c:pt idx="2158">
                  <c:v>3.53</c:v>
                </c:pt>
                <c:pt idx="2159">
                  <c:v>3.56</c:v>
                </c:pt>
                <c:pt idx="2160">
                  <c:v>3.56</c:v>
                </c:pt>
                <c:pt idx="2161">
                  <c:v>3.53</c:v>
                </c:pt>
                <c:pt idx="2162">
                  <c:v>3.55</c:v>
                </c:pt>
                <c:pt idx="2163">
                  <c:v>3.58</c:v>
                </c:pt>
                <c:pt idx="2164">
                  <c:v>3.62</c:v>
                </c:pt>
                <c:pt idx="2165">
                  <c:v>3.62</c:v>
                </c:pt>
                <c:pt idx="2166">
                  <c:v>3.6</c:v>
                </c:pt>
                <c:pt idx="2167">
                  <c:v>3.65</c:v>
                </c:pt>
                <c:pt idx="2168">
                  <c:v>3.62</c:v>
                </c:pt>
                <c:pt idx="2169">
                  <c:v>3.6</c:v>
                </c:pt>
                <c:pt idx="2170">
                  <c:v>3.7</c:v>
                </c:pt>
                <c:pt idx="2171">
                  <c:v>3.74</c:v>
                </c:pt>
                <c:pt idx="2172">
                  <c:v>3.73</c:v>
                </c:pt>
                <c:pt idx="2173">
                  <c:v>3.75</c:v>
                </c:pt>
                <c:pt idx="2174">
                  <c:v>3.77</c:v>
                </c:pt>
                <c:pt idx="2175">
                  <c:v>3.79</c:v>
                </c:pt>
                <c:pt idx="2177">
                  <c:v>3.72</c:v>
                </c:pt>
                <c:pt idx="2178">
                  <c:v>3.77</c:v>
                </c:pt>
                <c:pt idx="2179">
                  <c:v>3.71</c:v>
                </c:pt>
                <c:pt idx="2180">
                  <c:v>3.71</c:v>
                </c:pt>
                <c:pt idx="2181">
                  <c:v>3.59</c:v>
                </c:pt>
                <c:pt idx="2182">
                  <c:v>3.64</c:v>
                </c:pt>
                <c:pt idx="2183">
                  <c:v>3.61</c:v>
                </c:pt>
                <c:pt idx="2184">
                  <c:v>3.52</c:v>
                </c:pt>
                <c:pt idx="2185">
                  <c:v>3.5</c:v>
                </c:pt>
                <c:pt idx="2186">
                  <c:v>3.42</c:v>
                </c:pt>
                <c:pt idx="2187">
                  <c:v>3.38</c:v>
                </c:pt>
                <c:pt idx="2188">
                  <c:v>3.33</c:v>
                </c:pt>
                <c:pt idx="2189">
                  <c:v>3.29</c:v>
                </c:pt>
                <c:pt idx="2190">
                  <c:v>3.24</c:v>
                </c:pt>
                <c:pt idx="2191">
                  <c:v>3.33</c:v>
                </c:pt>
                <c:pt idx="2192">
                  <c:v>3.33</c:v>
                </c:pt>
                <c:pt idx="2193">
                  <c:v>3.36</c:v>
                </c:pt>
                <c:pt idx="2194">
                  <c:v>3.41</c:v>
                </c:pt>
                <c:pt idx="2195">
                  <c:v>3.47</c:v>
                </c:pt>
                <c:pt idx="2196">
                  <c:v>3.43</c:v>
                </c:pt>
                <c:pt idx="2197">
                  <c:v>3.44</c:v>
                </c:pt>
                <c:pt idx="2198">
                  <c:v>3.46</c:v>
                </c:pt>
                <c:pt idx="2199">
                  <c:v>3.47</c:v>
                </c:pt>
                <c:pt idx="2200">
                  <c:v>3.45</c:v>
                </c:pt>
                <c:pt idx="2201">
                  <c:v>3.5</c:v>
                </c:pt>
                <c:pt idx="2202">
                  <c:v>3.49</c:v>
                </c:pt>
                <c:pt idx="2203">
                  <c:v>3.46</c:v>
                </c:pt>
                <c:pt idx="2204">
                  <c:v>3.46</c:v>
                </c:pt>
                <c:pt idx="2205">
                  <c:v>3.43</c:v>
                </c:pt>
                <c:pt idx="2206">
                  <c:v>3.41</c:v>
                </c:pt>
                <c:pt idx="2207">
                  <c:v>3.4</c:v>
                </c:pt>
                <c:pt idx="2208">
                  <c:v>3.37</c:v>
                </c:pt>
                <c:pt idx="2209">
                  <c:v>3.36</c:v>
                </c:pt>
                <c:pt idx="2210">
                  <c:v>3.37</c:v>
                </c:pt>
                <c:pt idx="2211">
                  <c:v>3.36</c:v>
                </c:pt>
                <c:pt idx="2212">
                  <c:v>3.41</c:v>
                </c:pt>
                <c:pt idx="2213">
                  <c:v>3.4</c:v>
                </c:pt>
                <c:pt idx="2214">
                  <c:v>3.39</c:v>
                </c:pt>
                <c:pt idx="2215">
                  <c:v>3.48</c:v>
                </c:pt>
                <c:pt idx="2216">
                  <c:v>3.49</c:v>
                </c:pt>
                <c:pt idx="2217">
                  <c:v>3.53</c:v>
                </c:pt>
                <c:pt idx="2218">
                  <c:v>3.53</c:v>
                </c:pt>
                <c:pt idx="2219">
                  <c:v>3.75</c:v>
                </c:pt>
                <c:pt idx="2220">
                  <c:v>3.64</c:v>
                </c:pt>
                <c:pt idx="2221">
                  <c:v>3.63</c:v>
                </c:pt>
                <c:pt idx="2222">
                  <c:v>3.55</c:v>
                </c:pt>
                <c:pt idx="2223">
                  <c:v>3.49</c:v>
                </c:pt>
                <c:pt idx="2224">
                  <c:v>3.5</c:v>
                </c:pt>
                <c:pt idx="2225">
                  <c:v>3.44</c:v>
                </c:pt>
                <c:pt idx="2226">
                  <c:v>3.44</c:v>
                </c:pt>
                <c:pt idx="2227">
                  <c:v>3.45</c:v>
                </c:pt>
                <c:pt idx="2228">
                  <c:v>3.39</c:v>
                </c:pt>
                <c:pt idx="2229">
                  <c:v>3.38</c:v>
                </c:pt>
                <c:pt idx="2230">
                  <c:v>3.33</c:v>
                </c:pt>
                <c:pt idx="2231">
                  <c:v>3.31</c:v>
                </c:pt>
                <c:pt idx="2232">
                  <c:v>3.33</c:v>
                </c:pt>
                <c:pt idx="2233">
                  <c:v>3.34</c:v>
                </c:pt>
                <c:pt idx="2234">
                  <c:v>3.4</c:v>
                </c:pt>
                <c:pt idx="2235">
                  <c:v>3.34</c:v>
                </c:pt>
                <c:pt idx="2236">
                  <c:v>3.39</c:v>
                </c:pt>
                <c:pt idx="2237">
                  <c:v>3.39</c:v>
                </c:pt>
                <c:pt idx="2238">
                  <c:v>3.47</c:v>
                </c:pt>
                <c:pt idx="2239">
                  <c:v>3.48</c:v>
                </c:pt>
                <c:pt idx="2240">
                  <c:v>3.56</c:v>
                </c:pt>
                <c:pt idx="2241">
                  <c:v>3.64</c:v>
                </c:pt>
                <c:pt idx="2242">
                  <c:v>3.61</c:v>
                </c:pt>
                <c:pt idx="2243">
                  <c:v>3.71</c:v>
                </c:pt>
                <c:pt idx="2244">
                  <c:v>3.78</c:v>
                </c:pt>
                <c:pt idx="2245">
                  <c:v>3.77</c:v>
                </c:pt>
                <c:pt idx="2246">
                  <c:v>3.77</c:v>
                </c:pt>
                <c:pt idx="2247">
                  <c:v>3.74</c:v>
                </c:pt>
                <c:pt idx="2248">
                  <c:v>3.74</c:v>
                </c:pt>
                <c:pt idx="2249">
                  <c:v>3.65</c:v>
                </c:pt>
                <c:pt idx="2250">
                  <c:v>3.59</c:v>
                </c:pt>
                <c:pt idx="2251">
                  <c:v>3.66</c:v>
                </c:pt>
                <c:pt idx="2252">
                  <c:v>3.61</c:v>
                </c:pt>
                <c:pt idx="2253">
                  <c:v>3.62</c:v>
                </c:pt>
                <c:pt idx="2254">
                  <c:v>3.59</c:v>
                </c:pt>
                <c:pt idx="2255">
                  <c:v>3.58</c:v>
                </c:pt>
                <c:pt idx="2256">
                  <c:v>3.56</c:v>
                </c:pt>
                <c:pt idx="2257">
                  <c:v>3.59</c:v>
                </c:pt>
                <c:pt idx="2258">
                  <c:v>3.55</c:v>
                </c:pt>
                <c:pt idx="2259">
                  <c:v>3.5</c:v>
                </c:pt>
                <c:pt idx="2260">
                  <c:v>3.47</c:v>
                </c:pt>
                <c:pt idx="2261">
                  <c:v>3.48</c:v>
                </c:pt>
                <c:pt idx="2262">
                  <c:v>3.42</c:v>
                </c:pt>
                <c:pt idx="2263">
                  <c:v>3.42</c:v>
                </c:pt>
                <c:pt idx="2264">
                  <c:v>3.43</c:v>
                </c:pt>
                <c:pt idx="2265">
                  <c:v>3.46</c:v>
                </c:pt>
                <c:pt idx="2266">
                  <c:v>3.43</c:v>
                </c:pt>
                <c:pt idx="2267">
                  <c:v>3.43</c:v>
                </c:pt>
                <c:pt idx="2268">
                  <c:v>3.43</c:v>
                </c:pt>
                <c:pt idx="2269">
                  <c:v>3.43</c:v>
                </c:pt>
                <c:pt idx="2270">
                  <c:v>3.35</c:v>
                </c:pt>
                <c:pt idx="2271">
                  <c:v>3.37</c:v>
                </c:pt>
                <c:pt idx="2272">
                  <c:v>3.38</c:v>
                </c:pt>
                <c:pt idx="2273">
                  <c:v>3.5</c:v>
                </c:pt>
                <c:pt idx="2274">
                  <c:v>3.52</c:v>
                </c:pt>
                <c:pt idx="2275">
                  <c:v>3.48</c:v>
                </c:pt>
                <c:pt idx="2276">
                  <c:v>3.55</c:v>
                </c:pt>
                <c:pt idx="2277">
                  <c:v>3.49</c:v>
                </c:pt>
                <c:pt idx="2278">
                  <c:v>3.49</c:v>
                </c:pt>
                <c:pt idx="2279">
                  <c:v>3.52</c:v>
                </c:pt>
                <c:pt idx="2280">
                  <c:v>3.48</c:v>
                </c:pt>
                <c:pt idx="2281">
                  <c:v>3.48</c:v>
                </c:pt>
                <c:pt idx="2282">
                  <c:v>3.47</c:v>
                </c:pt>
                <c:pt idx="2283">
                  <c:v>3.46</c:v>
                </c:pt>
                <c:pt idx="2284">
                  <c:v>3.43</c:v>
                </c:pt>
                <c:pt idx="2285">
                  <c:v>3.4</c:v>
                </c:pt>
                <c:pt idx="2286">
                  <c:v>3.39</c:v>
                </c:pt>
                <c:pt idx="2287">
                  <c:v>3.44</c:v>
                </c:pt>
                <c:pt idx="2288">
                  <c:v>3.49</c:v>
                </c:pt>
                <c:pt idx="2289">
                  <c:v>3.49</c:v>
                </c:pt>
                <c:pt idx="2290">
                  <c:v>3.46</c:v>
                </c:pt>
                <c:pt idx="2291">
                  <c:v>3.49</c:v>
                </c:pt>
                <c:pt idx="2292">
                  <c:v>3.52</c:v>
                </c:pt>
                <c:pt idx="2293">
                  <c:v>3.48</c:v>
                </c:pt>
                <c:pt idx="2294">
                  <c:v>3.46</c:v>
                </c:pt>
                <c:pt idx="2295">
                  <c:v>3.4</c:v>
                </c:pt>
                <c:pt idx="2296">
                  <c:v>3.38</c:v>
                </c:pt>
                <c:pt idx="2297">
                  <c:v>3.35</c:v>
                </c:pt>
                <c:pt idx="2298">
                  <c:v>3.29</c:v>
                </c:pt>
                <c:pt idx="2299">
                  <c:v>3.29</c:v>
                </c:pt>
                <c:pt idx="2300">
                  <c:v>3.24</c:v>
                </c:pt>
                <c:pt idx="2301">
                  <c:v>3.24</c:v>
                </c:pt>
                <c:pt idx="2302">
                  <c:v>3.25</c:v>
                </c:pt>
                <c:pt idx="2303">
                  <c:v>3.25</c:v>
                </c:pt>
                <c:pt idx="2304">
                  <c:v>3.28</c:v>
                </c:pt>
                <c:pt idx="2305">
                  <c:v>3.26</c:v>
                </c:pt>
                <c:pt idx="2306">
                  <c:v>3.27</c:v>
                </c:pt>
                <c:pt idx="2307">
                  <c:v>3.25</c:v>
                </c:pt>
                <c:pt idx="2308">
                  <c:v>3.24</c:v>
                </c:pt>
                <c:pt idx="2309">
                  <c:v>3.28</c:v>
                </c:pt>
                <c:pt idx="2310">
                  <c:v>3.22</c:v>
                </c:pt>
                <c:pt idx="2311">
                  <c:v>3.22</c:v>
                </c:pt>
                <c:pt idx="2312">
                  <c:v>3.16</c:v>
                </c:pt>
                <c:pt idx="2313">
                  <c:v>3.29</c:v>
                </c:pt>
                <c:pt idx="2314">
                  <c:v>3.32</c:v>
                </c:pt>
                <c:pt idx="2315">
                  <c:v>3.32</c:v>
                </c:pt>
                <c:pt idx="2316">
                  <c:v>3.41</c:v>
                </c:pt>
                <c:pt idx="2317">
                  <c:v>3.51</c:v>
                </c:pt>
                <c:pt idx="2318">
                  <c:v>3.58</c:v>
                </c:pt>
                <c:pt idx="2319">
                  <c:v>3.54</c:v>
                </c:pt>
                <c:pt idx="2320">
                  <c:v>3.49</c:v>
                </c:pt>
                <c:pt idx="2321">
                  <c:v>3.45</c:v>
                </c:pt>
                <c:pt idx="2322">
                  <c:v>3.45</c:v>
                </c:pt>
                <c:pt idx="2323">
                  <c:v>3.51</c:v>
                </c:pt>
                <c:pt idx="2324">
                  <c:v>3.51</c:v>
                </c:pt>
                <c:pt idx="2325">
                  <c:v>3.52</c:v>
                </c:pt>
                <c:pt idx="2326">
                  <c:v>3.65</c:v>
                </c:pt>
                <c:pt idx="2327">
                  <c:v>3.68</c:v>
                </c:pt>
                <c:pt idx="2328">
                  <c:v>3.72</c:v>
                </c:pt>
                <c:pt idx="2329">
                  <c:v>3.85</c:v>
                </c:pt>
                <c:pt idx="2330">
                  <c:v>3.84</c:v>
                </c:pt>
                <c:pt idx="2331">
                  <c:v>3.89</c:v>
                </c:pt>
                <c:pt idx="2332">
                  <c:v>3.81</c:v>
                </c:pt>
                <c:pt idx="2333">
                  <c:v>3.81</c:v>
                </c:pt>
                <c:pt idx="2334">
                  <c:v>3.72</c:v>
                </c:pt>
                <c:pt idx="2335">
                  <c:v>3.72</c:v>
                </c:pt>
                <c:pt idx="2336">
                  <c:v>3.68</c:v>
                </c:pt>
                <c:pt idx="2337">
                  <c:v>3.6</c:v>
                </c:pt>
                <c:pt idx="2338">
                  <c:v>3.57</c:v>
                </c:pt>
                <c:pt idx="2339">
                  <c:v>3.71</c:v>
                </c:pt>
                <c:pt idx="2340">
                  <c:v>3.71</c:v>
                </c:pt>
                <c:pt idx="2341">
                  <c:v>3.89</c:v>
                </c:pt>
                <c:pt idx="2342">
                  <c:v>3.99</c:v>
                </c:pt>
                <c:pt idx="2343">
                  <c:v>4.1100000000000003</c:v>
                </c:pt>
                <c:pt idx="2344">
                  <c:v>4.18</c:v>
                </c:pt>
                <c:pt idx="2345">
                  <c:v>4.25</c:v>
                </c:pt>
                <c:pt idx="2346">
                  <c:v>4.33</c:v>
                </c:pt>
                <c:pt idx="2347">
                  <c:v>4.24</c:v>
                </c:pt>
                <c:pt idx="2348">
                  <c:v>4.25</c:v>
                </c:pt>
                <c:pt idx="2349">
                  <c:v>4.29</c:v>
                </c:pt>
                <c:pt idx="2350">
                  <c:v>4.26</c:v>
                </c:pt>
                <c:pt idx="2351">
                  <c:v>4.3099999999999996</c:v>
                </c:pt>
                <c:pt idx="2352">
                  <c:v>4.25</c:v>
                </c:pt>
                <c:pt idx="2353">
                  <c:v>4.22</c:v>
                </c:pt>
                <c:pt idx="2354">
                  <c:v>4.29</c:v>
                </c:pt>
                <c:pt idx="2355">
                  <c:v>4.2</c:v>
                </c:pt>
                <c:pt idx="2356">
                  <c:v>4.29</c:v>
                </c:pt>
                <c:pt idx="2357">
                  <c:v>4.29</c:v>
                </c:pt>
                <c:pt idx="2358">
                  <c:v>4.5</c:v>
                </c:pt>
                <c:pt idx="2359">
                  <c:v>4.5</c:v>
                </c:pt>
                <c:pt idx="2360">
                  <c:v>4.5599999999999996</c:v>
                </c:pt>
                <c:pt idx="2361">
                  <c:v>4.4800000000000004</c:v>
                </c:pt>
                <c:pt idx="2362">
                  <c:v>4.4000000000000004</c:v>
                </c:pt>
                <c:pt idx="2363">
                  <c:v>4.3899999999999997</c:v>
                </c:pt>
                <c:pt idx="2364">
                  <c:v>4.46</c:v>
                </c:pt>
                <c:pt idx="2365">
                  <c:v>4.58</c:v>
                </c:pt>
                <c:pt idx="2366">
                  <c:v>4.72</c:v>
                </c:pt>
                <c:pt idx="2367">
                  <c:v>4.84</c:v>
                </c:pt>
                <c:pt idx="2368">
                  <c:v>5.1100000000000003</c:v>
                </c:pt>
                <c:pt idx="2369">
                  <c:v>5.22</c:v>
                </c:pt>
                <c:pt idx="2370">
                  <c:v>5.35</c:v>
                </c:pt>
                <c:pt idx="2372">
                  <c:v>5.37</c:v>
                </c:pt>
                <c:pt idx="2373">
                  <c:v>5.38</c:v>
                </c:pt>
                <c:pt idx="2374">
                  <c:v>5.3</c:v>
                </c:pt>
                <c:pt idx="2375">
                  <c:v>5.33</c:v>
                </c:pt>
                <c:pt idx="2377">
                  <c:v>5.35</c:v>
                </c:pt>
                <c:pt idx="2378">
                  <c:v>5.44</c:v>
                </c:pt>
                <c:pt idx="2379">
                  <c:v>5.05</c:v>
                </c:pt>
                <c:pt idx="2380">
                  <c:v>4.83</c:v>
                </c:pt>
                <c:pt idx="2381">
                  <c:v>4.6500000000000004</c:v>
                </c:pt>
                <c:pt idx="2382">
                  <c:v>4.5199999999999996</c:v>
                </c:pt>
                <c:pt idx="2383">
                  <c:v>4.54</c:v>
                </c:pt>
                <c:pt idx="2384">
                  <c:v>4.55</c:v>
                </c:pt>
                <c:pt idx="2385">
                  <c:v>4.5999999999999996</c:v>
                </c:pt>
                <c:pt idx="2386">
                  <c:v>4.55</c:v>
                </c:pt>
                <c:pt idx="2387">
                  <c:v>4.4400000000000004</c:v>
                </c:pt>
                <c:pt idx="2388">
                  <c:v>4.4000000000000004</c:v>
                </c:pt>
                <c:pt idx="2389">
                  <c:v>4.2699999999999996</c:v>
                </c:pt>
                <c:pt idx="2390">
                  <c:v>4.2699999999999996</c:v>
                </c:pt>
                <c:pt idx="2391">
                  <c:v>4.41</c:v>
                </c:pt>
                <c:pt idx="2392">
                  <c:v>4.3899999999999997</c:v>
                </c:pt>
                <c:pt idx="2393">
                  <c:v>4.45</c:v>
                </c:pt>
                <c:pt idx="2394">
                  <c:v>4.34</c:v>
                </c:pt>
                <c:pt idx="2395">
                  <c:v>4.41</c:v>
                </c:pt>
                <c:pt idx="2396">
                  <c:v>4.4000000000000004</c:v>
                </c:pt>
                <c:pt idx="2397">
                  <c:v>4.3600000000000003</c:v>
                </c:pt>
                <c:pt idx="2398">
                  <c:v>4.37</c:v>
                </c:pt>
                <c:pt idx="2399">
                  <c:v>4.29</c:v>
                </c:pt>
                <c:pt idx="2400">
                  <c:v>4.25</c:v>
                </c:pt>
                <c:pt idx="2401">
                  <c:v>4.1500000000000004</c:v>
                </c:pt>
                <c:pt idx="2402">
                  <c:v>4.13</c:v>
                </c:pt>
                <c:pt idx="2403">
                  <c:v>4.29</c:v>
                </c:pt>
                <c:pt idx="2404">
                  <c:v>4.32</c:v>
                </c:pt>
                <c:pt idx="2405">
                  <c:v>4.28</c:v>
                </c:pt>
                <c:pt idx="2406">
                  <c:v>4.17</c:v>
                </c:pt>
                <c:pt idx="2407">
                  <c:v>4.12</c:v>
                </c:pt>
                <c:pt idx="2408">
                  <c:v>4.17</c:v>
                </c:pt>
                <c:pt idx="2409">
                  <c:v>4.12</c:v>
                </c:pt>
                <c:pt idx="2410">
                  <c:v>4.12</c:v>
                </c:pt>
                <c:pt idx="2411">
                  <c:v>4.1100000000000003</c:v>
                </c:pt>
                <c:pt idx="2412">
                  <c:v>4.08</c:v>
                </c:pt>
                <c:pt idx="2413">
                  <c:v>4.04</c:v>
                </c:pt>
                <c:pt idx="2414">
                  <c:v>4.05</c:v>
                </c:pt>
                <c:pt idx="2415">
                  <c:v>4</c:v>
                </c:pt>
                <c:pt idx="2416">
                  <c:v>4.01</c:v>
                </c:pt>
                <c:pt idx="2417">
                  <c:v>3.94</c:v>
                </c:pt>
                <c:pt idx="2418">
                  <c:v>3.92</c:v>
                </c:pt>
                <c:pt idx="2419">
                  <c:v>3.86</c:v>
                </c:pt>
                <c:pt idx="2420">
                  <c:v>3.9</c:v>
                </c:pt>
                <c:pt idx="2421">
                  <c:v>3.91</c:v>
                </c:pt>
                <c:pt idx="2422">
                  <c:v>3.98</c:v>
                </c:pt>
                <c:pt idx="2423">
                  <c:v>4.0999999999999996</c:v>
                </c:pt>
                <c:pt idx="2424">
                  <c:v>4.18</c:v>
                </c:pt>
                <c:pt idx="2425">
                  <c:v>4.12</c:v>
                </c:pt>
                <c:pt idx="2426">
                  <c:v>4.08</c:v>
                </c:pt>
                <c:pt idx="2427">
                  <c:v>3.99</c:v>
                </c:pt>
                <c:pt idx="2428">
                  <c:v>3.95</c:v>
                </c:pt>
                <c:pt idx="2429">
                  <c:v>3.95</c:v>
                </c:pt>
                <c:pt idx="2430">
                  <c:v>3.95</c:v>
                </c:pt>
                <c:pt idx="2431">
                  <c:v>3.91</c:v>
                </c:pt>
                <c:pt idx="2432">
                  <c:v>3.97</c:v>
                </c:pt>
                <c:pt idx="2433">
                  <c:v>3.92</c:v>
                </c:pt>
                <c:pt idx="2434">
                  <c:v>4.03</c:v>
                </c:pt>
                <c:pt idx="2435">
                  <c:v>4.13</c:v>
                </c:pt>
                <c:pt idx="2436">
                  <c:v>4.09</c:v>
                </c:pt>
                <c:pt idx="2437">
                  <c:v>4.09</c:v>
                </c:pt>
                <c:pt idx="2438">
                  <c:v>4.08</c:v>
                </c:pt>
                <c:pt idx="2439">
                  <c:v>3.99</c:v>
                </c:pt>
                <c:pt idx="2440">
                  <c:v>4.05</c:v>
                </c:pt>
                <c:pt idx="2441">
                  <c:v>3.94</c:v>
                </c:pt>
                <c:pt idx="2442">
                  <c:v>3.95</c:v>
                </c:pt>
                <c:pt idx="2443">
                  <c:v>3.9</c:v>
                </c:pt>
                <c:pt idx="2444">
                  <c:v>3.9</c:v>
                </c:pt>
                <c:pt idx="2445">
                  <c:v>3.86</c:v>
                </c:pt>
                <c:pt idx="2446">
                  <c:v>3.84</c:v>
                </c:pt>
                <c:pt idx="2447">
                  <c:v>3.86</c:v>
                </c:pt>
                <c:pt idx="2448">
                  <c:v>3.86</c:v>
                </c:pt>
                <c:pt idx="2449">
                  <c:v>3.79</c:v>
                </c:pt>
                <c:pt idx="2450">
                  <c:v>3.68</c:v>
                </c:pt>
                <c:pt idx="2451">
                  <c:v>3.68</c:v>
                </c:pt>
                <c:pt idx="2452">
                  <c:v>3.64</c:v>
                </c:pt>
                <c:pt idx="2453">
                  <c:v>3.67</c:v>
                </c:pt>
                <c:pt idx="2454">
                  <c:v>3.73</c:v>
                </c:pt>
                <c:pt idx="2456">
                  <c:v>3.73</c:v>
                </c:pt>
                <c:pt idx="2457">
                  <c:v>3.72</c:v>
                </c:pt>
                <c:pt idx="2458">
                  <c:v>3.73</c:v>
                </c:pt>
                <c:pt idx="2459">
                  <c:v>3.75</c:v>
                </c:pt>
                <c:pt idx="2460">
                  <c:v>3.76</c:v>
                </c:pt>
                <c:pt idx="2461">
                  <c:v>3.73</c:v>
                </c:pt>
                <c:pt idx="2462">
                  <c:v>3.73</c:v>
                </c:pt>
                <c:pt idx="2463">
                  <c:v>3.71</c:v>
                </c:pt>
                <c:pt idx="2464">
                  <c:v>3.74</c:v>
                </c:pt>
                <c:pt idx="2465">
                  <c:v>3.72</c:v>
                </c:pt>
                <c:pt idx="2466">
                  <c:v>3.82</c:v>
                </c:pt>
                <c:pt idx="2467">
                  <c:v>3.89</c:v>
                </c:pt>
                <c:pt idx="2468">
                  <c:v>3.87</c:v>
                </c:pt>
                <c:pt idx="2469">
                  <c:v>3.99</c:v>
                </c:pt>
                <c:pt idx="2470">
                  <c:v>4.01</c:v>
                </c:pt>
                <c:pt idx="2471">
                  <c:v>4.2</c:v>
                </c:pt>
                <c:pt idx="2472">
                  <c:v>4.13</c:v>
                </c:pt>
                <c:pt idx="2473">
                  <c:v>4.17</c:v>
                </c:pt>
                <c:pt idx="2474">
                  <c:v>4.0599999999999996</c:v>
                </c:pt>
                <c:pt idx="2475">
                  <c:v>4.07</c:v>
                </c:pt>
                <c:pt idx="2476">
                  <c:v>4.0599999999999996</c:v>
                </c:pt>
                <c:pt idx="2477">
                  <c:v>3.99</c:v>
                </c:pt>
                <c:pt idx="2478">
                  <c:v>4.03</c:v>
                </c:pt>
                <c:pt idx="2479">
                  <c:v>4.22</c:v>
                </c:pt>
                <c:pt idx="2480">
                  <c:v>4.16</c:v>
                </c:pt>
                <c:pt idx="2481">
                  <c:v>4.16</c:v>
                </c:pt>
                <c:pt idx="2482">
                  <c:v>4.1900000000000004</c:v>
                </c:pt>
                <c:pt idx="2483">
                  <c:v>4.3600000000000003</c:v>
                </c:pt>
                <c:pt idx="2484">
                  <c:v>4.33</c:v>
                </c:pt>
                <c:pt idx="2485">
                  <c:v>4.59</c:v>
                </c:pt>
                <c:pt idx="2486">
                  <c:v>4.7</c:v>
                </c:pt>
                <c:pt idx="2487">
                  <c:v>4.53</c:v>
                </c:pt>
                <c:pt idx="2488">
                  <c:v>4.4800000000000004</c:v>
                </c:pt>
                <c:pt idx="2489">
                  <c:v>4.42</c:v>
                </c:pt>
                <c:pt idx="2490">
                  <c:v>4.37</c:v>
                </c:pt>
                <c:pt idx="2491">
                  <c:v>4.2300000000000004</c:v>
                </c:pt>
                <c:pt idx="2492">
                  <c:v>4.2</c:v>
                </c:pt>
                <c:pt idx="2493">
                  <c:v>4.22</c:v>
                </c:pt>
                <c:pt idx="2494">
                  <c:v>4.24</c:v>
                </c:pt>
                <c:pt idx="2495">
                  <c:v>4.2300000000000004</c:v>
                </c:pt>
                <c:pt idx="2496">
                  <c:v>4.2300000000000004</c:v>
                </c:pt>
                <c:pt idx="2497">
                  <c:v>4.1399999999999997</c:v>
                </c:pt>
                <c:pt idx="2498">
                  <c:v>4.16</c:v>
                </c:pt>
                <c:pt idx="2499">
                  <c:v>4.03</c:v>
                </c:pt>
                <c:pt idx="2500">
                  <c:v>3.95</c:v>
                </c:pt>
                <c:pt idx="2501">
                  <c:v>4</c:v>
                </c:pt>
                <c:pt idx="2502">
                  <c:v>4.09</c:v>
                </c:pt>
                <c:pt idx="2503">
                  <c:v>4.05</c:v>
                </c:pt>
                <c:pt idx="2504">
                  <c:v>4.09</c:v>
                </c:pt>
                <c:pt idx="2505">
                  <c:v>4.07</c:v>
                </c:pt>
                <c:pt idx="2506">
                  <c:v>4.07</c:v>
                </c:pt>
                <c:pt idx="2507">
                  <c:v>3.99</c:v>
                </c:pt>
                <c:pt idx="2508">
                  <c:v>4.04</c:v>
                </c:pt>
                <c:pt idx="2509">
                  <c:v>4.0199999999999996</c:v>
                </c:pt>
                <c:pt idx="2510">
                  <c:v>4.0199999999999996</c:v>
                </c:pt>
                <c:pt idx="2511">
                  <c:v>3.98</c:v>
                </c:pt>
                <c:pt idx="2512">
                  <c:v>4</c:v>
                </c:pt>
                <c:pt idx="2513">
                  <c:v>4.03</c:v>
                </c:pt>
                <c:pt idx="2514">
                  <c:v>4.01</c:v>
                </c:pt>
                <c:pt idx="2515">
                  <c:v>4</c:v>
                </c:pt>
                <c:pt idx="2516">
                  <c:v>4.0199999999999996</c:v>
                </c:pt>
                <c:pt idx="2517">
                  <c:v>4</c:v>
                </c:pt>
                <c:pt idx="2518">
                  <c:v>3.96</c:v>
                </c:pt>
                <c:pt idx="2519">
                  <c:v>4.01</c:v>
                </c:pt>
                <c:pt idx="2520">
                  <c:v>4.1100000000000003</c:v>
                </c:pt>
                <c:pt idx="2521">
                  <c:v>4.07</c:v>
                </c:pt>
                <c:pt idx="2522">
                  <c:v>4.0599999999999996</c:v>
                </c:pt>
                <c:pt idx="2523">
                  <c:v>3.99</c:v>
                </c:pt>
                <c:pt idx="2524">
                  <c:v>3.98</c:v>
                </c:pt>
                <c:pt idx="2525">
                  <c:v>3.93</c:v>
                </c:pt>
                <c:pt idx="2526">
                  <c:v>3.89</c:v>
                </c:pt>
                <c:pt idx="2527">
                  <c:v>3.93</c:v>
                </c:pt>
                <c:pt idx="2528">
                  <c:v>3.97</c:v>
                </c:pt>
                <c:pt idx="2529">
                  <c:v>3.93</c:v>
                </c:pt>
                <c:pt idx="2530">
                  <c:v>4.0999999999999996</c:v>
                </c:pt>
                <c:pt idx="2531">
                  <c:v>4.1900000000000004</c:v>
                </c:pt>
                <c:pt idx="2532">
                  <c:v>4.53</c:v>
                </c:pt>
                <c:pt idx="2533">
                  <c:v>4.46</c:v>
                </c:pt>
                <c:pt idx="2534">
                  <c:v>4.5199999999999996</c:v>
                </c:pt>
                <c:pt idx="2535">
                  <c:v>4.3099999999999996</c:v>
                </c:pt>
                <c:pt idx="2536">
                  <c:v>4.3099999999999996</c:v>
                </c:pt>
                <c:pt idx="2537">
                  <c:v>4.4000000000000004</c:v>
                </c:pt>
                <c:pt idx="2538">
                  <c:v>4.25</c:v>
                </c:pt>
                <c:pt idx="2539">
                  <c:v>4.49</c:v>
                </c:pt>
                <c:pt idx="2540">
                  <c:v>4.5199999999999996</c:v>
                </c:pt>
                <c:pt idx="2541">
                  <c:v>4.47</c:v>
                </c:pt>
                <c:pt idx="2542">
                  <c:v>4.3600000000000003</c:v>
                </c:pt>
                <c:pt idx="2543">
                  <c:v>4.3499999999999996</c:v>
                </c:pt>
                <c:pt idx="2544">
                  <c:v>4.21</c:v>
                </c:pt>
                <c:pt idx="2545">
                  <c:v>4.16</c:v>
                </c:pt>
                <c:pt idx="2546">
                  <c:v>4.25</c:v>
                </c:pt>
                <c:pt idx="2547">
                  <c:v>4.22</c:v>
                </c:pt>
                <c:pt idx="2548">
                  <c:v>4.1900000000000004</c:v>
                </c:pt>
                <c:pt idx="2549">
                  <c:v>4.17</c:v>
                </c:pt>
                <c:pt idx="2550">
                  <c:v>4.08</c:v>
                </c:pt>
                <c:pt idx="2551">
                  <c:v>4.09</c:v>
                </c:pt>
                <c:pt idx="2552">
                  <c:v>4.13</c:v>
                </c:pt>
                <c:pt idx="2553">
                  <c:v>4.13</c:v>
                </c:pt>
                <c:pt idx="2554">
                  <c:v>4.2300000000000004</c:v>
                </c:pt>
                <c:pt idx="2555">
                  <c:v>4.2300000000000004</c:v>
                </c:pt>
                <c:pt idx="2556">
                  <c:v>4.07</c:v>
                </c:pt>
                <c:pt idx="2557">
                  <c:v>4.05</c:v>
                </c:pt>
                <c:pt idx="2558">
                  <c:v>3.99</c:v>
                </c:pt>
                <c:pt idx="2559">
                  <c:v>3.9</c:v>
                </c:pt>
                <c:pt idx="2560">
                  <c:v>3.92</c:v>
                </c:pt>
                <c:pt idx="2561">
                  <c:v>3.85</c:v>
                </c:pt>
                <c:pt idx="2562">
                  <c:v>3.83</c:v>
                </c:pt>
                <c:pt idx="2563">
                  <c:v>3.8</c:v>
                </c:pt>
                <c:pt idx="2564">
                  <c:v>3.81</c:v>
                </c:pt>
                <c:pt idx="2565">
                  <c:v>3.82</c:v>
                </c:pt>
                <c:pt idx="2566">
                  <c:v>3.77</c:v>
                </c:pt>
                <c:pt idx="2567">
                  <c:v>3.81</c:v>
                </c:pt>
                <c:pt idx="2568">
                  <c:v>3.84</c:v>
                </c:pt>
                <c:pt idx="2569">
                  <c:v>3.9</c:v>
                </c:pt>
                <c:pt idx="2570">
                  <c:v>3.91</c:v>
                </c:pt>
                <c:pt idx="2571">
                  <c:v>3.95</c:v>
                </c:pt>
                <c:pt idx="2572">
                  <c:v>3.99</c:v>
                </c:pt>
                <c:pt idx="2573">
                  <c:v>4.0199999999999996</c:v>
                </c:pt>
                <c:pt idx="2574">
                  <c:v>4.08</c:v>
                </c:pt>
                <c:pt idx="2575">
                  <c:v>4.28</c:v>
                </c:pt>
                <c:pt idx="2576">
                  <c:v>4.4000000000000004</c:v>
                </c:pt>
                <c:pt idx="2577">
                  <c:v>4.38</c:v>
                </c:pt>
                <c:pt idx="2578">
                  <c:v>4.3099999999999996</c:v>
                </c:pt>
                <c:pt idx="2579">
                  <c:v>4.3899999999999997</c:v>
                </c:pt>
                <c:pt idx="2580">
                  <c:v>4.32</c:v>
                </c:pt>
                <c:pt idx="2581">
                  <c:v>4.26</c:v>
                </c:pt>
                <c:pt idx="2582">
                  <c:v>4.0999999999999996</c:v>
                </c:pt>
                <c:pt idx="2583">
                  <c:v>4.08</c:v>
                </c:pt>
                <c:pt idx="2584">
                  <c:v>4.01</c:v>
                </c:pt>
                <c:pt idx="2585">
                  <c:v>4.01</c:v>
                </c:pt>
                <c:pt idx="2586">
                  <c:v>4</c:v>
                </c:pt>
                <c:pt idx="2587">
                  <c:v>4.0199999999999996</c:v>
                </c:pt>
                <c:pt idx="2588">
                  <c:v>3.98</c:v>
                </c:pt>
                <c:pt idx="2589">
                  <c:v>3.99</c:v>
                </c:pt>
                <c:pt idx="2590">
                  <c:v>3.98</c:v>
                </c:pt>
                <c:pt idx="2591">
                  <c:v>3.96</c:v>
                </c:pt>
                <c:pt idx="2592">
                  <c:v>3.89</c:v>
                </c:pt>
                <c:pt idx="2593">
                  <c:v>3.85</c:v>
                </c:pt>
                <c:pt idx="2594">
                  <c:v>3.86</c:v>
                </c:pt>
                <c:pt idx="2595">
                  <c:v>3.96</c:v>
                </c:pt>
                <c:pt idx="2596">
                  <c:v>4.1500000000000004</c:v>
                </c:pt>
                <c:pt idx="2597">
                  <c:v>4.09</c:v>
                </c:pt>
                <c:pt idx="2598">
                  <c:v>3.99</c:v>
                </c:pt>
                <c:pt idx="2599">
                  <c:v>3.97</c:v>
                </c:pt>
                <c:pt idx="2600">
                  <c:v>4.0199999999999996</c:v>
                </c:pt>
                <c:pt idx="2601">
                  <c:v>3.96</c:v>
                </c:pt>
                <c:pt idx="2602">
                  <c:v>4</c:v>
                </c:pt>
                <c:pt idx="2603">
                  <c:v>3.99</c:v>
                </c:pt>
                <c:pt idx="2604">
                  <c:v>4</c:v>
                </c:pt>
                <c:pt idx="2605">
                  <c:v>4.05</c:v>
                </c:pt>
                <c:pt idx="2606">
                  <c:v>4.08</c:v>
                </c:pt>
                <c:pt idx="2607">
                  <c:v>4.0599999999999996</c:v>
                </c:pt>
                <c:pt idx="2608">
                  <c:v>4.09</c:v>
                </c:pt>
                <c:pt idx="2609">
                  <c:v>4.12</c:v>
                </c:pt>
                <c:pt idx="2610">
                  <c:v>4.18</c:v>
                </c:pt>
                <c:pt idx="2611">
                  <c:v>4.17</c:v>
                </c:pt>
                <c:pt idx="2612">
                  <c:v>4.13</c:v>
                </c:pt>
                <c:pt idx="2613">
                  <c:v>4.08</c:v>
                </c:pt>
                <c:pt idx="2614">
                  <c:v>4.05</c:v>
                </c:pt>
                <c:pt idx="2615">
                  <c:v>3.99</c:v>
                </c:pt>
                <c:pt idx="2617">
                  <c:v>4.01</c:v>
                </c:pt>
                <c:pt idx="2618">
                  <c:v>4.0199999999999996</c:v>
                </c:pt>
                <c:pt idx="2619">
                  <c:v>4.03</c:v>
                </c:pt>
                <c:pt idx="2620">
                  <c:v>4.1399999999999997</c:v>
                </c:pt>
                <c:pt idx="2621">
                  <c:v>4.0199999999999996</c:v>
                </c:pt>
                <c:pt idx="2622">
                  <c:v>4</c:v>
                </c:pt>
                <c:pt idx="2623">
                  <c:v>3.89</c:v>
                </c:pt>
                <c:pt idx="2624">
                  <c:v>3.88</c:v>
                </c:pt>
                <c:pt idx="2625">
                  <c:v>3.84</c:v>
                </c:pt>
                <c:pt idx="2626">
                  <c:v>3.83</c:v>
                </c:pt>
                <c:pt idx="2627">
                  <c:v>3.7</c:v>
                </c:pt>
                <c:pt idx="2628">
                  <c:v>3.71</c:v>
                </c:pt>
                <c:pt idx="2629">
                  <c:v>3.62</c:v>
                </c:pt>
                <c:pt idx="2630">
                  <c:v>3.58</c:v>
                </c:pt>
                <c:pt idx="2631">
                  <c:v>3.51</c:v>
                </c:pt>
                <c:pt idx="2632">
                  <c:v>3.54</c:v>
                </c:pt>
                <c:pt idx="2633">
                  <c:v>3.53</c:v>
                </c:pt>
                <c:pt idx="2634">
                  <c:v>3.52</c:v>
                </c:pt>
                <c:pt idx="2635">
                  <c:v>3.53</c:v>
                </c:pt>
                <c:pt idx="2637">
                  <c:v>3.53</c:v>
                </c:pt>
                <c:pt idx="2638">
                  <c:v>3.56</c:v>
                </c:pt>
                <c:pt idx="2639">
                  <c:v>3.6</c:v>
                </c:pt>
                <c:pt idx="2640">
                  <c:v>3.6</c:v>
                </c:pt>
                <c:pt idx="2642">
                  <c:v>3.56</c:v>
                </c:pt>
                <c:pt idx="2643">
                  <c:v>3.61</c:v>
                </c:pt>
                <c:pt idx="2644">
                  <c:v>3.57</c:v>
                </c:pt>
                <c:pt idx="2645">
                  <c:v>3.54</c:v>
                </c:pt>
                <c:pt idx="2646">
                  <c:v>3.5</c:v>
                </c:pt>
                <c:pt idx="2647">
                  <c:v>3.49</c:v>
                </c:pt>
                <c:pt idx="2648">
                  <c:v>3.48</c:v>
                </c:pt>
                <c:pt idx="2649">
                  <c:v>3.48</c:v>
                </c:pt>
                <c:pt idx="2650">
                  <c:v>3.45</c:v>
                </c:pt>
                <c:pt idx="2651">
                  <c:v>3.44</c:v>
                </c:pt>
                <c:pt idx="2652">
                  <c:v>3.42</c:v>
                </c:pt>
                <c:pt idx="2653">
                  <c:v>3.39</c:v>
                </c:pt>
                <c:pt idx="2654">
                  <c:v>3.38</c:v>
                </c:pt>
                <c:pt idx="2655">
                  <c:v>3.47</c:v>
                </c:pt>
                <c:pt idx="2656">
                  <c:v>3.49</c:v>
                </c:pt>
                <c:pt idx="2657">
                  <c:v>3.58</c:v>
                </c:pt>
                <c:pt idx="2658">
                  <c:v>3.68</c:v>
                </c:pt>
                <c:pt idx="2659">
                  <c:v>4.03</c:v>
                </c:pt>
                <c:pt idx="2660">
                  <c:v>3.86</c:v>
                </c:pt>
                <c:pt idx="2661">
                  <c:v>3.83</c:v>
                </c:pt>
                <c:pt idx="2662">
                  <c:v>3.95</c:v>
                </c:pt>
                <c:pt idx="2663">
                  <c:v>4.03</c:v>
                </c:pt>
                <c:pt idx="2664">
                  <c:v>3.97</c:v>
                </c:pt>
                <c:pt idx="2665">
                  <c:v>3.85</c:v>
                </c:pt>
                <c:pt idx="2666">
                  <c:v>3.75</c:v>
                </c:pt>
                <c:pt idx="2667">
                  <c:v>3.7</c:v>
                </c:pt>
                <c:pt idx="2668">
                  <c:v>3.75</c:v>
                </c:pt>
                <c:pt idx="2669">
                  <c:v>3.75</c:v>
                </c:pt>
                <c:pt idx="2670">
                  <c:v>3.65</c:v>
                </c:pt>
                <c:pt idx="2671">
                  <c:v>3.59</c:v>
                </c:pt>
                <c:pt idx="2672">
                  <c:v>3.57</c:v>
                </c:pt>
                <c:pt idx="2673">
                  <c:v>3.56</c:v>
                </c:pt>
                <c:pt idx="2674">
                  <c:v>3.56</c:v>
                </c:pt>
                <c:pt idx="2675">
                  <c:v>3.61</c:v>
                </c:pt>
                <c:pt idx="2676">
                  <c:v>3.57</c:v>
                </c:pt>
                <c:pt idx="2677">
                  <c:v>3.62</c:v>
                </c:pt>
                <c:pt idx="2678">
                  <c:v>3.66</c:v>
                </c:pt>
                <c:pt idx="2679">
                  <c:v>4.03</c:v>
                </c:pt>
                <c:pt idx="2680">
                  <c:v>4.18</c:v>
                </c:pt>
                <c:pt idx="2681">
                  <c:v>4.2699999999999996</c:v>
                </c:pt>
                <c:pt idx="2682">
                  <c:v>4.62</c:v>
                </c:pt>
                <c:pt idx="2683">
                  <c:v>5.04</c:v>
                </c:pt>
                <c:pt idx="2684">
                  <c:v>5.0599999999999996</c:v>
                </c:pt>
                <c:pt idx="2685">
                  <c:v>4.97</c:v>
                </c:pt>
                <c:pt idx="2686">
                  <c:v>4.84</c:v>
                </c:pt>
                <c:pt idx="2687">
                  <c:v>4.75</c:v>
                </c:pt>
                <c:pt idx="2688">
                  <c:v>5.05</c:v>
                </c:pt>
                <c:pt idx="2689">
                  <c:v>5.64</c:v>
                </c:pt>
                <c:pt idx="2690">
                  <c:v>6.68</c:v>
                </c:pt>
                <c:pt idx="2691">
                  <c:v>6.38</c:v>
                </c:pt>
                <c:pt idx="2692">
                  <c:v>6.61</c:v>
                </c:pt>
                <c:pt idx="2693">
                  <c:v>7.42</c:v>
                </c:pt>
                <c:pt idx="2694">
                  <c:v>7.31</c:v>
                </c:pt>
                <c:pt idx="2695">
                  <c:v>8.3800000000000008</c:v>
                </c:pt>
                <c:pt idx="2696">
                  <c:v>8.41</c:v>
                </c:pt>
                <c:pt idx="2697">
                  <c:v>9.0399999999999991</c:v>
                </c:pt>
                <c:pt idx="2698">
                  <c:v>9.82</c:v>
                </c:pt>
                <c:pt idx="2699">
                  <c:v>10.09</c:v>
                </c:pt>
                <c:pt idx="2700">
                  <c:v>10.87</c:v>
                </c:pt>
                <c:pt idx="2701">
                  <c:v>10.55</c:v>
                </c:pt>
                <c:pt idx="2702">
                  <c:v>10.11</c:v>
                </c:pt>
                <c:pt idx="2703">
                  <c:v>9.2899999999999991</c:v>
                </c:pt>
                <c:pt idx="2704">
                  <c:v>8.99</c:v>
                </c:pt>
                <c:pt idx="2705">
                  <c:v>8.82</c:v>
                </c:pt>
                <c:pt idx="2706">
                  <c:v>8.77</c:v>
                </c:pt>
                <c:pt idx="2707">
                  <c:v>9.11</c:v>
                </c:pt>
                <c:pt idx="2708">
                  <c:v>9.17</c:v>
                </c:pt>
                <c:pt idx="2709">
                  <c:v>9.43</c:v>
                </c:pt>
                <c:pt idx="2710">
                  <c:v>9.26</c:v>
                </c:pt>
                <c:pt idx="2711">
                  <c:v>8.8800000000000008</c:v>
                </c:pt>
                <c:pt idx="2712">
                  <c:v>8.81</c:v>
                </c:pt>
                <c:pt idx="2713">
                  <c:v>7.96</c:v>
                </c:pt>
                <c:pt idx="2715">
                  <c:v>7.7</c:v>
                </c:pt>
                <c:pt idx="2716">
                  <c:v>7.35</c:v>
                </c:pt>
                <c:pt idx="2717">
                  <c:v>7.64</c:v>
                </c:pt>
                <c:pt idx="2718">
                  <c:v>7.58</c:v>
                </c:pt>
                <c:pt idx="2719">
                  <c:v>7.31</c:v>
                </c:pt>
                <c:pt idx="2720">
                  <c:v>7.52</c:v>
                </c:pt>
                <c:pt idx="2721">
                  <c:v>7.9</c:v>
                </c:pt>
                <c:pt idx="2722">
                  <c:v>7.85</c:v>
                </c:pt>
                <c:pt idx="2723">
                  <c:v>7.87</c:v>
                </c:pt>
                <c:pt idx="2724">
                  <c:v>8.0299999999999994</c:v>
                </c:pt>
                <c:pt idx="2725">
                  <c:v>8.01</c:v>
                </c:pt>
                <c:pt idx="2726">
                  <c:v>8.02</c:v>
                </c:pt>
                <c:pt idx="2727">
                  <c:v>7.87</c:v>
                </c:pt>
                <c:pt idx="2728">
                  <c:v>7.63</c:v>
                </c:pt>
                <c:pt idx="2729">
                  <c:v>7.7</c:v>
                </c:pt>
                <c:pt idx="2730">
                  <c:v>7.79</c:v>
                </c:pt>
                <c:pt idx="2731">
                  <c:v>7.6</c:v>
                </c:pt>
                <c:pt idx="2732">
                  <c:v>7.6</c:v>
                </c:pt>
                <c:pt idx="2733">
                  <c:v>7.6</c:v>
                </c:pt>
                <c:pt idx="2734">
                  <c:v>7.52</c:v>
                </c:pt>
                <c:pt idx="2735">
                  <c:v>7.51</c:v>
                </c:pt>
                <c:pt idx="2736">
                  <c:v>7.42</c:v>
                </c:pt>
                <c:pt idx="2737">
                  <c:v>7.61</c:v>
                </c:pt>
                <c:pt idx="2738">
                  <c:v>7.77</c:v>
                </c:pt>
                <c:pt idx="2739">
                  <c:v>7.78</c:v>
                </c:pt>
                <c:pt idx="2740">
                  <c:v>7.41</c:v>
                </c:pt>
                <c:pt idx="2741">
                  <c:v>7.35</c:v>
                </c:pt>
                <c:pt idx="2742">
                  <c:v>7.16</c:v>
                </c:pt>
                <c:pt idx="2743">
                  <c:v>7.08</c:v>
                </c:pt>
                <c:pt idx="2744">
                  <c:v>7.06</c:v>
                </c:pt>
                <c:pt idx="2745">
                  <c:v>7.06</c:v>
                </c:pt>
                <c:pt idx="2746">
                  <c:v>6.75</c:v>
                </c:pt>
                <c:pt idx="2747">
                  <c:v>6.7</c:v>
                </c:pt>
                <c:pt idx="2748">
                  <c:v>6.6</c:v>
                </c:pt>
                <c:pt idx="2749">
                  <c:v>6.71</c:v>
                </c:pt>
                <c:pt idx="2750">
                  <c:v>6.54</c:v>
                </c:pt>
                <c:pt idx="2751">
                  <c:v>6.43</c:v>
                </c:pt>
                <c:pt idx="2752">
                  <c:v>6.18</c:v>
                </c:pt>
                <c:pt idx="2753">
                  <c:v>5.8</c:v>
                </c:pt>
                <c:pt idx="2754">
                  <c:v>5.83</c:v>
                </c:pt>
                <c:pt idx="2755">
                  <c:v>5.5</c:v>
                </c:pt>
                <c:pt idx="2756">
                  <c:v>5.51</c:v>
                </c:pt>
                <c:pt idx="2757">
                  <c:v>5.75</c:v>
                </c:pt>
                <c:pt idx="2758">
                  <c:v>5.92</c:v>
                </c:pt>
                <c:pt idx="2759">
                  <c:v>6.4</c:v>
                </c:pt>
                <c:pt idx="2760">
                  <c:v>6.28</c:v>
                </c:pt>
                <c:pt idx="2761">
                  <c:v>6.25</c:v>
                </c:pt>
                <c:pt idx="2762">
                  <c:v>5.78</c:v>
                </c:pt>
                <c:pt idx="2763">
                  <c:v>5.85</c:v>
                </c:pt>
                <c:pt idx="2764">
                  <c:v>6.01</c:v>
                </c:pt>
                <c:pt idx="2765">
                  <c:v>6.02</c:v>
                </c:pt>
                <c:pt idx="2766">
                  <c:v>6.03</c:v>
                </c:pt>
                <c:pt idx="2767">
                  <c:v>6.02</c:v>
                </c:pt>
                <c:pt idx="2768">
                  <c:v>6.23</c:v>
                </c:pt>
                <c:pt idx="2769">
                  <c:v>6.3</c:v>
                </c:pt>
                <c:pt idx="2770">
                  <c:v>6.41</c:v>
                </c:pt>
                <c:pt idx="2771">
                  <c:v>6.52</c:v>
                </c:pt>
                <c:pt idx="2772">
                  <c:v>6.44</c:v>
                </c:pt>
                <c:pt idx="2773">
                  <c:v>6.33</c:v>
                </c:pt>
                <c:pt idx="2774">
                  <c:v>6.17</c:v>
                </c:pt>
                <c:pt idx="2775">
                  <c:v>6.17</c:v>
                </c:pt>
                <c:pt idx="2776">
                  <c:v>6.03</c:v>
                </c:pt>
                <c:pt idx="2777">
                  <c:v>6.04</c:v>
                </c:pt>
                <c:pt idx="2778">
                  <c:v>6.06</c:v>
                </c:pt>
                <c:pt idx="2779">
                  <c:v>6.14</c:v>
                </c:pt>
                <c:pt idx="2780">
                  <c:v>6.14</c:v>
                </c:pt>
                <c:pt idx="2781">
                  <c:v>6.01</c:v>
                </c:pt>
                <c:pt idx="2782">
                  <c:v>6.03</c:v>
                </c:pt>
                <c:pt idx="2783">
                  <c:v>5.81</c:v>
                </c:pt>
                <c:pt idx="2784">
                  <c:v>5.76</c:v>
                </c:pt>
                <c:pt idx="2785">
                  <c:v>5.74</c:v>
                </c:pt>
                <c:pt idx="2786">
                  <c:v>5.54</c:v>
                </c:pt>
                <c:pt idx="2787">
                  <c:v>5.33</c:v>
                </c:pt>
                <c:pt idx="2788">
                  <c:v>5.28</c:v>
                </c:pt>
                <c:pt idx="2789">
                  <c:v>5.26</c:v>
                </c:pt>
                <c:pt idx="2790">
                  <c:v>5.29</c:v>
                </c:pt>
                <c:pt idx="2791">
                  <c:v>5.24</c:v>
                </c:pt>
                <c:pt idx="2792">
                  <c:v>5.27</c:v>
                </c:pt>
                <c:pt idx="2793">
                  <c:v>5.15</c:v>
                </c:pt>
                <c:pt idx="2794">
                  <c:v>5.14</c:v>
                </c:pt>
                <c:pt idx="2795">
                  <c:v>5.16</c:v>
                </c:pt>
                <c:pt idx="2796">
                  <c:v>5.08</c:v>
                </c:pt>
                <c:pt idx="2797">
                  <c:v>5.13</c:v>
                </c:pt>
                <c:pt idx="2798">
                  <c:v>5.04</c:v>
                </c:pt>
                <c:pt idx="2799">
                  <c:v>5.0599999999999996</c:v>
                </c:pt>
                <c:pt idx="2800">
                  <c:v>5.0599999999999996</c:v>
                </c:pt>
                <c:pt idx="2801">
                  <c:v>5.09</c:v>
                </c:pt>
                <c:pt idx="2802">
                  <c:v>5.03</c:v>
                </c:pt>
                <c:pt idx="2803">
                  <c:v>5.0999999999999996</c:v>
                </c:pt>
                <c:pt idx="2804">
                  <c:v>5.16</c:v>
                </c:pt>
                <c:pt idx="2805">
                  <c:v>5.26</c:v>
                </c:pt>
                <c:pt idx="2806">
                  <c:v>5.29</c:v>
                </c:pt>
                <c:pt idx="2807">
                  <c:v>5.26</c:v>
                </c:pt>
                <c:pt idx="2808">
                  <c:v>5.25</c:v>
                </c:pt>
                <c:pt idx="2809">
                  <c:v>5.28</c:v>
                </c:pt>
                <c:pt idx="2810">
                  <c:v>5.25</c:v>
                </c:pt>
                <c:pt idx="2811">
                  <c:v>5.17</c:v>
                </c:pt>
                <c:pt idx="2812">
                  <c:v>5.07</c:v>
                </c:pt>
                <c:pt idx="2813">
                  <c:v>5.0199999999999996</c:v>
                </c:pt>
                <c:pt idx="2814">
                  <c:v>4.9800000000000004</c:v>
                </c:pt>
                <c:pt idx="2815">
                  <c:v>5</c:v>
                </c:pt>
                <c:pt idx="2816">
                  <c:v>5.0199999999999996</c:v>
                </c:pt>
                <c:pt idx="2817">
                  <c:v>4.97</c:v>
                </c:pt>
                <c:pt idx="2818">
                  <c:v>4.93</c:v>
                </c:pt>
                <c:pt idx="2819">
                  <c:v>5.04</c:v>
                </c:pt>
                <c:pt idx="2820">
                  <c:v>5.13</c:v>
                </c:pt>
                <c:pt idx="2821">
                  <c:v>5.13</c:v>
                </c:pt>
                <c:pt idx="2822">
                  <c:v>5.25</c:v>
                </c:pt>
                <c:pt idx="2823">
                  <c:v>5.16</c:v>
                </c:pt>
                <c:pt idx="2824">
                  <c:v>5.16</c:v>
                </c:pt>
                <c:pt idx="2825">
                  <c:v>5.21</c:v>
                </c:pt>
                <c:pt idx="2826">
                  <c:v>5.18</c:v>
                </c:pt>
                <c:pt idx="2827">
                  <c:v>5.14</c:v>
                </c:pt>
                <c:pt idx="2828">
                  <c:v>5.07</c:v>
                </c:pt>
                <c:pt idx="2829">
                  <c:v>5.14</c:v>
                </c:pt>
                <c:pt idx="2830">
                  <c:v>5.16</c:v>
                </c:pt>
                <c:pt idx="2831">
                  <c:v>5.42</c:v>
                </c:pt>
                <c:pt idx="2832">
                  <c:v>5.45</c:v>
                </c:pt>
                <c:pt idx="2833">
                  <c:v>5.47</c:v>
                </c:pt>
                <c:pt idx="2834">
                  <c:v>5.64</c:v>
                </c:pt>
                <c:pt idx="2835">
                  <c:v>5.64</c:v>
                </c:pt>
                <c:pt idx="2836">
                  <c:v>5.52</c:v>
                </c:pt>
                <c:pt idx="2837">
                  <c:v>5.5</c:v>
                </c:pt>
                <c:pt idx="2838">
                  <c:v>5.41</c:v>
                </c:pt>
                <c:pt idx="2839">
                  <c:v>5.36</c:v>
                </c:pt>
                <c:pt idx="2840">
                  <c:v>5.38</c:v>
                </c:pt>
                <c:pt idx="2841">
                  <c:v>5.18</c:v>
                </c:pt>
                <c:pt idx="2842">
                  <c:v>5.0599999999999996</c:v>
                </c:pt>
                <c:pt idx="2843">
                  <c:v>5.0199999999999996</c:v>
                </c:pt>
                <c:pt idx="2844">
                  <c:v>4.97</c:v>
                </c:pt>
                <c:pt idx="2845">
                  <c:v>4.92</c:v>
                </c:pt>
                <c:pt idx="2846">
                  <c:v>4.92</c:v>
                </c:pt>
                <c:pt idx="2847">
                  <c:v>4.88</c:v>
                </c:pt>
                <c:pt idx="2848">
                  <c:v>4.8899999999999997</c:v>
                </c:pt>
                <c:pt idx="2849">
                  <c:v>5.01</c:v>
                </c:pt>
                <c:pt idx="2850">
                  <c:v>4.9400000000000004</c:v>
                </c:pt>
                <c:pt idx="2851">
                  <c:v>4.91</c:v>
                </c:pt>
                <c:pt idx="2852">
                  <c:v>4.9000000000000004</c:v>
                </c:pt>
                <c:pt idx="2853">
                  <c:v>4.91</c:v>
                </c:pt>
                <c:pt idx="2854">
                  <c:v>4.88</c:v>
                </c:pt>
                <c:pt idx="2855">
                  <c:v>4.87</c:v>
                </c:pt>
                <c:pt idx="2856">
                  <c:v>5.03</c:v>
                </c:pt>
                <c:pt idx="2857">
                  <c:v>5.0599999999999996</c:v>
                </c:pt>
                <c:pt idx="2858">
                  <c:v>5.29</c:v>
                </c:pt>
                <c:pt idx="2859">
                  <c:v>5.25</c:v>
                </c:pt>
                <c:pt idx="2860">
                  <c:v>5.25</c:v>
                </c:pt>
                <c:pt idx="2861">
                  <c:v>5.32</c:v>
                </c:pt>
                <c:pt idx="2862">
                  <c:v>5.25</c:v>
                </c:pt>
                <c:pt idx="2863">
                  <c:v>5.07</c:v>
                </c:pt>
                <c:pt idx="2864">
                  <c:v>4.79</c:v>
                </c:pt>
                <c:pt idx="2865">
                  <c:v>4.59</c:v>
                </c:pt>
                <c:pt idx="2866">
                  <c:v>4.67</c:v>
                </c:pt>
                <c:pt idx="2867">
                  <c:v>4.22</c:v>
                </c:pt>
                <c:pt idx="2868">
                  <c:v>4.37</c:v>
                </c:pt>
                <c:pt idx="2869">
                  <c:v>4.37</c:v>
                </c:pt>
                <c:pt idx="2870">
                  <c:v>4.62</c:v>
                </c:pt>
                <c:pt idx="2871">
                  <c:v>4.63</c:v>
                </c:pt>
                <c:pt idx="2872">
                  <c:v>4.5</c:v>
                </c:pt>
                <c:pt idx="2873">
                  <c:v>4.4800000000000004</c:v>
                </c:pt>
                <c:pt idx="2874">
                  <c:v>4.42</c:v>
                </c:pt>
                <c:pt idx="2875">
                  <c:v>4.4800000000000004</c:v>
                </c:pt>
                <c:pt idx="2876">
                  <c:v>4.49</c:v>
                </c:pt>
                <c:pt idx="2877">
                  <c:v>4.43</c:v>
                </c:pt>
                <c:pt idx="2878">
                  <c:v>4.3099999999999996</c:v>
                </c:pt>
                <c:pt idx="2879">
                  <c:v>4.33</c:v>
                </c:pt>
                <c:pt idx="2880">
                  <c:v>4.33</c:v>
                </c:pt>
                <c:pt idx="2881">
                  <c:v>4.3499999999999996</c:v>
                </c:pt>
                <c:pt idx="2882">
                  <c:v>4.33</c:v>
                </c:pt>
                <c:pt idx="2883">
                  <c:v>4.21</c:v>
                </c:pt>
                <c:pt idx="2884">
                  <c:v>4.17</c:v>
                </c:pt>
                <c:pt idx="2885">
                  <c:v>4.0999999999999996</c:v>
                </c:pt>
                <c:pt idx="2886">
                  <c:v>4.03</c:v>
                </c:pt>
                <c:pt idx="2887">
                  <c:v>4.03</c:v>
                </c:pt>
                <c:pt idx="2888">
                  <c:v>4.03</c:v>
                </c:pt>
                <c:pt idx="2889">
                  <c:v>4.04</c:v>
                </c:pt>
                <c:pt idx="2890">
                  <c:v>4.08</c:v>
                </c:pt>
                <c:pt idx="2891">
                  <c:v>4.13</c:v>
                </c:pt>
                <c:pt idx="2892">
                  <c:v>4.07</c:v>
                </c:pt>
                <c:pt idx="2893">
                  <c:v>4.0599999999999996</c:v>
                </c:pt>
                <c:pt idx="2894">
                  <c:v>4.0599999999999996</c:v>
                </c:pt>
                <c:pt idx="2895">
                  <c:v>4.05</c:v>
                </c:pt>
                <c:pt idx="2896">
                  <c:v>4.03</c:v>
                </c:pt>
                <c:pt idx="2897">
                  <c:v>4.18</c:v>
                </c:pt>
                <c:pt idx="2898">
                  <c:v>4.12</c:v>
                </c:pt>
                <c:pt idx="2899">
                  <c:v>4.07</c:v>
                </c:pt>
                <c:pt idx="2900">
                  <c:v>4.05</c:v>
                </c:pt>
                <c:pt idx="2902">
                  <c:v>3.89</c:v>
                </c:pt>
                <c:pt idx="2903">
                  <c:v>3.85</c:v>
                </c:pt>
                <c:pt idx="2904">
                  <c:v>3.87</c:v>
                </c:pt>
                <c:pt idx="2905">
                  <c:v>3.86</c:v>
                </c:pt>
                <c:pt idx="2907">
                  <c:v>3.93</c:v>
                </c:pt>
                <c:pt idx="2908">
                  <c:v>3.92</c:v>
                </c:pt>
                <c:pt idx="2909">
                  <c:v>3.8</c:v>
                </c:pt>
                <c:pt idx="2910">
                  <c:v>3.78</c:v>
                </c:pt>
                <c:pt idx="2911">
                  <c:v>3.76</c:v>
                </c:pt>
                <c:pt idx="2912">
                  <c:v>3.82</c:v>
                </c:pt>
                <c:pt idx="2913">
                  <c:v>3.85</c:v>
                </c:pt>
                <c:pt idx="2914">
                  <c:v>3.82</c:v>
                </c:pt>
                <c:pt idx="2915">
                  <c:v>3.73</c:v>
                </c:pt>
                <c:pt idx="2916">
                  <c:v>3.74</c:v>
                </c:pt>
                <c:pt idx="2917">
                  <c:v>3.73</c:v>
                </c:pt>
                <c:pt idx="2918">
                  <c:v>3.71</c:v>
                </c:pt>
                <c:pt idx="2919">
                  <c:v>3.67</c:v>
                </c:pt>
                <c:pt idx="2920">
                  <c:v>3.65</c:v>
                </c:pt>
                <c:pt idx="2921">
                  <c:v>3.75</c:v>
                </c:pt>
                <c:pt idx="2922">
                  <c:v>3.75</c:v>
                </c:pt>
                <c:pt idx="2923">
                  <c:v>3.74</c:v>
                </c:pt>
                <c:pt idx="2924">
                  <c:v>3.85</c:v>
                </c:pt>
                <c:pt idx="2925">
                  <c:v>3.76</c:v>
                </c:pt>
                <c:pt idx="2926">
                  <c:v>3.79</c:v>
                </c:pt>
                <c:pt idx="2927">
                  <c:v>3.84</c:v>
                </c:pt>
                <c:pt idx="2928">
                  <c:v>3.83</c:v>
                </c:pt>
                <c:pt idx="2929">
                  <c:v>3.75</c:v>
                </c:pt>
                <c:pt idx="2930">
                  <c:v>3.68</c:v>
                </c:pt>
                <c:pt idx="2931">
                  <c:v>3.64</c:v>
                </c:pt>
                <c:pt idx="2932">
                  <c:v>3.58</c:v>
                </c:pt>
                <c:pt idx="2933">
                  <c:v>3.54</c:v>
                </c:pt>
                <c:pt idx="2934">
                  <c:v>3.51</c:v>
                </c:pt>
                <c:pt idx="2935">
                  <c:v>3.51</c:v>
                </c:pt>
                <c:pt idx="2936">
                  <c:v>3.5</c:v>
                </c:pt>
                <c:pt idx="2937">
                  <c:v>3.48</c:v>
                </c:pt>
                <c:pt idx="2938">
                  <c:v>3.47</c:v>
                </c:pt>
                <c:pt idx="2939">
                  <c:v>3.41</c:v>
                </c:pt>
                <c:pt idx="2940">
                  <c:v>3.44</c:v>
                </c:pt>
                <c:pt idx="2941">
                  <c:v>3.46</c:v>
                </c:pt>
                <c:pt idx="2942">
                  <c:v>3.41</c:v>
                </c:pt>
                <c:pt idx="2943">
                  <c:v>3.44</c:v>
                </c:pt>
                <c:pt idx="2944">
                  <c:v>3.47</c:v>
                </c:pt>
                <c:pt idx="2945">
                  <c:v>3.42</c:v>
                </c:pt>
                <c:pt idx="2946">
                  <c:v>3.42</c:v>
                </c:pt>
                <c:pt idx="2947">
                  <c:v>3.52</c:v>
                </c:pt>
                <c:pt idx="2948">
                  <c:v>3.57</c:v>
                </c:pt>
                <c:pt idx="2949">
                  <c:v>3.54</c:v>
                </c:pt>
                <c:pt idx="2950">
                  <c:v>3.53</c:v>
                </c:pt>
                <c:pt idx="2951">
                  <c:v>3.51</c:v>
                </c:pt>
                <c:pt idx="2952">
                  <c:v>3.54</c:v>
                </c:pt>
                <c:pt idx="2953">
                  <c:v>3.6</c:v>
                </c:pt>
                <c:pt idx="2954">
                  <c:v>3.57</c:v>
                </c:pt>
                <c:pt idx="2955">
                  <c:v>3.62</c:v>
                </c:pt>
                <c:pt idx="2956">
                  <c:v>3.63</c:v>
                </c:pt>
                <c:pt idx="2957">
                  <c:v>3.52</c:v>
                </c:pt>
                <c:pt idx="2958">
                  <c:v>3.55</c:v>
                </c:pt>
                <c:pt idx="2959">
                  <c:v>3.55</c:v>
                </c:pt>
                <c:pt idx="2960">
                  <c:v>3.55</c:v>
                </c:pt>
                <c:pt idx="2961">
                  <c:v>3.65</c:v>
                </c:pt>
                <c:pt idx="2962">
                  <c:v>3.66</c:v>
                </c:pt>
                <c:pt idx="2963">
                  <c:v>3.67</c:v>
                </c:pt>
                <c:pt idx="2964">
                  <c:v>3.58</c:v>
                </c:pt>
                <c:pt idx="2965">
                  <c:v>3.57</c:v>
                </c:pt>
                <c:pt idx="2966">
                  <c:v>3.51</c:v>
                </c:pt>
                <c:pt idx="2967">
                  <c:v>3.53</c:v>
                </c:pt>
                <c:pt idx="2968">
                  <c:v>3.48</c:v>
                </c:pt>
                <c:pt idx="2969">
                  <c:v>3.43</c:v>
                </c:pt>
                <c:pt idx="2970">
                  <c:v>3.44</c:v>
                </c:pt>
                <c:pt idx="2971">
                  <c:v>3.36</c:v>
                </c:pt>
                <c:pt idx="2972">
                  <c:v>3.33</c:v>
                </c:pt>
                <c:pt idx="2974">
                  <c:v>3.25</c:v>
                </c:pt>
                <c:pt idx="2975">
                  <c:v>3.25</c:v>
                </c:pt>
                <c:pt idx="2976">
                  <c:v>3.22</c:v>
                </c:pt>
                <c:pt idx="2977">
                  <c:v>3.21</c:v>
                </c:pt>
                <c:pt idx="2978">
                  <c:v>3.24</c:v>
                </c:pt>
                <c:pt idx="2979">
                  <c:v>3.24</c:v>
                </c:pt>
                <c:pt idx="2980">
                  <c:v>3.32</c:v>
                </c:pt>
                <c:pt idx="2981">
                  <c:v>3.25</c:v>
                </c:pt>
                <c:pt idx="2982">
                  <c:v>3.25</c:v>
                </c:pt>
                <c:pt idx="2983">
                  <c:v>3.22</c:v>
                </c:pt>
                <c:pt idx="2984">
                  <c:v>3.25</c:v>
                </c:pt>
                <c:pt idx="2985">
                  <c:v>3.35</c:v>
                </c:pt>
                <c:pt idx="2986">
                  <c:v>3.34</c:v>
                </c:pt>
                <c:pt idx="2987">
                  <c:v>3.34</c:v>
                </c:pt>
                <c:pt idx="2988">
                  <c:v>3.29</c:v>
                </c:pt>
                <c:pt idx="2989">
                  <c:v>3.26</c:v>
                </c:pt>
                <c:pt idx="2990">
                  <c:v>3.24</c:v>
                </c:pt>
                <c:pt idx="2991">
                  <c:v>3.26</c:v>
                </c:pt>
                <c:pt idx="2992">
                  <c:v>3.24</c:v>
                </c:pt>
                <c:pt idx="2993">
                  <c:v>3.28</c:v>
                </c:pt>
                <c:pt idx="2994">
                  <c:v>3.27</c:v>
                </c:pt>
                <c:pt idx="2995">
                  <c:v>3.32</c:v>
                </c:pt>
                <c:pt idx="2996">
                  <c:v>3.29</c:v>
                </c:pt>
                <c:pt idx="2997">
                  <c:v>3.3</c:v>
                </c:pt>
                <c:pt idx="2998">
                  <c:v>3.27</c:v>
                </c:pt>
                <c:pt idx="2999">
                  <c:v>3.26</c:v>
                </c:pt>
                <c:pt idx="3000">
                  <c:v>3.36</c:v>
                </c:pt>
                <c:pt idx="3001">
                  <c:v>3.34</c:v>
                </c:pt>
                <c:pt idx="3002">
                  <c:v>3.37</c:v>
                </c:pt>
                <c:pt idx="3003">
                  <c:v>3.35</c:v>
                </c:pt>
                <c:pt idx="3004">
                  <c:v>3.35</c:v>
                </c:pt>
                <c:pt idx="3005">
                  <c:v>3.35</c:v>
                </c:pt>
                <c:pt idx="3006">
                  <c:v>3.4</c:v>
                </c:pt>
                <c:pt idx="3007">
                  <c:v>3.42</c:v>
                </c:pt>
                <c:pt idx="3008">
                  <c:v>3.37</c:v>
                </c:pt>
                <c:pt idx="3009">
                  <c:v>3.37</c:v>
                </c:pt>
                <c:pt idx="3010">
                  <c:v>3.34</c:v>
                </c:pt>
                <c:pt idx="3011">
                  <c:v>3.35</c:v>
                </c:pt>
                <c:pt idx="3012">
                  <c:v>3.3</c:v>
                </c:pt>
                <c:pt idx="3013">
                  <c:v>3.29</c:v>
                </c:pt>
                <c:pt idx="3014">
                  <c:v>3.34</c:v>
                </c:pt>
                <c:pt idx="3015">
                  <c:v>3.33</c:v>
                </c:pt>
                <c:pt idx="3016">
                  <c:v>3.31</c:v>
                </c:pt>
                <c:pt idx="3017">
                  <c:v>3.28</c:v>
                </c:pt>
                <c:pt idx="3018">
                  <c:v>3.28</c:v>
                </c:pt>
                <c:pt idx="3019">
                  <c:v>3.27</c:v>
                </c:pt>
                <c:pt idx="3020">
                  <c:v>3.26</c:v>
                </c:pt>
                <c:pt idx="3021">
                  <c:v>3.22</c:v>
                </c:pt>
                <c:pt idx="3022">
                  <c:v>3.23</c:v>
                </c:pt>
                <c:pt idx="3023">
                  <c:v>3.21</c:v>
                </c:pt>
                <c:pt idx="3024">
                  <c:v>3.17</c:v>
                </c:pt>
                <c:pt idx="3025">
                  <c:v>3.17</c:v>
                </c:pt>
                <c:pt idx="3026">
                  <c:v>3.12</c:v>
                </c:pt>
                <c:pt idx="3027">
                  <c:v>3.15</c:v>
                </c:pt>
                <c:pt idx="3028">
                  <c:v>3.18</c:v>
                </c:pt>
                <c:pt idx="3029">
                  <c:v>3.14</c:v>
                </c:pt>
                <c:pt idx="3030">
                  <c:v>3.15</c:v>
                </c:pt>
                <c:pt idx="3031">
                  <c:v>3.13</c:v>
                </c:pt>
                <c:pt idx="3032">
                  <c:v>3.08</c:v>
                </c:pt>
                <c:pt idx="3033">
                  <c:v>3.04</c:v>
                </c:pt>
                <c:pt idx="3034">
                  <c:v>3.05</c:v>
                </c:pt>
                <c:pt idx="3035">
                  <c:v>3.03</c:v>
                </c:pt>
                <c:pt idx="3036">
                  <c:v>3.04</c:v>
                </c:pt>
                <c:pt idx="3037">
                  <c:v>3.02</c:v>
                </c:pt>
                <c:pt idx="3038">
                  <c:v>3.04</c:v>
                </c:pt>
                <c:pt idx="3039">
                  <c:v>3.03</c:v>
                </c:pt>
                <c:pt idx="3040">
                  <c:v>3.05</c:v>
                </c:pt>
                <c:pt idx="3041">
                  <c:v>3.05</c:v>
                </c:pt>
                <c:pt idx="3042">
                  <c:v>3.14</c:v>
                </c:pt>
                <c:pt idx="3043">
                  <c:v>3.07</c:v>
                </c:pt>
                <c:pt idx="3044">
                  <c:v>3.05</c:v>
                </c:pt>
                <c:pt idx="3045">
                  <c:v>3.04</c:v>
                </c:pt>
                <c:pt idx="3046">
                  <c:v>3.1</c:v>
                </c:pt>
                <c:pt idx="3047">
                  <c:v>3.14</c:v>
                </c:pt>
                <c:pt idx="3048">
                  <c:v>3.18</c:v>
                </c:pt>
                <c:pt idx="3049">
                  <c:v>3.44</c:v>
                </c:pt>
                <c:pt idx="3050">
                  <c:v>3.38</c:v>
                </c:pt>
                <c:pt idx="3051">
                  <c:v>3.24</c:v>
                </c:pt>
                <c:pt idx="3052">
                  <c:v>3.24</c:v>
                </c:pt>
                <c:pt idx="3053">
                  <c:v>3.22</c:v>
                </c:pt>
                <c:pt idx="3054">
                  <c:v>3.21</c:v>
                </c:pt>
                <c:pt idx="3055">
                  <c:v>3.27</c:v>
                </c:pt>
                <c:pt idx="3056">
                  <c:v>3.26</c:v>
                </c:pt>
                <c:pt idx="3057">
                  <c:v>3.23</c:v>
                </c:pt>
                <c:pt idx="3058">
                  <c:v>3.26</c:v>
                </c:pt>
                <c:pt idx="3059">
                  <c:v>3.32</c:v>
                </c:pt>
                <c:pt idx="3060">
                  <c:v>3.36</c:v>
                </c:pt>
                <c:pt idx="3061">
                  <c:v>3.42</c:v>
                </c:pt>
                <c:pt idx="3062">
                  <c:v>3.42</c:v>
                </c:pt>
                <c:pt idx="3063">
                  <c:v>3.37</c:v>
                </c:pt>
                <c:pt idx="3064">
                  <c:v>3.32</c:v>
                </c:pt>
                <c:pt idx="3065">
                  <c:v>3.34</c:v>
                </c:pt>
                <c:pt idx="3066">
                  <c:v>3.32</c:v>
                </c:pt>
                <c:pt idx="3067">
                  <c:v>3.37</c:v>
                </c:pt>
                <c:pt idx="3068">
                  <c:v>3.34</c:v>
                </c:pt>
                <c:pt idx="3069">
                  <c:v>3.36</c:v>
                </c:pt>
                <c:pt idx="3070">
                  <c:v>3.38</c:v>
                </c:pt>
                <c:pt idx="3071">
                  <c:v>3.37</c:v>
                </c:pt>
                <c:pt idx="3072">
                  <c:v>3.35</c:v>
                </c:pt>
                <c:pt idx="3073">
                  <c:v>3.42</c:v>
                </c:pt>
                <c:pt idx="3074">
                  <c:v>3.37</c:v>
                </c:pt>
                <c:pt idx="3075">
                  <c:v>3.34</c:v>
                </c:pt>
                <c:pt idx="3076">
                  <c:v>3.26</c:v>
                </c:pt>
                <c:pt idx="3077">
                  <c:v>3.22</c:v>
                </c:pt>
                <c:pt idx="3078">
                  <c:v>3.2</c:v>
                </c:pt>
                <c:pt idx="3079">
                  <c:v>3.17</c:v>
                </c:pt>
                <c:pt idx="3080">
                  <c:v>3.16</c:v>
                </c:pt>
                <c:pt idx="3081">
                  <c:v>3.21</c:v>
                </c:pt>
                <c:pt idx="3082">
                  <c:v>3.19</c:v>
                </c:pt>
                <c:pt idx="3083">
                  <c:v>3.16</c:v>
                </c:pt>
                <c:pt idx="3084">
                  <c:v>3.14</c:v>
                </c:pt>
                <c:pt idx="3085">
                  <c:v>3.13</c:v>
                </c:pt>
                <c:pt idx="3086">
                  <c:v>3.16</c:v>
                </c:pt>
                <c:pt idx="3087">
                  <c:v>3.16</c:v>
                </c:pt>
                <c:pt idx="3088">
                  <c:v>3.15</c:v>
                </c:pt>
                <c:pt idx="3089">
                  <c:v>3.11</c:v>
                </c:pt>
                <c:pt idx="3090">
                  <c:v>3.09</c:v>
                </c:pt>
                <c:pt idx="3091">
                  <c:v>3.11</c:v>
                </c:pt>
                <c:pt idx="3092">
                  <c:v>3.08</c:v>
                </c:pt>
                <c:pt idx="3093">
                  <c:v>3.06</c:v>
                </c:pt>
                <c:pt idx="3094">
                  <c:v>3.04</c:v>
                </c:pt>
                <c:pt idx="3095">
                  <c:v>3.23</c:v>
                </c:pt>
                <c:pt idx="3096">
                  <c:v>3.17</c:v>
                </c:pt>
                <c:pt idx="3097">
                  <c:v>3.09</c:v>
                </c:pt>
                <c:pt idx="3098">
                  <c:v>3.03</c:v>
                </c:pt>
                <c:pt idx="3099">
                  <c:v>3.05</c:v>
                </c:pt>
                <c:pt idx="3100">
                  <c:v>3.06</c:v>
                </c:pt>
                <c:pt idx="3101">
                  <c:v>3.13</c:v>
                </c:pt>
                <c:pt idx="3102">
                  <c:v>3.09</c:v>
                </c:pt>
                <c:pt idx="3103">
                  <c:v>3.15</c:v>
                </c:pt>
                <c:pt idx="3104">
                  <c:v>3.2</c:v>
                </c:pt>
                <c:pt idx="3105">
                  <c:v>3.21</c:v>
                </c:pt>
                <c:pt idx="3106">
                  <c:v>3.17</c:v>
                </c:pt>
                <c:pt idx="3107">
                  <c:v>3.29</c:v>
                </c:pt>
                <c:pt idx="3108">
                  <c:v>3.19</c:v>
                </c:pt>
                <c:pt idx="3109">
                  <c:v>3.2</c:v>
                </c:pt>
                <c:pt idx="3110">
                  <c:v>3.2</c:v>
                </c:pt>
                <c:pt idx="3111">
                  <c:v>3.28</c:v>
                </c:pt>
                <c:pt idx="3112">
                  <c:v>3.25</c:v>
                </c:pt>
                <c:pt idx="3113">
                  <c:v>3.18</c:v>
                </c:pt>
                <c:pt idx="3114">
                  <c:v>3.12</c:v>
                </c:pt>
                <c:pt idx="3115">
                  <c:v>3.11</c:v>
                </c:pt>
                <c:pt idx="3116">
                  <c:v>3.09</c:v>
                </c:pt>
                <c:pt idx="3117">
                  <c:v>3.07</c:v>
                </c:pt>
                <c:pt idx="3118">
                  <c:v>3.03</c:v>
                </c:pt>
                <c:pt idx="3119">
                  <c:v>3.07</c:v>
                </c:pt>
                <c:pt idx="3120">
                  <c:v>3.11</c:v>
                </c:pt>
                <c:pt idx="3121">
                  <c:v>3.09</c:v>
                </c:pt>
                <c:pt idx="3122">
                  <c:v>3.11</c:v>
                </c:pt>
                <c:pt idx="3123">
                  <c:v>3.08</c:v>
                </c:pt>
                <c:pt idx="3124">
                  <c:v>3.08</c:v>
                </c:pt>
                <c:pt idx="3125">
                  <c:v>3.15</c:v>
                </c:pt>
                <c:pt idx="3126">
                  <c:v>3.16</c:v>
                </c:pt>
                <c:pt idx="3127">
                  <c:v>3.21</c:v>
                </c:pt>
                <c:pt idx="3128">
                  <c:v>3.18</c:v>
                </c:pt>
                <c:pt idx="3129">
                  <c:v>3.19</c:v>
                </c:pt>
                <c:pt idx="3130">
                  <c:v>3.12</c:v>
                </c:pt>
                <c:pt idx="3131">
                  <c:v>3.03</c:v>
                </c:pt>
                <c:pt idx="3132">
                  <c:v>3.08</c:v>
                </c:pt>
                <c:pt idx="3133">
                  <c:v>3.06</c:v>
                </c:pt>
                <c:pt idx="3134">
                  <c:v>3.06</c:v>
                </c:pt>
                <c:pt idx="3135">
                  <c:v>3.09</c:v>
                </c:pt>
                <c:pt idx="3136">
                  <c:v>3.1</c:v>
                </c:pt>
                <c:pt idx="3137">
                  <c:v>3.12</c:v>
                </c:pt>
                <c:pt idx="3138">
                  <c:v>3.17</c:v>
                </c:pt>
                <c:pt idx="3139">
                  <c:v>3.19</c:v>
                </c:pt>
                <c:pt idx="3140">
                  <c:v>3.24</c:v>
                </c:pt>
                <c:pt idx="3141">
                  <c:v>3.18</c:v>
                </c:pt>
                <c:pt idx="3142">
                  <c:v>3.3</c:v>
                </c:pt>
                <c:pt idx="3143">
                  <c:v>3.32</c:v>
                </c:pt>
                <c:pt idx="3144">
                  <c:v>3.32</c:v>
                </c:pt>
                <c:pt idx="3145">
                  <c:v>3.62</c:v>
                </c:pt>
                <c:pt idx="3146">
                  <c:v>3.53</c:v>
                </c:pt>
                <c:pt idx="3147">
                  <c:v>3.67</c:v>
                </c:pt>
                <c:pt idx="3148">
                  <c:v>3.58</c:v>
                </c:pt>
                <c:pt idx="3149">
                  <c:v>3.54</c:v>
                </c:pt>
                <c:pt idx="3150">
                  <c:v>3.56</c:v>
                </c:pt>
                <c:pt idx="3151">
                  <c:v>3.41</c:v>
                </c:pt>
                <c:pt idx="3152">
                  <c:v>3.16</c:v>
                </c:pt>
                <c:pt idx="3153">
                  <c:v>3.21</c:v>
                </c:pt>
                <c:pt idx="3154">
                  <c:v>3.25</c:v>
                </c:pt>
                <c:pt idx="3155">
                  <c:v>3.29</c:v>
                </c:pt>
                <c:pt idx="3156">
                  <c:v>3.33</c:v>
                </c:pt>
                <c:pt idx="3157">
                  <c:v>3.35</c:v>
                </c:pt>
                <c:pt idx="3158">
                  <c:v>3.33</c:v>
                </c:pt>
                <c:pt idx="3159">
                  <c:v>3.32</c:v>
                </c:pt>
                <c:pt idx="3160">
                  <c:v>3.36</c:v>
                </c:pt>
                <c:pt idx="3161">
                  <c:v>3.41</c:v>
                </c:pt>
                <c:pt idx="3162">
                  <c:v>3.25</c:v>
                </c:pt>
                <c:pt idx="3163">
                  <c:v>3.21</c:v>
                </c:pt>
                <c:pt idx="3164">
                  <c:v>3.12</c:v>
                </c:pt>
                <c:pt idx="3166">
                  <c:v>3.02</c:v>
                </c:pt>
                <c:pt idx="3167">
                  <c:v>3.01</c:v>
                </c:pt>
                <c:pt idx="3168">
                  <c:v>3.03</c:v>
                </c:pt>
                <c:pt idx="3169">
                  <c:v>3.09</c:v>
                </c:pt>
                <c:pt idx="3170">
                  <c:v>3.1</c:v>
                </c:pt>
                <c:pt idx="3171">
                  <c:v>3.05</c:v>
                </c:pt>
                <c:pt idx="3172">
                  <c:v>3.09</c:v>
                </c:pt>
                <c:pt idx="3173">
                  <c:v>3.07</c:v>
                </c:pt>
                <c:pt idx="3174">
                  <c:v>3.15</c:v>
                </c:pt>
                <c:pt idx="3175">
                  <c:v>3.2</c:v>
                </c:pt>
                <c:pt idx="3176">
                  <c:v>3.24</c:v>
                </c:pt>
                <c:pt idx="3177">
                  <c:v>3.18</c:v>
                </c:pt>
                <c:pt idx="3178">
                  <c:v>3.06</c:v>
                </c:pt>
                <c:pt idx="3179">
                  <c:v>3.1</c:v>
                </c:pt>
                <c:pt idx="3180">
                  <c:v>3.09</c:v>
                </c:pt>
                <c:pt idx="3181">
                  <c:v>3.09</c:v>
                </c:pt>
                <c:pt idx="3182">
                  <c:v>3.12</c:v>
                </c:pt>
                <c:pt idx="3183">
                  <c:v>3.11</c:v>
                </c:pt>
                <c:pt idx="3184">
                  <c:v>3.1</c:v>
                </c:pt>
                <c:pt idx="3185">
                  <c:v>3.29</c:v>
                </c:pt>
                <c:pt idx="3186">
                  <c:v>3.44</c:v>
                </c:pt>
                <c:pt idx="3187">
                  <c:v>3.39</c:v>
                </c:pt>
                <c:pt idx="3188">
                  <c:v>3.25</c:v>
                </c:pt>
                <c:pt idx="3189">
                  <c:v>3.46</c:v>
                </c:pt>
                <c:pt idx="3190">
                  <c:v>3.61</c:v>
                </c:pt>
                <c:pt idx="3191">
                  <c:v>3.63</c:v>
                </c:pt>
                <c:pt idx="3192">
                  <c:v>3.51</c:v>
                </c:pt>
                <c:pt idx="3193">
                  <c:v>3.45</c:v>
                </c:pt>
                <c:pt idx="3194">
                  <c:v>3.51</c:v>
                </c:pt>
                <c:pt idx="3195">
                  <c:v>3.56</c:v>
                </c:pt>
                <c:pt idx="3196">
                  <c:v>3.6</c:v>
                </c:pt>
                <c:pt idx="3197">
                  <c:v>3.55</c:v>
                </c:pt>
                <c:pt idx="3198">
                  <c:v>3.46</c:v>
                </c:pt>
                <c:pt idx="3199">
                  <c:v>3.44</c:v>
                </c:pt>
                <c:pt idx="3200">
                  <c:v>3.66</c:v>
                </c:pt>
                <c:pt idx="3201">
                  <c:v>3.74</c:v>
                </c:pt>
                <c:pt idx="3202">
                  <c:v>3.67</c:v>
                </c:pt>
                <c:pt idx="3203">
                  <c:v>3.68</c:v>
                </c:pt>
                <c:pt idx="3204">
                  <c:v>3.74</c:v>
                </c:pt>
                <c:pt idx="3205">
                  <c:v>3.78</c:v>
                </c:pt>
                <c:pt idx="3206">
                  <c:v>3.78</c:v>
                </c:pt>
                <c:pt idx="3207">
                  <c:v>3.75</c:v>
                </c:pt>
                <c:pt idx="3208">
                  <c:v>3.72</c:v>
                </c:pt>
                <c:pt idx="3209">
                  <c:v>3.93</c:v>
                </c:pt>
                <c:pt idx="3210">
                  <c:v>3.62</c:v>
                </c:pt>
                <c:pt idx="3211">
                  <c:v>3.77</c:v>
                </c:pt>
                <c:pt idx="3212">
                  <c:v>3.89</c:v>
                </c:pt>
                <c:pt idx="3213">
                  <c:v>3.71</c:v>
                </c:pt>
                <c:pt idx="3214">
                  <c:v>3.71</c:v>
                </c:pt>
                <c:pt idx="3215">
                  <c:v>3.9</c:v>
                </c:pt>
                <c:pt idx="3216">
                  <c:v>4.01</c:v>
                </c:pt>
                <c:pt idx="3217">
                  <c:v>4.03</c:v>
                </c:pt>
                <c:pt idx="3218">
                  <c:v>3.94</c:v>
                </c:pt>
                <c:pt idx="3219">
                  <c:v>4</c:v>
                </c:pt>
                <c:pt idx="3220">
                  <c:v>4.05</c:v>
                </c:pt>
                <c:pt idx="3221">
                  <c:v>4.16</c:v>
                </c:pt>
                <c:pt idx="3222">
                  <c:v>4.21</c:v>
                </c:pt>
                <c:pt idx="3223">
                  <c:v>3.96</c:v>
                </c:pt>
                <c:pt idx="3224">
                  <c:v>3.81</c:v>
                </c:pt>
                <c:pt idx="3225">
                  <c:v>3.81</c:v>
                </c:pt>
                <c:pt idx="3226">
                  <c:v>3.67</c:v>
                </c:pt>
                <c:pt idx="3227">
                  <c:v>3.7</c:v>
                </c:pt>
                <c:pt idx="3228">
                  <c:v>3.72</c:v>
                </c:pt>
                <c:pt idx="3229">
                  <c:v>3.67</c:v>
                </c:pt>
                <c:pt idx="3230">
                  <c:v>3.51</c:v>
                </c:pt>
                <c:pt idx="3231">
                  <c:v>3.54</c:v>
                </c:pt>
                <c:pt idx="3232">
                  <c:v>3.38</c:v>
                </c:pt>
                <c:pt idx="3233">
                  <c:v>3.33</c:v>
                </c:pt>
                <c:pt idx="3234">
                  <c:v>3.43</c:v>
                </c:pt>
                <c:pt idx="3235">
                  <c:v>3.4</c:v>
                </c:pt>
                <c:pt idx="3236">
                  <c:v>3.33</c:v>
                </c:pt>
                <c:pt idx="3237">
                  <c:v>3.27</c:v>
                </c:pt>
                <c:pt idx="3238">
                  <c:v>3.48</c:v>
                </c:pt>
                <c:pt idx="3239">
                  <c:v>3.54</c:v>
                </c:pt>
                <c:pt idx="3240">
                  <c:v>3.57</c:v>
                </c:pt>
                <c:pt idx="3241">
                  <c:v>3.73</c:v>
                </c:pt>
                <c:pt idx="3242">
                  <c:v>3.75</c:v>
                </c:pt>
                <c:pt idx="3243">
                  <c:v>3.77</c:v>
                </c:pt>
                <c:pt idx="3244">
                  <c:v>3.68</c:v>
                </c:pt>
                <c:pt idx="3246">
                  <c:v>3.64</c:v>
                </c:pt>
                <c:pt idx="3247">
                  <c:v>3.58</c:v>
                </c:pt>
                <c:pt idx="3248">
                  <c:v>3.56</c:v>
                </c:pt>
                <c:pt idx="3249">
                  <c:v>3.5</c:v>
                </c:pt>
                <c:pt idx="3250">
                  <c:v>3.65</c:v>
                </c:pt>
                <c:pt idx="3251">
                  <c:v>3.8</c:v>
                </c:pt>
                <c:pt idx="3252">
                  <c:v>3.83</c:v>
                </c:pt>
                <c:pt idx="3253">
                  <c:v>3.89</c:v>
                </c:pt>
                <c:pt idx="3254">
                  <c:v>3.83</c:v>
                </c:pt>
                <c:pt idx="3255">
                  <c:v>3.93</c:v>
                </c:pt>
                <c:pt idx="3256">
                  <c:v>3.97</c:v>
                </c:pt>
                <c:pt idx="3257">
                  <c:v>4.05</c:v>
                </c:pt>
                <c:pt idx="3258">
                  <c:v>3.97</c:v>
                </c:pt>
                <c:pt idx="3259">
                  <c:v>4.0999999999999996</c:v>
                </c:pt>
                <c:pt idx="3260">
                  <c:v>4.03</c:v>
                </c:pt>
                <c:pt idx="3261">
                  <c:v>4.18</c:v>
                </c:pt>
                <c:pt idx="3262">
                  <c:v>4.47</c:v>
                </c:pt>
                <c:pt idx="3263">
                  <c:v>4.5199999999999996</c:v>
                </c:pt>
                <c:pt idx="3264">
                  <c:v>4.55</c:v>
                </c:pt>
                <c:pt idx="3265">
                  <c:v>4.7699999999999996</c:v>
                </c:pt>
                <c:pt idx="3266">
                  <c:v>4.63</c:v>
                </c:pt>
                <c:pt idx="3267">
                  <c:v>4.71</c:v>
                </c:pt>
                <c:pt idx="3268">
                  <c:v>4.5999999999999996</c:v>
                </c:pt>
                <c:pt idx="3269">
                  <c:v>4.84</c:v>
                </c:pt>
                <c:pt idx="3270">
                  <c:v>4.92</c:v>
                </c:pt>
                <c:pt idx="3271">
                  <c:v>4.91</c:v>
                </c:pt>
                <c:pt idx="3272">
                  <c:v>4.82</c:v>
                </c:pt>
                <c:pt idx="3273">
                  <c:v>4.9400000000000004</c:v>
                </c:pt>
                <c:pt idx="3274">
                  <c:v>4.74</c:v>
                </c:pt>
                <c:pt idx="3275">
                  <c:v>4.38</c:v>
                </c:pt>
                <c:pt idx="3276">
                  <c:v>4.1900000000000004</c:v>
                </c:pt>
                <c:pt idx="3277">
                  <c:v>4.1900000000000004</c:v>
                </c:pt>
                <c:pt idx="3278">
                  <c:v>4.22</c:v>
                </c:pt>
                <c:pt idx="3279">
                  <c:v>4.13</c:v>
                </c:pt>
                <c:pt idx="3280">
                  <c:v>4.1500000000000004</c:v>
                </c:pt>
                <c:pt idx="3281">
                  <c:v>4.21</c:v>
                </c:pt>
                <c:pt idx="3282">
                  <c:v>4.1900000000000004</c:v>
                </c:pt>
                <c:pt idx="3283">
                  <c:v>4.34</c:v>
                </c:pt>
                <c:pt idx="3284">
                  <c:v>4.34</c:v>
                </c:pt>
                <c:pt idx="3285">
                  <c:v>4.42</c:v>
                </c:pt>
                <c:pt idx="3286">
                  <c:v>4.51</c:v>
                </c:pt>
                <c:pt idx="3287">
                  <c:v>4.87</c:v>
                </c:pt>
                <c:pt idx="3288">
                  <c:v>4.9000000000000004</c:v>
                </c:pt>
                <c:pt idx="3289">
                  <c:v>4.82</c:v>
                </c:pt>
                <c:pt idx="3290">
                  <c:v>5.17</c:v>
                </c:pt>
                <c:pt idx="3291">
                  <c:v>5.15</c:v>
                </c:pt>
                <c:pt idx="3292">
                  <c:v>5.15</c:v>
                </c:pt>
                <c:pt idx="3293">
                  <c:v>5.05</c:v>
                </c:pt>
                <c:pt idx="3294">
                  <c:v>5.32</c:v>
                </c:pt>
                <c:pt idx="3295">
                  <c:v>5.38</c:v>
                </c:pt>
                <c:pt idx="3296">
                  <c:v>5.18</c:v>
                </c:pt>
                <c:pt idx="3297">
                  <c:v>5.1100000000000003</c:v>
                </c:pt>
                <c:pt idx="3298">
                  <c:v>5.26</c:v>
                </c:pt>
                <c:pt idx="3299">
                  <c:v>5.62</c:v>
                </c:pt>
                <c:pt idx="3300">
                  <c:v>5.87</c:v>
                </c:pt>
                <c:pt idx="3301">
                  <c:v>5.92</c:v>
                </c:pt>
                <c:pt idx="3302">
                  <c:v>5.93</c:v>
                </c:pt>
                <c:pt idx="3303">
                  <c:v>5.99</c:v>
                </c:pt>
                <c:pt idx="3304">
                  <c:v>5.8</c:v>
                </c:pt>
                <c:pt idx="3305">
                  <c:v>5.5</c:v>
                </c:pt>
                <c:pt idx="3306">
                  <c:v>5.36</c:v>
                </c:pt>
                <c:pt idx="3307">
                  <c:v>5.44</c:v>
                </c:pt>
                <c:pt idx="3308">
                  <c:v>5.43</c:v>
                </c:pt>
                <c:pt idx="3309">
                  <c:v>5.47</c:v>
                </c:pt>
                <c:pt idx="3310">
                  <c:v>5.53</c:v>
                </c:pt>
                <c:pt idx="3311">
                  <c:v>5.39</c:v>
                </c:pt>
                <c:pt idx="3312">
                  <c:v>5.25</c:v>
                </c:pt>
                <c:pt idx="3313">
                  <c:v>5.0999999999999996</c:v>
                </c:pt>
                <c:pt idx="3314">
                  <c:v>4.9000000000000004</c:v>
                </c:pt>
                <c:pt idx="3315">
                  <c:v>4.99</c:v>
                </c:pt>
                <c:pt idx="3316">
                  <c:v>4.96</c:v>
                </c:pt>
                <c:pt idx="3317">
                  <c:v>4.95</c:v>
                </c:pt>
                <c:pt idx="3318">
                  <c:v>5.0599999999999996</c:v>
                </c:pt>
                <c:pt idx="3319">
                  <c:v>5.07</c:v>
                </c:pt>
                <c:pt idx="3320">
                  <c:v>4.9800000000000004</c:v>
                </c:pt>
                <c:pt idx="3321">
                  <c:v>4.7699999999999996</c:v>
                </c:pt>
                <c:pt idx="3322">
                  <c:v>4.83</c:v>
                </c:pt>
                <c:pt idx="3323">
                  <c:v>4.8</c:v>
                </c:pt>
                <c:pt idx="3324">
                  <c:v>4.6100000000000003</c:v>
                </c:pt>
                <c:pt idx="3325">
                  <c:v>4.54</c:v>
                </c:pt>
                <c:pt idx="3326">
                  <c:v>4.55</c:v>
                </c:pt>
                <c:pt idx="3327">
                  <c:v>4.4400000000000004</c:v>
                </c:pt>
                <c:pt idx="3328">
                  <c:v>4.41</c:v>
                </c:pt>
                <c:pt idx="3329">
                  <c:v>4.46</c:v>
                </c:pt>
                <c:pt idx="3330">
                  <c:v>4.33</c:v>
                </c:pt>
                <c:pt idx="3331">
                  <c:v>4.21</c:v>
                </c:pt>
                <c:pt idx="3332">
                  <c:v>4.25</c:v>
                </c:pt>
                <c:pt idx="3333">
                  <c:v>4.24</c:v>
                </c:pt>
                <c:pt idx="3334">
                  <c:v>4.25</c:v>
                </c:pt>
                <c:pt idx="3335">
                  <c:v>4.33</c:v>
                </c:pt>
                <c:pt idx="3336">
                  <c:v>4.37</c:v>
                </c:pt>
                <c:pt idx="3337">
                  <c:v>4.45</c:v>
                </c:pt>
                <c:pt idx="3338">
                  <c:v>4.62</c:v>
                </c:pt>
                <c:pt idx="3339">
                  <c:v>4.68</c:v>
                </c:pt>
                <c:pt idx="3340">
                  <c:v>4.6100000000000003</c:v>
                </c:pt>
                <c:pt idx="3341">
                  <c:v>4.5999999999999996</c:v>
                </c:pt>
                <c:pt idx="3342">
                  <c:v>4.6500000000000004</c:v>
                </c:pt>
                <c:pt idx="3343">
                  <c:v>4.78</c:v>
                </c:pt>
                <c:pt idx="3344">
                  <c:v>4.9000000000000004</c:v>
                </c:pt>
                <c:pt idx="3345">
                  <c:v>5.03</c:v>
                </c:pt>
                <c:pt idx="3346">
                  <c:v>5.08</c:v>
                </c:pt>
                <c:pt idx="3347">
                  <c:v>5.0599999999999996</c:v>
                </c:pt>
                <c:pt idx="3348">
                  <c:v>5.07</c:v>
                </c:pt>
                <c:pt idx="3349">
                  <c:v>4.9800000000000004</c:v>
                </c:pt>
                <c:pt idx="3350">
                  <c:v>4.97</c:v>
                </c:pt>
                <c:pt idx="3351">
                  <c:v>4.8</c:v>
                </c:pt>
                <c:pt idx="3352">
                  <c:v>4.57</c:v>
                </c:pt>
                <c:pt idx="3353">
                  <c:v>4.5</c:v>
                </c:pt>
                <c:pt idx="3354">
                  <c:v>4.68</c:v>
                </c:pt>
                <c:pt idx="3355">
                  <c:v>4.74</c:v>
                </c:pt>
                <c:pt idx="3356">
                  <c:v>4.7699999999999996</c:v>
                </c:pt>
                <c:pt idx="3357">
                  <c:v>5</c:v>
                </c:pt>
                <c:pt idx="3358">
                  <c:v>4.88</c:v>
                </c:pt>
                <c:pt idx="3359">
                  <c:v>4.88</c:v>
                </c:pt>
                <c:pt idx="3360">
                  <c:v>4.87</c:v>
                </c:pt>
                <c:pt idx="3361">
                  <c:v>4.91</c:v>
                </c:pt>
                <c:pt idx="3362">
                  <c:v>5.12</c:v>
                </c:pt>
                <c:pt idx="3363">
                  <c:v>5.18</c:v>
                </c:pt>
                <c:pt idx="3364">
                  <c:v>5.22</c:v>
                </c:pt>
                <c:pt idx="3365">
                  <c:v>5.47</c:v>
                </c:pt>
                <c:pt idx="3366">
                  <c:v>5.5</c:v>
                </c:pt>
                <c:pt idx="3367">
                  <c:v>5.43</c:v>
                </c:pt>
                <c:pt idx="3368">
                  <c:v>5.43</c:v>
                </c:pt>
                <c:pt idx="3369">
                  <c:v>5.12</c:v>
                </c:pt>
                <c:pt idx="3370">
                  <c:v>5.09</c:v>
                </c:pt>
                <c:pt idx="3371">
                  <c:v>4.95</c:v>
                </c:pt>
                <c:pt idx="3372">
                  <c:v>5.0199999999999996</c:v>
                </c:pt>
                <c:pt idx="3373">
                  <c:v>5.03</c:v>
                </c:pt>
                <c:pt idx="3374">
                  <c:v>5.25</c:v>
                </c:pt>
                <c:pt idx="3375">
                  <c:v>5.31</c:v>
                </c:pt>
                <c:pt idx="3376">
                  <c:v>5.25</c:v>
                </c:pt>
                <c:pt idx="3377">
                  <c:v>5.15</c:v>
                </c:pt>
                <c:pt idx="3378">
                  <c:v>5.04</c:v>
                </c:pt>
                <c:pt idx="3379">
                  <c:v>4.95</c:v>
                </c:pt>
                <c:pt idx="3380">
                  <c:v>4.97</c:v>
                </c:pt>
                <c:pt idx="3381">
                  <c:v>4.8899999999999997</c:v>
                </c:pt>
                <c:pt idx="3382">
                  <c:v>4.99</c:v>
                </c:pt>
                <c:pt idx="3383">
                  <c:v>4.91</c:v>
                </c:pt>
                <c:pt idx="3384">
                  <c:v>4.88</c:v>
                </c:pt>
                <c:pt idx="3385">
                  <c:v>4.8</c:v>
                </c:pt>
                <c:pt idx="3386">
                  <c:v>4.76</c:v>
                </c:pt>
                <c:pt idx="3387">
                  <c:v>4.54</c:v>
                </c:pt>
                <c:pt idx="3388">
                  <c:v>4.63</c:v>
                </c:pt>
                <c:pt idx="3389">
                  <c:v>4.6100000000000003</c:v>
                </c:pt>
                <c:pt idx="3390">
                  <c:v>4.62</c:v>
                </c:pt>
                <c:pt idx="3391">
                  <c:v>4.8099999999999996</c:v>
                </c:pt>
                <c:pt idx="3392">
                  <c:v>4.7699999999999996</c:v>
                </c:pt>
                <c:pt idx="3393">
                  <c:v>4.71</c:v>
                </c:pt>
                <c:pt idx="3394">
                  <c:v>4.79</c:v>
                </c:pt>
                <c:pt idx="3395">
                  <c:v>4.99</c:v>
                </c:pt>
                <c:pt idx="3396">
                  <c:v>4.8</c:v>
                </c:pt>
                <c:pt idx="3397">
                  <c:v>4.8099999999999996</c:v>
                </c:pt>
                <c:pt idx="3398">
                  <c:v>4.67</c:v>
                </c:pt>
                <c:pt idx="3399">
                  <c:v>4.6399999999999997</c:v>
                </c:pt>
                <c:pt idx="3400">
                  <c:v>4.71</c:v>
                </c:pt>
                <c:pt idx="3401">
                  <c:v>4.75</c:v>
                </c:pt>
                <c:pt idx="3402">
                  <c:v>4.6500000000000004</c:v>
                </c:pt>
                <c:pt idx="3403">
                  <c:v>4.6399999999999997</c:v>
                </c:pt>
                <c:pt idx="3404">
                  <c:v>4.57</c:v>
                </c:pt>
                <c:pt idx="3405">
                  <c:v>4.51</c:v>
                </c:pt>
                <c:pt idx="3406">
                  <c:v>4.51</c:v>
                </c:pt>
                <c:pt idx="3407">
                  <c:v>4.5199999999999996</c:v>
                </c:pt>
                <c:pt idx="3408">
                  <c:v>4.63</c:v>
                </c:pt>
                <c:pt idx="3409">
                  <c:v>4.63</c:v>
                </c:pt>
                <c:pt idx="3410">
                  <c:v>4.55</c:v>
                </c:pt>
                <c:pt idx="3411">
                  <c:v>4.4800000000000004</c:v>
                </c:pt>
                <c:pt idx="3412">
                  <c:v>4.5</c:v>
                </c:pt>
                <c:pt idx="3413">
                  <c:v>4.43</c:v>
                </c:pt>
                <c:pt idx="3414">
                  <c:v>4.57</c:v>
                </c:pt>
                <c:pt idx="3415">
                  <c:v>4.68</c:v>
                </c:pt>
                <c:pt idx="3416">
                  <c:v>4.55</c:v>
                </c:pt>
                <c:pt idx="3417">
                  <c:v>4.46</c:v>
                </c:pt>
                <c:pt idx="3418">
                  <c:v>4.4000000000000004</c:v>
                </c:pt>
                <c:pt idx="3419">
                  <c:v>4.34</c:v>
                </c:pt>
                <c:pt idx="3420">
                  <c:v>4.37</c:v>
                </c:pt>
                <c:pt idx="3421">
                  <c:v>4.54</c:v>
                </c:pt>
                <c:pt idx="3422">
                  <c:v>4.67</c:v>
                </c:pt>
                <c:pt idx="3423">
                  <c:v>4.67</c:v>
                </c:pt>
                <c:pt idx="3424">
                  <c:v>4.68</c:v>
                </c:pt>
                <c:pt idx="3425">
                  <c:v>4.5599999999999996</c:v>
                </c:pt>
                <c:pt idx="3426">
                  <c:v>4.6100000000000003</c:v>
                </c:pt>
                <c:pt idx="3427">
                  <c:v>4.59</c:v>
                </c:pt>
                <c:pt idx="3429">
                  <c:v>4.55</c:v>
                </c:pt>
                <c:pt idx="3430">
                  <c:v>4.7699999999999996</c:v>
                </c:pt>
                <c:pt idx="3431">
                  <c:v>4.8099999999999996</c:v>
                </c:pt>
                <c:pt idx="3432">
                  <c:v>4.79</c:v>
                </c:pt>
                <c:pt idx="3433">
                  <c:v>4.8099999999999996</c:v>
                </c:pt>
                <c:pt idx="3435">
                  <c:v>4.7</c:v>
                </c:pt>
                <c:pt idx="3436">
                  <c:v>4.62</c:v>
                </c:pt>
                <c:pt idx="3437">
                  <c:v>4.58</c:v>
                </c:pt>
                <c:pt idx="3438">
                  <c:v>4.47</c:v>
                </c:pt>
                <c:pt idx="3439">
                  <c:v>4.37</c:v>
                </c:pt>
                <c:pt idx="3440">
                  <c:v>4.33</c:v>
                </c:pt>
                <c:pt idx="3441">
                  <c:v>4.3</c:v>
                </c:pt>
                <c:pt idx="3442">
                  <c:v>4.29</c:v>
                </c:pt>
                <c:pt idx="3443">
                  <c:v>4.21</c:v>
                </c:pt>
                <c:pt idx="3444">
                  <c:v>4.1900000000000004</c:v>
                </c:pt>
                <c:pt idx="3445">
                  <c:v>4.1900000000000004</c:v>
                </c:pt>
                <c:pt idx="3446">
                  <c:v>4.25</c:v>
                </c:pt>
                <c:pt idx="3447">
                  <c:v>4.3899999999999997</c:v>
                </c:pt>
                <c:pt idx="3448">
                  <c:v>4.3499999999999996</c:v>
                </c:pt>
                <c:pt idx="3449">
                  <c:v>4.2699999999999996</c:v>
                </c:pt>
                <c:pt idx="3450">
                  <c:v>4.33</c:v>
                </c:pt>
                <c:pt idx="3451">
                  <c:v>4.3499999999999996</c:v>
                </c:pt>
                <c:pt idx="3452">
                  <c:v>4.24</c:v>
                </c:pt>
                <c:pt idx="3453">
                  <c:v>4.2300000000000004</c:v>
                </c:pt>
                <c:pt idx="3454">
                  <c:v>4.26</c:v>
                </c:pt>
                <c:pt idx="3455">
                  <c:v>4.3</c:v>
                </c:pt>
                <c:pt idx="3456">
                  <c:v>4.3099999999999996</c:v>
                </c:pt>
                <c:pt idx="3457">
                  <c:v>3.94</c:v>
                </c:pt>
                <c:pt idx="3458">
                  <c:v>3.95</c:v>
                </c:pt>
                <c:pt idx="3459">
                  <c:v>3.99</c:v>
                </c:pt>
                <c:pt idx="3460">
                  <c:v>3.99</c:v>
                </c:pt>
                <c:pt idx="3461">
                  <c:v>4.07</c:v>
                </c:pt>
                <c:pt idx="3462">
                  <c:v>4.05</c:v>
                </c:pt>
                <c:pt idx="3463">
                  <c:v>4.24</c:v>
                </c:pt>
                <c:pt idx="3464">
                  <c:v>4.2300000000000004</c:v>
                </c:pt>
                <c:pt idx="3465">
                  <c:v>4.1500000000000004</c:v>
                </c:pt>
                <c:pt idx="3466">
                  <c:v>4.18</c:v>
                </c:pt>
                <c:pt idx="3467">
                  <c:v>4.24</c:v>
                </c:pt>
                <c:pt idx="3468">
                  <c:v>4.38</c:v>
                </c:pt>
                <c:pt idx="3469">
                  <c:v>4.38</c:v>
                </c:pt>
                <c:pt idx="3470">
                  <c:v>4.49</c:v>
                </c:pt>
                <c:pt idx="3471">
                  <c:v>4.41</c:v>
                </c:pt>
                <c:pt idx="3472">
                  <c:v>4.3</c:v>
                </c:pt>
                <c:pt idx="3473">
                  <c:v>4.28</c:v>
                </c:pt>
                <c:pt idx="3474">
                  <c:v>4.21</c:v>
                </c:pt>
                <c:pt idx="3475">
                  <c:v>4.22</c:v>
                </c:pt>
                <c:pt idx="3476">
                  <c:v>4.17</c:v>
                </c:pt>
                <c:pt idx="3477">
                  <c:v>4.18</c:v>
                </c:pt>
                <c:pt idx="3478">
                  <c:v>4.05</c:v>
                </c:pt>
                <c:pt idx="3479">
                  <c:v>3.97</c:v>
                </c:pt>
                <c:pt idx="3480">
                  <c:v>3.98</c:v>
                </c:pt>
                <c:pt idx="3481">
                  <c:v>4.09</c:v>
                </c:pt>
                <c:pt idx="3482">
                  <c:v>4.2699999999999996</c:v>
                </c:pt>
                <c:pt idx="3483">
                  <c:v>4.6100000000000003</c:v>
                </c:pt>
                <c:pt idx="3484">
                  <c:v>5.03</c:v>
                </c:pt>
                <c:pt idx="3485">
                  <c:v>4.74</c:v>
                </c:pt>
                <c:pt idx="3486">
                  <c:v>5.2</c:v>
                </c:pt>
                <c:pt idx="3487">
                  <c:v>4.93</c:v>
                </c:pt>
                <c:pt idx="3488">
                  <c:v>5.17</c:v>
                </c:pt>
                <c:pt idx="3489">
                  <c:v>5.15</c:v>
                </c:pt>
                <c:pt idx="3490">
                  <c:v>4.8499999999999996</c:v>
                </c:pt>
                <c:pt idx="3491">
                  <c:v>5</c:v>
                </c:pt>
                <c:pt idx="3492">
                  <c:v>5.0999999999999996</c:v>
                </c:pt>
                <c:pt idx="3493">
                  <c:v>5.22</c:v>
                </c:pt>
                <c:pt idx="3494">
                  <c:v>5.03</c:v>
                </c:pt>
                <c:pt idx="3495">
                  <c:v>5.01</c:v>
                </c:pt>
                <c:pt idx="3496">
                  <c:v>4.83</c:v>
                </c:pt>
                <c:pt idx="3497">
                  <c:v>4.74</c:v>
                </c:pt>
                <c:pt idx="3498">
                  <c:v>4.58</c:v>
                </c:pt>
                <c:pt idx="3499">
                  <c:v>4.58</c:v>
                </c:pt>
                <c:pt idx="3500">
                  <c:v>4.7300000000000004</c:v>
                </c:pt>
                <c:pt idx="3501">
                  <c:v>4.84</c:v>
                </c:pt>
                <c:pt idx="3502">
                  <c:v>4.84</c:v>
                </c:pt>
                <c:pt idx="3504">
                  <c:v>4.7</c:v>
                </c:pt>
                <c:pt idx="3505">
                  <c:v>4.63</c:v>
                </c:pt>
                <c:pt idx="3506">
                  <c:v>4.62</c:v>
                </c:pt>
                <c:pt idx="3507">
                  <c:v>4.49</c:v>
                </c:pt>
                <c:pt idx="3508">
                  <c:v>4.43</c:v>
                </c:pt>
                <c:pt idx="3509">
                  <c:v>4.41</c:v>
                </c:pt>
                <c:pt idx="3510">
                  <c:v>4.37</c:v>
                </c:pt>
                <c:pt idx="3511">
                  <c:v>4.41</c:v>
                </c:pt>
                <c:pt idx="3512">
                  <c:v>4.54</c:v>
                </c:pt>
                <c:pt idx="3513">
                  <c:v>4.46</c:v>
                </c:pt>
                <c:pt idx="3514">
                  <c:v>4.4800000000000004</c:v>
                </c:pt>
                <c:pt idx="3515">
                  <c:v>4.6399999999999997</c:v>
                </c:pt>
                <c:pt idx="3516">
                  <c:v>4.63</c:v>
                </c:pt>
                <c:pt idx="3517">
                  <c:v>4.4800000000000004</c:v>
                </c:pt>
                <c:pt idx="3518">
                  <c:v>4.5</c:v>
                </c:pt>
                <c:pt idx="3519">
                  <c:v>4.53</c:v>
                </c:pt>
                <c:pt idx="3520">
                  <c:v>4.45</c:v>
                </c:pt>
                <c:pt idx="3521">
                  <c:v>4.7</c:v>
                </c:pt>
                <c:pt idx="3522">
                  <c:v>4.79</c:v>
                </c:pt>
                <c:pt idx="3523">
                  <c:v>4.95</c:v>
                </c:pt>
                <c:pt idx="3524">
                  <c:v>4.7699999999999996</c:v>
                </c:pt>
                <c:pt idx="3525">
                  <c:v>4.72</c:v>
                </c:pt>
                <c:pt idx="3526">
                  <c:v>4.74</c:v>
                </c:pt>
                <c:pt idx="3527">
                  <c:v>4.78</c:v>
                </c:pt>
                <c:pt idx="3528">
                  <c:v>4.8099999999999996</c:v>
                </c:pt>
                <c:pt idx="3529">
                  <c:v>4.76</c:v>
                </c:pt>
                <c:pt idx="3530">
                  <c:v>4.7699999999999996</c:v>
                </c:pt>
                <c:pt idx="3531">
                  <c:v>4.79</c:v>
                </c:pt>
                <c:pt idx="3532">
                  <c:v>4.75</c:v>
                </c:pt>
                <c:pt idx="3533">
                  <c:v>4.6900000000000004</c:v>
                </c:pt>
                <c:pt idx="3534">
                  <c:v>4.62</c:v>
                </c:pt>
                <c:pt idx="3535">
                  <c:v>4.54</c:v>
                </c:pt>
                <c:pt idx="3536">
                  <c:v>4.5999999999999996</c:v>
                </c:pt>
                <c:pt idx="3537">
                  <c:v>4.68</c:v>
                </c:pt>
                <c:pt idx="3538">
                  <c:v>4.58</c:v>
                </c:pt>
                <c:pt idx="3539">
                  <c:v>4.53</c:v>
                </c:pt>
                <c:pt idx="3540">
                  <c:v>4.54</c:v>
                </c:pt>
                <c:pt idx="3541">
                  <c:v>4.58</c:v>
                </c:pt>
                <c:pt idx="3542">
                  <c:v>4.6900000000000004</c:v>
                </c:pt>
                <c:pt idx="3543">
                  <c:v>4.6500000000000004</c:v>
                </c:pt>
                <c:pt idx="3544">
                  <c:v>4.37</c:v>
                </c:pt>
                <c:pt idx="3545">
                  <c:v>4.3899999999999997</c:v>
                </c:pt>
                <c:pt idx="3546">
                  <c:v>4.3899999999999997</c:v>
                </c:pt>
                <c:pt idx="3547">
                  <c:v>4.33</c:v>
                </c:pt>
                <c:pt idx="3548">
                  <c:v>4.3899999999999997</c:v>
                </c:pt>
                <c:pt idx="3549">
                  <c:v>4.29</c:v>
                </c:pt>
                <c:pt idx="3550">
                  <c:v>4.34</c:v>
                </c:pt>
                <c:pt idx="3551">
                  <c:v>4.18</c:v>
                </c:pt>
                <c:pt idx="3552">
                  <c:v>4.18</c:v>
                </c:pt>
                <c:pt idx="3553">
                  <c:v>4.21</c:v>
                </c:pt>
                <c:pt idx="3554">
                  <c:v>4.1500000000000004</c:v>
                </c:pt>
                <c:pt idx="3555">
                  <c:v>4.1500000000000004</c:v>
                </c:pt>
                <c:pt idx="3556">
                  <c:v>4.22</c:v>
                </c:pt>
                <c:pt idx="3557">
                  <c:v>4.32</c:v>
                </c:pt>
                <c:pt idx="3558">
                  <c:v>4.3</c:v>
                </c:pt>
                <c:pt idx="3559">
                  <c:v>4.4000000000000004</c:v>
                </c:pt>
                <c:pt idx="3560">
                  <c:v>4.45</c:v>
                </c:pt>
                <c:pt idx="3561">
                  <c:v>4.3</c:v>
                </c:pt>
                <c:pt idx="3562">
                  <c:v>4.2699999999999996</c:v>
                </c:pt>
                <c:pt idx="3563">
                  <c:v>4.1399999999999997</c:v>
                </c:pt>
                <c:pt idx="3564">
                  <c:v>4.05</c:v>
                </c:pt>
                <c:pt idx="3565">
                  <c:v>3.99</c:v>
                </c:pt>
                <c:pt idx="3566">
                  <c:v>3.99</c:v>
                </c:pt>
                <c:pt idx="3567">
                  <c:v>4.01</c:v>
                </c:pt>
                <c:pt idx="3568">
                  <c:v>4.0999999999999996</c:v>
                </c:pt>
                <c:pt idx="3569">
                  <c:v>4.08</c:v>
                </c:pt>
                <c:pt idx="3570">
                  <c:v>4.13</c:v>
                </c:pt>
                <c:pt idx="3571">
                  <c:v>4.05</c:v>
                </c:pt>
                <c:pt idx="3572">
                  <c:v>3.95</c:v>
                </c:pt>
                <c:pt idx="3573">
                  <c:v>3.97</c:v>
                </c:pt>
                <c:pt idx="3574">
                  <c:v>3.9</c:v>
                </c:pt>
                <c:pt idx="3575">
                  <c:v>3.97</c:v>
                </c:pt>
                <c:pt idx="3576">
                  <c:v>3.9</c:v>
                </c:pt>
                <c:pt idx="3577">
                  <c:v>3.89</c:v>
                </c:pt>
                <c:pt idx="3578">
                  <c:v>3.9</c:v>
                </c:pt>
                <c:pt idx="3579">
                  <c:v>3.89</c:v>
                </c:pt>
                <c:pt idx="3580">
                  <c:v>3.82</c:v>
                </c:pt>
                <c:pt idx="3581">
                  <c:v>3.84</c:v>
                </c:pt>
                <c:pt idx="3582">
                  <c:v>3.91</c:v>
                </c:pt>
                <c:pt idx="3583">
                  <c:v>3.78</c:v>
                </c:pt>
                <c:pt idx="3584">
                  <c:v>3.82</c:v>
                </c:pt>
                <c:pt idx="3585">
                  <c:v>3.79</c:v>
                </c:pt>
                <c:pt idx="3586">
                  <c:v>3.82</c:v>
                </c:pt>
                <c:pt idx="3587">
                  <c:v>3.96</c:v>
                </c:pt>
                <c:pt idx="3588">
                  <c:v>3.98</c:v>
                </c:pt>
                <c:pt idx="3589">
                  <c:v>4.01</c:v>
                </c:pt>
                <c:pt idx="3590">
                  <c:v>3.97</c:v>
                </c:pt>
                <c:pt idx="3591">
                  <c:v>4</c:v>
                </c:pt>
                <c:pt idx="3592">
                  <c:v>3.94</c:v>
                </c:pt>
                <c:pt idx="3593">
                  <c:v>3.83</c:v>
                </c:pt>
                <c:pt idx="3594">
                  <c:v>3.83</c:v>
                </c:pt>
                <c:pt idx="3595">
                  <c:v>3.79</c:v>
                </c:pt>
                <c:pt idx="3596">
                  <c:v>3.85</c:v>
                </c:pt>
                <c:pt idx="3597">
                  <c:v>3.81</c:v>
                </c:pt>
                <c:pt idx="3598">
                  <c:v>3.95</c:v>
                </c:pt>
                <c:pt idx="3599">
                  <c:v>4.0199999999999996</c:v>
                </c:pt>
                <c:pt idx="3600">
                  <c:v>3.97</c:v>
                </c:pt>
                <c:pt idx="3601">
                  <c:v>3.93</c:v>
                </c:pt>
                <c:pt idx="3602">
                  <c:v>3.92</c:v>
                </c:pt>
                <c:pt idx="3603">
                  <c:v>3.91</c:v>
                </c:pt>
                <c:pt idx="3604">
                  <c:v>3.9</c:v>
                </c:pt>
                <c:pt idx="3605">
                  <c:v>3.86</c:v>
                </c:pt>
                <c:pt idx="3606">
                  <c:v>3.87</c:v>
                </c:pt>
                <c:pt idx="3607">
                  <c:v>3.8</c:v>
                </c:pt>
                <c:pt idx="3608">
                  <c:v>3.85</c:v>
                </c:pt>
                <c:pt idx="3609">
                  <c:v>3.81</c:v>
                </c:pt>
                <c:pt idx="3610">
                  <c:v>3.81</c:v>
                </c:pt>
                <c:pt idx="3611">
                  <c:v>3.83</c:v>
                </c:pt>
                <c:pt idx="3612">
                  <c:v>3.86</c:v>
                </c:pt>
                <c:pt idx="3613">
                  <c:v>3.9</c:v>
                </c:pt>
                <c:pt idx="3614">
                  <c:v>3.85</c:v>
                </c:pt>
                <c:pt idx="3615">
                  <c:v>3.82</c:v>
                </c:pt>
                <c:pt idx="3616">
                  <c:v>3.84</c:v>
                </c:pt>
                <c:pt idx="3617">
                  <c:v>3.85</c:v>
                </c:pt>
                <c:pt idx="3618">
                  <c:v>3.78</c:v>
                </c:pt>
                <c:pt idx="3619">
                  <c:v>3.79</c:v>
                </c:pt>
                <c:pt idx="3620">
                  <c:v>3.82</c:v>
                </c:pt>
                <c:pt idx="3621">
                  <c:v>3.82</c:v>
                </c:pt>
                <c:pt idx="3622">
                  <c:v>3.77</c:v>
                </c:pt>
                <c:pt idx="3623">
                  <c:v>3.89</c:v>
                </c:pt>
                <c:pt idx="3624">
                  <c:v>3.93</c:v>
                </c:pt>
                <c:pt idx="3625">
                  <c:v>3.97</c:v>
                </c:pt>
                <c:pt idx="3626">
                  <c:v>4.04</c:v>
                </c:pt>
                <c:pt idx="3627">
                  <c:v>4.03</c:v>
                </c:pt>
                <c:pt idx="3628">
                  <c:v>4.09</c:v>
                </c:pt>
                <c:pt idx="3629">
                  <c:v>4.03</c:v>
                </c:pt>
                <c:pt idx="3630">
                  <c:v>4.03</c:v>
                </c:pt>
              </c:numCache>
            </c:numRef>
          </c:val>
          <c:smooth val="0"/>
          <c:extLst>
            <c:ext xmlns:c16="http://schemas.microsoft.com/office/drawing/2014/chart" uri="{C3380CC4-5D6E-409C-BE32-E72D297353CC}">
              <c16:uniqueId val="{00000001-F759-4B4D-8B8B-CAEED4F6E33C}"/>
            </c:ext>
          </c:extLst>
        </c:ser>
        <c:dLbls>
          <c:showLegendKey val="0"/>
          <c:showVal val="0"/>
          <c:showCatName val="0"/>
          <c:showSerName val="0"/>
          <c:showPercent val="0"/>
          <c:showBubbleSize val="0"/>
        </c:dLbls>
        <c:marker val="1"/>
        <c:smooth val="0"/>
        <c:axId val="1657789199"/>
        <c:axId val="1819995343"/>
      </c:lineChart>
      <c:dateAx>
        <c:axId val="1657789199"/>
        <c:scaling>
          <c:orientation val="minMax"/>
        </c:scaling>
        <c:delete val="0"/>
        <c:axPos val="b"/>
        <c:numFmt formatCode="\'yy" sourceLinked="0"/>
        <c:majorTickMark val="cross"/>
        <c:minorTickMark val="out"/>
        <c:tickLblPos val="nextTo"/>
        <c:spPr>
          <a:noFill/>
          <a:ln w="9525" cap="flat" cmpd="sng" algn="ctr">
            <a:solidFill>
              <a:schemeClr val="tx1"/>
            </a:solidFill>
            <a:round/>
          </a:ln>
          <a:effectLst/>
        </c:spPr>
        <c:txPr>
          <a:bodyPr rot="-60000000" spcFirstLastPara="1" vertOverflow="ellipsis" vert="horz" wrap="square" anchor="ctr" anchorCtr="1"/>
          <a:lstStyle/>
          <a:p>
            <a:pPr>
              <a:defRPr sz="1100" b="0" i="0" u="none" strike="noStrike" kern="1200" baseline="0">
                <a:solidFill>
                  <a:schemeClr val="tx1">
                    <a:lumMod val="65000"/>
                    <a:lumOff val="35000"/>
                  </a:schemeClr>
                </a:solidFill>
                <a:latin typeface="+mn-lt"/>
                <a:ea typeface="+mn-ea"/>
                <a:cs typeface="+mn-cs"/>
              </a:defRPr>
            </a:pPr>
            <a:endParaRPr lang="en-US"/>
          </a:p>
        </c:txPr>
        <c:crossAx val="1819995343"/>
        <c:crosses val="autoZero"/>
        <c:auto val="1"/>
        <c:lblOffset val="100"/>
        <c:baseTimeUnit val="days"/>
        <c:majorUnit val="2"/>
        <c:majorTimeUnit val="years"/>
      </c:dateAx>
      <c:valAx>
        <c:axId val="1819995343"/>
        <c:scaling>
          <c:orientation val="minMax"/>
        </c:scaling>
        <c:delete val="0"/>
        <c:axPos val="l"/>
        <c:numFmt formatCode="0" sourceLinked="0"/>
        <c:majorTickMark val="cross"/>
        <c:minorTickMark val="out"/>
        <c:tickLblPos val="nextTo"/>
        <c:spPr>
          <a:noFill/>
          <a:ln>
            <a:solidFill>
              <a:schemeClr val="tx1"/>
            </a:solidFill>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1657789199"/>
        <c:crosses val="autoZero"/>
        <c:crossBetween val="between"/>
      </c:valAx>
      <c:valAx>
        <c:axId val="1584547535"/>
        <c:scaling>
          <c:orientation val="minMax"/>
          <c:max val="0.51"/>
          <c:min val="0.5"/>
        </c:scaling>
        <c:delete val="0"/>
        <c:axPos val="r"/>
        <c:numFmt formatCode="General" sourceLinked="1"/>
        <c:majorTickMark val="none"/>
        <c:minorTickMark val="none"/>
        <c:tickLblPos val="none"/>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840469871"/>
        <c:crosses val="max"/>
        <c:crossBetween val="between"/>
      </c:valAx>
      <c:dateAx>
        <c:axId val="1840469871"/>
        <c:scaling>
          <c:orientation val="minMax"/>
        </c:scaling>
        <c:delete val="1"/>
        <c:axPos val="b"/>
        <c:numFmt formatCode="yyyy\-mm\-dd" sourceLinked="1"/>
        <c:majorTickMark val="out"/>
        <c:minorTickMark val="none"/>
        <c:tickLblPos val="nextTo"/>
        <c:crossAx val="1584547535"/>
        <c:crosses val="autoZero"/>
        <c:auto val="1"/>
        <c:lblOffset val="100"/>
        <c:baseTimeUnit val="days"/>
      </c:date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solidFill>
      <a:schemeClr val="bg1"/>
    </a:solidFill>
    <a:ln w="9525" cap="flat" cmpd="sng" algn="ctr">
      <a:noFill/>
      <a:round/>
    </a:ln>
    <a:effectLst/>
  </c:spPr>
  <c:txPr>
    <a:bodyPr/>
    <a:lstStyle/>
    <a:p>
      <a:pPr>
        <a:defRPr/>
      </a:pPr>
      <a:endParaRPr lang="en-US"/>
    </a:p>
  </c:txPr>
  <c:externalData r:id="rId3">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5205327413984462"/>
          <c:y val="4.4404973357015987E-2"/>
          <c:w val="0.67661720097582068"/>
          <c:h val="0.8809946714031972"/>
        </c:manualLayout>
      </c:layout>
      <c:lineChart>
        <c:grouping val="standard"/>
        <c:varyColors val="0"/>
        <c:ser>
          <c:idx val="0"/>
          <c:order val="0"/>
          <c:tx>
            <c:strRef>
              <c:f>Sheet1!$B$1</c:f>
              <c:strCache>
                <c:ptCount val="1"/>
                <c:pt idx="0">
                  <c:v>Stocks</c:v>
                </c:pt>
              </c:strCache>
            </c:strRef>
          </c:tx>
          <c:spPr>
            <a:ln w="34238">
              <a:solidFill>
                <a:srgbClr val="2B4651"/>
              </a:solidFill>
              <a:prstDash val="solid"/>
            </a:ln>
          </c:spPr>
          <c:marker>
            <c:symbol val="none"/>
          </c:marker>
          <c:dLbls>
            <c:dLbl>
              <c:idx val="167"/>
              <c:layout>
                <c:manualLayout>
                  <c:x val="0.17084813369761881"/>
                  <c:y val="-0.11998875884070341"/>
                </c:manualLayout>
              </c:layout>
              <c:tx>
                <c:rich>
                  <a:bodyPr/>
                  <a:lstStyle/>
                  <a:p>
                    <a:pPr>
                      <a:defRPr sz="1400" b="1" i="0" u="none" strike="noStrike" baseline="0">
                        <a:solidFill>
                          <a:srgbClr val="233841"/>
                        </a:solidFill>
                        <a:latin typeface="+mn-lt"/>
                        <a:ea typeface="Arial"/>
                        <a:cs typeface="Arial"/>
                      </a:defRPr>
                    </a:pPr>
                    <a:r>
                      <a:rPr lang="en-US" sz="1400" baseline="0">
                        <a:solidFill>
                          <a:srgbClr val="233841"/>
                        </a:solidFill>
                        <a:latin typeface="+mn-lt"/>
                      </a:rPr>
                      <a:t>STOCKS</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0-E4F6-4564-9024-B15912CEBAF3}"/>
                </c:ext>
              </c:extLst>
            </c:dLbl>
            <c:dLbl>
              <c:idx val="196"/>
              <c:layout>
                <c:manualLayout>
                  <c:x val="6.6489004755248618E-2"/>
                  <c:y val="-7.7760303094961777E-2"/>
                </c:manualLayout>
              </c:layout>
              <c:tx>
                <c:rich>
                  <a:bodyPr/>
                  <a:lstStyle/>
                  <a:p>
                    <a:pPr>
                      <a:defRPr sz="1400" b="1" i="0" u="none" strike="noStrike" baseline="0">
                        <a:solidFill>
                          <a:srgbClr val="233841"/>
                        </a:solidFill>
                        <a:latin typeface="+mn-lt"/>
                        <a:ea typeface="Times New Roman"/>
                        <a:cs typeface="Arial" panose="020B0604020202020204" pitchFamily="34" charset="0"/>
                      </a:defRPr>
                    </a:pPr>
                    <a:r>
                      <a:rPr lang="en-US" sz="1400" baseline="0">
                        <a:solidFill>
                          <a:srgbClr val="233841"/>
                        </a:solidFill>
                        <a:latin typeface="+mn-lt"/>
                        <a:cs typeface="Arial" panose="020B0604020202020204" pitchFamily="34" charset="0"/>
                      </a:rPr>
                      <a:t>$1,776,699</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1-E4F6-4564-9024-B15912CEBAF3}"/>
                </c:ext>
              </c:extLst>
            </c:dLbl>
            <c:spPr>
              <a:noFill/>
              <a:ln>
                <a:noFill/>
              </a:ln>
              <a:effectLst/>
            </c:spPr>
            <c:txPr>
              <a:bodyPr wrap="square" lIns="38100" tIns="19050" rIns="38100" bIns="19050" anchor="ctr">
                <a:spAutoFit/>
              </a:bodyPr>
              <a:lstStyle/>
              <a:p>
                <a:pPr>
                  <a:defRPr baseline="0">
                    <a:solidFill>
                      <a:srgbClr val="233841"/>
                    </a:solidFill>
                  </a:defRPr>
                </a:pPr>
                <a:endParaRPr lang="en-US"/>
              </a:p>
            </c:txPr>
            <c:showLegendKey val="0"/>
            <c:showVal val="0"/>
            <c:showCatName val="0"/>
            <c:showSerName val="0"/>
            <c:showPercent val="0"/>
            <c:showBubbleSize val="0"/>
            <c:extLst>
              <c:ext xmlns:c15="http://schemas.microsoft.com/office/drawing/2012/chart" uri="{CE6537A1-D6FC-4f65-9D91-7224C49458BB}">
                <c15:showLeaderLines val="0"/>
              </c:ext>
            </c:extLst>
          </c:dLbls>
          <c:cat>
            <c:numRef>
              <c:f>Sheet1!$A$4:$A$225</c:f>
              <c:numCache>
                <c:formatCode>General</c:formatCode>
                <c:ptCount val="222"/>
                <c:pt idx="0">
                  <c:v>1803</c:v>
                </c:pt>
                <c:pt idx="1">
                  <c:v>1804</c:v>
                </c:pt>
                <c:pt idx="2">
                  <c:v>1805</c:v>
                </c:pt>
                <c:pt idx="3">
                  <c:v>1806</c:v>
                </c:pt>
                <c:pt idx="4">
                  <c:v>1807</c:v>
                </c:pt>
                <c:pt idx="5">
                  <c:v>1808</c:v>
                </c:pt>
                <c:pt idx="6">
                  <c:v>1809</c:v>
                </c:pt>
                <c:pt idx="7">
                  <c:v>1810</c:v>
                </c:pt>
                <c:pt idx="8">
                  <c:v>1811</c:v>
                </c:pt>
                <c:pt idx="9">
                  <c:v>1812</c:v>
                </c:pt>
                <c:pt idx="10">
                  <c:v>1813</c:v>
                </c:pt>
                <c:pt idx="11">
                  <c:v>1814</c:v>
                </c:pt>
                <c:pt idx="12">
                  <c:v>1815</c:v>
                </c:pt>
                <c:pt idx="13">
                  <c:v>1816</c:v>
                </c:pt>
                <c:pt idx="14">
                  <c:v>1817</c:v>
                </c:pt>
                <c:pt idx="15">
                  <c:v>1818</c:v>
                </c:pt>
                <c:pt idx="16">
                  <c:v>1819</c:v>
                </c:pt>
                <c:pt idx="17">
                  <c:v>1820</c:v>
                </c:pt>
                <c:pt idx="18">
                  <c:v>1821</c:v>
                </c:pt>
                <c:pt idx="19">
                  <c:v>1822</c:v>
                </c:pt>
                <c:pt idx="20">
                  <c:v>1823</c:v>
                </c:pt>
                <c:pt idx="21">
                  <c:v>1824</c:v>
                </c:pt>
                <c:pt idx="22">
                  <c:v>1825</c:v>
                </c:pt>
                <c:pt idx="23">
                  <c:v>1826</c:v>
                </c:pt>
                <c:pt idx="24">
                  <c:v>1827</c:v>
                </c:pt>
                <c:pt idx="25">
                  <c:v>1828</c:v>
                </c:pt>
                <c:pt idx="26">
                  <c:v>1829</c:v>
                </c:pt>
                <c:pt idx="27">
                  <c:v>1830</c:v>
                </c:pt>
                <c:pt idx="28">
                  <c:v>1831</c:v>
                </c:pt>
                <c:pt idx="29">
                  <c:v>1832</c:v>
                </c:pt>
                <c:pt idx="30">
                  <c:v>1833</c:v>
                </c:pt>
                <c:pt idx="31">
                  <c:v>1834</c:v>
                </c:pt>
                <c:pt idx="32">
                  <c:v>1835</c:v>
                </c:pt>
                <c:pt idx="33">
                  <c:v>1836</c:v>
                </c:pt>
                <c:pt idx="34">
                  <c:v>1837</c:v>
                </c:pt>
                <c:pt idx="35">
                  <c:v>1838</c:v>
                </c:pt>
                <c:pt idx="36">
                  <c:v>1839</c:v>
                </c:pt>
                <c:pt idx="37">
                  <c:v>1840</c:v>
                </c:pt>
                <c:pt idx="38">
                  <c:v>1841</c:v>
                </c:pt>
                <c:pt idx="39">
                  <c:v>1842</c:v>
                </c:pt>
                <c:pt idx="40">
                  <c:v>1843</c:v>
                </c:pt>
                <c:pt idx="41">
                  <c:v>1844</c:v>
                </c:pt>
                <c:pt idx="42">
                  <c:v>1845</c:v>
                </c:pt>
                <c:pt idx="43">
                  <c:v>1846</c:v>
                </c:pt>
                <c:pt idx="44">
                  <c:v>1847</c:v>
                </c:pt>
                <c:pt idx="45">
                  <c:v>1848</c:v>
                </c:pt>
                <c:pt idx="46">
                  <c:v>1849</c:v>
                </c:pt>
                <c:pt idx="47">
                  <c:v>1850</c:v>
                </c:pt>
                <c:pt idx="48">
                  <c:v>1851</c:v>
                </c:pt>
                <c:pt idx="49">
                  <c:v>1852</c:v>
                </c:pt>
                <c:pt idx="50">
                  <c:v>1853</c:v>
                </c:pt>
                <c:pt idx="51">
                  <c:v>1854</c:v>
                </c:pt>
                <c:pt idx="52">
                  <c:v>1855</c:v>
                </c:pt>
                <c:pt idx="53">
                  <c:v>1856</c:v>
                </c:pt>
                <c:pt idx="54">
                  <c:v>1857</c:v>
                </c:pt>
                <c:pt idx="55">
                  <c:v>1858</c:v>
                </c:pt>
                <c:pt idx="56">
                  <c:v>1859</c:v>
                </c:pt>
                <c:pt idx="57">
                  <c:v>1860</c:v>
                </c:pt>
                <c:pt idx="58">
                  <c:v>1861</c:v>
                </c:pt>
                <c:pt idx="59">
                  <c:v>1862</c:v>
                </c:pt>
                <c:pt idx="60">
                  <c:v>1863</c:v>
                </c:pt>
                <c:pt idx="61">
                  <c:v>1864</c:v>
                </c:pt>
                <c:pt idx="62">
                  <c:v>1865</c:v>
                </c:pt>
                <c:pt idx="63">
                  <c:v>1866</c:v>
                </c:pt>
                <c:pt idx="64">
                  <c:v>1867</c:v>
                </c:pt>
                <c:pt idx="65">
                  <c:v>1868</c:v>
                </c:pt>
                <c:pt idx="66">
                  <c:v>1869</c:v>
                </c:pt>
                <c:pt idx="67">
                  <c:v>1870</c:v>
                </c:pt>
                <c:pt idx="68">
                  <c:v>1871</c:v>
                </c:pt>
                <c:pt idx="69">
                  <c:v>1872</c:v>
                </c:pt>
                <c:pt idx="70">
                  <c:v>1873</c:v>
                </c:pt>
                <c:pt idx="71">
                  <c:v>1874</c:v>
                </c:pt>
                <c:pt idx="72">
                  <c:v>1875</c:v>
                </c:pt>
                <c:pt idx="73">
                  <c:v>1876</c:v>
                </c:pt>
                <c:pt idx="74">
                  <c:v>1877</c:v>
                </c:pt>
                <c:pt idx="75">
                  <c:v>1878</c:v>
                </c:pt>
                <c:pt idx="76">
                  <c:v>1879</c:v>
                </c:pt>
                <c:pt idx="77">
                  <c:v>1880</c:v>
                </c:pt>
                <c:pt idx="78">
                  <c:v>1881</c:v>
                </c:pt>
                <c:pt idx="79">
                  <c:v>1882</c:v>
                </c:pt>
                <c:pt idx="80">
                  <c:v>1883</c:v>
                </c:pt>
                <c:pt idx="81">
                  <c:v>1884</c:v>
                </c:pt>
                <c:pt idx="82">
                  <c:v>1885</c:v>
                </c:pt>
                <c:pt idx="83">
                  <c:v>1886</c:v>
                </c:pt>
                <c:pt idx="84">
                  <c:v>1887</c:v>
                </c:pt>
                <c:pt idx="85">
                  <c:v>1888</c:v>
                </c:pt>
                <c:pt idx="86">
                  <c:v>1889</c:v>
                </c:pt>
                <c:pt idx="87">
                  <c:v>1890</c:v>
                </c:pt>
                <c:pt idx="88">
                  <c:v>1891</c:v>
                </c:pt>
                <c:pt idx="89">
                  <c:v>1892</c:v>
                </c:pt>
                <c:pt idx="90">
                  <c:v>1893</c:v>
                </c:pt>
                <c:pt idx="91">
                  <c:v>1894</c:v>
                </c:pt>
                <c:pt idx="92">
                  <c:v>1895</c:v>
                </c:pt>
                <c:pt idx="93">
                  <c:v>1896</c:v>
                </c:pt>
                <c:pt idx="94">
                  <c:v>1897</c:v>
                </c:pt>
                <c:pt idx="95">
                  <c:v>1898</c:v>
                </c:pt>
                <c:pt idx="96">
                  <c:v>1899</c:v>
                </c:pt>
                <c:pt idx="97">
                  <c:v>1900</c:v>
                </c:pt>
                <c:pt idx="98">
                  <c:v>1901</c:v>
                </c:pt>
                <c:pt idx="99">
                  <c:v>1902</c:v>
                </c:pt>
                <c:pt idx="100">
                  <c:v>1903</c:v>
                </c:pt>
                <c:pt idx="101">
                  <c:v>1904</c:v>
                </c:pt>
                <c:pt idx="102">
                  <c:v>1905</c:v>
                </c:pt>
                <c:pt idx="103">
                  <c:v>1906</c:v>
                </c:pt>
                <c:pt idx="104">
                  <c:v>1907</c:v>
                </c:pt>
                <c:pt idx="105">
                  <c:v>1908</c:v>
                </c:pt>
                <c:pt idx="106">
                  <c:v>1909</c:v>
                </c:pt>
                <c:pt idx="107">
                  <c:v>1910</c:v>
                </c:pt>
                <c:pt idx="108">
                  <c:v>1911</c:v>
                </c:pt>
                <c:pt idx="109">
                  <c:v>1912</c:v>
                </c:pt>
                <c:pt idx="110">
                  <c:v>1913</c:v>
                </c:pt>
                <c:pt idx="111">
                  <c:v>1914</c:v>
                </c:pt>
                <c:pt idx="112">
                  <c:v>1915</c:v>
                </c:pt>
                <c:pt idx="113">
                  <c:v>1916</c:v>
                </c:pt>
                <c:pt idx="114">
                  <c:v>1917</c:v>
                </c:pt>
                <c:pt idx="115">
                  <c:v>1918</c:v>
                </c:pt>
                <c:pt idx="116">
                  <c:v>1919</c:v>
                </c:pt>
                <c:pt idx="117">
                  <c:v>1920</c:v>
                </c:pt>
                <c:pt idx="118">
                  <c:v>1921</c:v>
                </c:pt>
                <c:pt idx="119">
                  <c:v>1922</c:v>
                </c:pt>
                <c:pt idx="120">
                  <c:v>1923</c:v>
                </c:pt>
                <c:pt idx="121">
                  <c:v>1924</c:v>
                </c:pt>
                <c:pt idx="122">
                  <c:v>1925</c:v>
                </c:pt>
                <c:pt idx="123">
                  <c:v>1926</c:v>
                </c:pt>
                <c:pt idx="124">
                  <c:v>1927</c:v>
                </c:pt>
                <c:pt idx="125">
                  <c:v>1928</c:v>
                </c:pt>
                <c:pt idx="126">
                  <c:v>1929</c:v>
                </c:pt>
                <c:pt idx="127">
                  <c:v>1930</c:v>
                </c:pt>
                <c:pt idx="128">
                  <c:v>1931</c:v>
                </c:pt>
                <c:pt idx="129">
                  <c:v>1932</c:v>
                </c:pt>
                <c:pt idx="130">
                  <c:v>1933</c:v>
                </c:pt>
                <c:pt idx="131">
                  <c:v>1934</c:v>
                </c:pt>
                <c:pt idx="132">
                  <c:v>1935</c:v>
                </c:pt>
                <c:pt idx="133">
                  <c:v>1936</c:v>
                </c:pt>
                <c:pt idx="134">
                  <c:v>1937</c:v>
                </c:pt>
                <c:pt idx="135">
                  <c:v>1938</c:v>
                </c:pt>
                <c:pt idx="136">
                  <c:v>1939</c:v>
                </c:pt>
                <c:pt idx="137">
                  <c:v>1940</c:v>
                </c:pt>
                <c:pt idx="138">
                  <c:v>1941</c:v>
                </c:pt>
                <c:pt idx="139">
                  <c:v>1942</c:v>
                </c:pt>
                <c:pt idx="140">
                  <c:v>1943</c:v>
                </c:pt>
                <c:pt idx="141">
                  <c:v>1944</c:v>
                </c:pt>
                <c:pt idx="142">
                  <c:v>1945</c:v>
                </c:pt>
                <c:pt idx="143">
                  <c:v>1946</c:v>
                </c:pt>
                <c:pt idx="144">
                  <c:v>1947</c:v>
                </c:pt>
                <c:pt idx="145">
                  <c:v>1948</c:v>
                </c:pt>
                <c:pt idx="146">
                  <c:v>1949</c:v>
                </c:pt>
                <c:pt idx="147">
                  <c:v>1950</c:v>
                </c:pt>
                <c:pt idx="148">
                  <c:v>1951</c:v>
                </c:pt>
                <c:pt idx="149">
                  <c:v>1952</c:v>
                </c:pt>
                <c:pt idx="150">
                  <c:v>1953</c:v>
                </c:pt>
                <c:pt idx="151">
                  <c:v>1954</c:v>
                </c:pt>
                <c:pt idx="152">
                  <c:v>1955</c:v>
                </c:pt>
                <c:pt idx="153">
                  <c:v>1956</c:v>
                </c:pt>
                <c:pt idx="154">
                  <c:v>1957</c:v>
                </c:pt>
                <c:pt idx="155">
                  <c:v>1958</c:v>
                </c:pt>
                <c:pt idx="156">
                  <c:v>1959</c:v>
                </c:pt>
                <c:pt idx="157">
                  <c:v>1960</c:v>
                </c:pt>
                <c:pt idx="158">
                  <c:v>1961</c:v>
                </c:pt>
                <c:pt idx="159">
                  <c:v>1962</c:v>
                </c:pt>
                <c:pt idx="160">
                  <c:v>1963</c:v>
                </c:pt>
                <c:pt idx="161">
                  <c:v>1964</c:v>
                </c:pt>
                <c:pt idx="162">
                  <c:v>1965</c:v>
                </c:pt>
                <c:pt idx="163">
                  <c:v>1966</c:v>
                </c:pt>
                <c:pt idx="164">
                  <c:v>1967</c:v>
                </c:pt>
                <c:pt idx="165">
                  <c:v>1968</c:v>
                </c:pt>
                <c:pt idx="166">
                  <c:v>1969</c:v>
                </c:pt>
                <c:pt idx="167">
                  <c:v>1970</c:v>
                </c:pt>
                <c:pt idx="168">
                  <c:v>1971</c:v>
                </c:pt>
                <c:pt idx="169">
                  <c:v>1972</c:v>
                </c:pt>
                <c:pt idx="170">
                  <c:v>1973</c:v>
                </c:pt>
                <c:pt idx="171">
                  <c:v>1974</c:v>
                </c:pt>
                <c:pt idx="172">
                  <c:v>1975</c:v>
                </c:pt>
                <c:pt idx="173">
                  <c:v>1976</c:v>
                </c:pt>
                <c:pt idx="174">
                  <c:v>1977</c:v>
                </c:pt>
                <c:pt idx="175">
                  <c:v>1978</c:v>
                </c:pt>
                <c:pt idx="176">
                  <c:v>1979</c:v>
                </c:pt>
                <c:pt idx="177">
                  <c:v>1980</c:v>
                </c:pt>
                <c:pt idx="178">
                  <c:v>1981</c:v>
                </c:pt>
                <c:pt idx="179">
                  <c:v>1982</c:v>
                </c:pt>
                <c:pt idx="180">
                  <c:v>1983</c:v>
                </c:pt>
                <c:pt idx="181">
                  <c:v>1984</c:v>
                </c:pt>
                <c:pt idx="182">
                  <c:v>1985</c:v>
                </c:pt>
                <c:pt idx="183">
                  <c:v>1986</c:v>
                </c:pt>
                <c:pt idx="184">
                  <c:v>1987</c:v>
                </c:pt>
                <c:pt idx="185">
                  <c:v>1988</c:v>
                </c:pt>
                <c:pt idx="186">
                  <c:v>1989</c:v>
                </c:pt>
                <c:pt idx="187">
                  <c:v>1990</c:v>
                </c:pt>
                <c:pt idx="188">
                  <c:v>1991</c:v>
                </c:pt>
                <c:pt idx="189">
                  <c:v>1992</c:v>
                </c:pt>
                <c:pt idx="190">
                  <c:v>1993</c:v>
                </c:pt>
                <c:pt idx="191">
                  <c:v>1994</c:v>
                </c:pt>
                <c:pt idx="192">
                  <c:v>1995</c:v>
                </c:pt>
                <c:pt idx="193">
                  <c:v>1996</c:v>
                </c:pt>
                <c:pt idx="194">
                  <c:v>1997</c:v>
                </c:pt>
                <c:pt idx="195">
                  <c:v>1998</c:v>
                </c:pt>
                <c:pt idx="196">
                  <c:v>1999</c:v>
                </c:pt>
                <c:pt idx="197">
                  <c:v>2000</c:v>
                </c:pt>
                <c:pt idx="198">
                  <c:v>2001</c:v>
                </c:pt>
                <c:pt idx="199">
                  <c:v>2002</c:v>
                </c:pt>
                <c:pt idx="200">
                  <c:v>2003</c:v>
                </c:pt>
                <c:pt idx="201">
                  <c:v>2004</c:v>
                </c:pt>
                <c:pt idx="202">
                  <c:v>2005</c:v>
                </c:pt>
                <c:pt idx="203">
                  <c:v>2006</c:v>
                </c:pt>
                <c:pt idx="204">
                  <c:v>2007</c:v>
                </c:pt>
                <c:pt idx="205">
                  <c:v>2008</c:v>
                </c:pt>
                <c:pt idx="206">
                  <c:v>2009</c:v>
                </c:pt>
                <c:pt idx="207">
                  <c:v>2010</c:v>
                </c:pt>
                <c:pt idx="208">
                  <c:v>2011</c:v>
                </c:pt>
                <c:pt idx="209">
                  <c:v>2012</c:v>
                </c:pt>
                <c:pt idx="210">
                  <c:v>2013</c:v>
                </c:pt>
                <c:pt idx="211">
                  <c:v>2014</c:v>
                </c:pt>
                <c:pt idx="212">
                  <c:v>2015</c:v>
                </c:pt>
                <c:pt idx="213">
                  <c:v>2016</c:v>
                </c:pt>
                <c:pt idx="214">
                  <c:v>2017</c:v>
                </c:pt>
                <c:pt idx="215">
                  <c:v>2018</c:v>
                </c:pt>
                <c:pt idx="216">
                  <c:v>2019</c:v>
                </c:pt>
                <c:pt idx="217">
                  <c:v>2020</c:v>
                </c:pt>
                <c:pt idx="218">
                  <c:v>2021</c:v>
                </c:pt>
                <c:pt idx="219">
                  <c:v>2022</c:v>
                </c:pt>
              </c:numCache>
            </c:numRef>
          </c:cat>
          <c:val>
            <c:numRef>
              <c:f>Sheet1!$B$4:$B$225</c:f>
              <c:numCache>
                <c:formatCode>\$#,##0.00_);[Red]"($"#,##0.00\)</c:formatCode>
                <c:ptCount val="222"/>
                <c:pt idx="0">
                  <c:v>1.3526105156322927</c:v>
                </c:pt>
                <c:pt idx="1">
                  <c:v>1.2512875584822376</c:v>
                </c:pt>
                <c:pt idx="2">
                  <c:v>1.1026038249810732</c:v>
                </c:pt>
                <c:pt idx="3">
                  <c:v>1.1943556397527411</c:v>
                </c:pt>
                <c:pt idx="4">
                  <c:v>1.2977956876634502</c:v>
                </c:pt>
                <c:pt idx="5">
                  <c:v>1.525647306492524</c:v>
                </c:pt>
                <c:pt idx="6">
                  <c:v>1.5244517553454262</c:v>
                </c:pt>
                <c:pt idx="7">
                  <c:v>1.5938722477429461</c:v>
                </c:pt>
                <c:pt idx="8">
                  <c:v>1.6615483767325321</c:v>
                </c:pt>
                <c:pt idx="9">
                  <c:v>1.6838782602830065</c:v>
                </c:pt>
                <c:pt idx="10">
                  <c:v>1.6102169295225861</c:v>
                </c:pt>
                <c:pt idx="11">
                  <c:v>1.3866852153546543</c:v>
                </c:pt>
                <c:pt idx="12">
                  <c:v>1.5945936669467644</c:v>
                </c:pt>
                <c:pt idx="13">
                  <c:v>1.8996156430733062</c:v>
                </c:pt>
                <c:pt idx="14">
                  <c:v>2.4164284600728028</c:v>
                </c:pt>
                <c:pt idx="15">
                  <c:v>2.5447042240225435</c:v>
                </c:pt>
                <c:pt idx="16">
                  <c:v>2.7311128316392552</c:v>
                </c:pt>
                <c:pt idx="17">
                  <c:v>3.5441036990211421</c:v>
                </c:pt>
                <c:pt idx="18">
                  <c:v>3.9592092270597208</c:v>
                </c:pt>
                <c:pt idx="19">
                  <c:v>3.5896326916542001</c:v>
                </c:pt>
                <c:pt idx="20">
                  <c:v>3.9422099029999647</c:v>
                </c:pt>
                <c:pt idx="21">
                  <c:v>4.5118071511907889</c:v>
                </c:pt>
                <c:pt idx="22">
                  <c:v>3.998217898905104</c:v>
                </c:pt>
                <c:pt idx="23">
                  <c:v>4.3400262337653954</c:v>
                </c:pt>
                <c:pt idx="24">
                  <c:v>4.086577720565308</c:v>
                </c:pt>
                <c:pt idx="25">
                  <c:v>3.6813058479952248</c:v>
                </c:pt>
                <c:pt idx="26">
                  <c:v>4.2554820177385615</c:v>
                </c:pt>
                <c:pt idx="27">
                  <c:v>5.7272820612645754</c:v>
                </c:pt>
                <c:pt idx="28">
                  <c:v>4.7598533882621812</c:v>
                </c:pt>
                <c:pt idx="29">
                  <c:v>5.3222784940331094</c:v>
                </c:pt>
                <c:pt idx="30">
                  <c:v>5.238287009285262</c:v>
                </c:pt>
                <c:pt idx="31">
                  <c:v>6.1736869428366807</c:v>
                </c:pt>
                <c:pt idx="32">
                  <c:v>5.5654820992996141</c:v>
                </c:pt>
                <c:pt idx="33">
                  <c:v>5.715203573726142</c:v>
                </c:pt>
                <c:pt idx="34">
                  <c:v>4.9723964634238982</c:v>
                </c:pt>
                <c:pt idx="35">
                  <c:v>6.2027521861278414</c:v>
                </c:pt>
                <c:pt idx="36">
                  <c:v>4.9438873702796169</c:v>
                </c:pt>
                <c:pt idx="37">
                  <c:v>6.0343519715956475</c:v>
                </c:pt>
                <c:pt idx="38">
                  <c:v>5.2340746394494246</c:v>
                </c:pt>
                <c:pt idx="39">
                  <c:v>6.1994596161997748</c:v>
                </c:pt>
                <c:pt idx="40">
                  <c:v>9.9360233608060646</c:v>
                </c:pt>
                <c:pt idx="41">
                  <c:v>10.998576237104375</c:v>
                </c:pt>
                <c:pt idx="42">
                  <c:v>10.033013093462294</c:v>
                </c:pt>
                <c:pt idx="43">
                  <c:v>12.719486697080876</c:v>
                </c:pt>
                <c:pt idx="44">
                  <c:v>14.072754468317969</c:v>
                </c:pt>
                <c:pt idx="45">
                  <c:v>16.982504273661579</c:v>
                </c:pt>
                <c:pt idx="46">
                  <c:v>20.269149136148663</c:v>
                </c:pt>
                <c:pt idx="47">
                  <c:v>22.841965710475101</c:v>
                </c:pt>
                <c:pt idx="48">
                  <c:v>23.288446921034165</c:v>
                </c:pt>
                <c:pt idx="49">
                  <c:v>29.198275678418646</c:v>
                </c:pt>
                <c:pt idx="50">
                  <c:v>28.846806827460878</c:v>
                </c:pt>
                <c:pt idx="51">
                  <c:v>23.869693357820378</c:v>
                </c:pt>
                <c:pt idx="52">
                  <c:v>28.048817154444993</c:v>
                </c:pt>
                <c:pt idx="53">
                  <c:v>31.638693588621479</c:v>
                </c:pt>
                <c:pt idx="54">
                  <c:v>26.471931250816461</c:v>
                </c:pt>
                <c:pt idx="55">
                  <c:v>33.373298378523842</c:v>
                </c:pt>
                <c:pt idx="56">
                  <c:v>34.368530326480908</c:v>
                </c:pt>
                <c:pt idx="57">
                  <c:v>34.349283833304199</c:v>
                </c:pt>
                <c:pt idx="58">
                  <c:v>34.878618166431394</c:v>
                </c:pt>
                <c:pt idx="59">
                  <c:v>48.656269582065853</c:v>
                </c:pt>
                <c:pt idx="60">
                  <c:v>57.758875890804276</c:v>
                </c:pt>
                <c:pt idx="61">
                  <c:v>53.020655491583717</c:v>
                </c:pt>
                <c:pt idx="62">
                  <c:v>56.745415731807043</c:v>
                </c:pt>
                <c:pt idx="63">
                  <c:v>63.661644550541766</c:v>
                </c:pt>
                <c:pt idx="64">
                  <c:v>69.275362957843413</c:v>
                </c:pt>
                <c:pt idx="65">
                  <c:v>78.562966863938499</c:v>
                </c:pt>
                <c:pt idx="66">
                  <c:v>81.449738305357641</c:v>
                </c:pt>
                <c:pt idx="67">
                  <c:v>90.215122685042317</c:v>
                </c:pt>
                <c:pt idx="68">
                  <c:v>106.0765645547784</c:v>
                </c:pt>
                <c:pt idx="69">
                  <c:v>122.50061901358075</c:v>
                </c:pt>
                <c:pt idx="70">
                  <c:v>114.73465862621559</c:v>
                </c:pt>
                <c:pt idx="71">
                  <c:v>129.24317176678957</c:v>
                </c:pt>
                <c:pt idx="72">
                  <c:v>138.47745748942205</c:v>
                </c:pt>
                <c:pt idx="73">
                  <c:v>126.93529136274714</c:v>
                </c:pt>
                <c:pt idx="74">
                  <c:v>126.69979165723493</c:v>
                </c:pt>
                <c:pt idx="75">
                  <c:v>146.82143294609654</c:v>
                </c:pt>
                <c:pt idx="76">
                  <c:v>229.18662094416217</c:v>
                </c:pt>
                <c:pt idx="77">
                  <c:v>285.4440550937428</c:v>
                </c:pt>
                <c:pt idx="78">
                  <c:v>303.30082009056656</c:v>
                </c:pt>
                <c:pt idx="79">
                  <c:v>307.94795525080741</c:v>
                </c:pt>
                <c:pt idx="80">
                  <c:v>303.38077839603011</c:v>
                </c:pt>
                <c:pt idx="81">
                  <c:v>273.16990374653238</c:v>
                </c:pt>
                <c:pt idx="82">
                  <c:v>355.30099863704424</c:v>
                </c:pt>
                <c:pt idx="83">
                  <c:v>405.79142244699426</c:v>
                </c:pt>
                <c:pt idx="84">
                  <c:v>395.3968024332903</c:v>
                </c:pt>
                <c:pt idx="85">
                  <c:v>399.4788287711678</c:v>
                </c:pt>
                <c:pt idx="86">
                  <c:v>426.79614441594492</c:v>
                </c:pt>
                <c:pt idx="87">
                  <c:v>386.27850478283437</c:v>
                </c:pt>
                <c:pt idx="88">
                  <c:v>476.58688577440608</c:v>
                </c:pt>
                <c:pt idx="89">
                  <c:v>505.58540019146534</c:v>
                </c:pt>
                <c:pt idx="90">
                  <c:v>427.99670913479008</c:v>
                </c:pt>
                <c:pt idx="91">
                  <c:v>451.55245077350969</c:v>
                </c:pt>
                <c:pt idx="92">
                  <c:v>490.38252731872069</c:v>
                </c:pt>
                <c:pt idx="93">
                  <c:v>505.96351324163192</c:v>
                </c:pt>
                <c:pt idx="94">
                  <c:v>596.11693693634788</c:v>
                </c:pt>
                <c:pt idx="95">
                  <c:v>740.51563773579312</c:v>
                </c:pt>
                <c:pt idx="96">
                  <c:v>814.79866845528579</c:v>
                </c:pt>
                <c:pt idx="97">
                  <c:v>962.98541034223831</c:v>
                </c:pt>
                <c:pt idx="98">
                  <c:v>1145.2257359524447</c:v>
                </c:pt>
                <c:pt idx="99">
                  <c:v>1190.2846649246214</c:v>
                </c:pt>
                <c:pt idx="100">
                  <c:v>1000.4503014380613</c:v>
                </c:pt>
                <c:pt idx="101">
                  <c:v>1293.1264029644142</c:v>
                </c:pt>
                <c:pt idx="102">
                  <c:v>1548.7628181667885</c:v>
                </c:pt>
                <c:pt idx="103">
                  <c:v>1647.6725980608524</c:v>
                </c:pt>
                <c:pt idx="104">
                  <c:v>1123.4868335739518</c:v>
                </c:pt>
                <c:pt idx="105">
                  <c:v>1611.1245266133092</c:v>
                </c:pt>
                <c:pt idx="106">
                  <c:v>1949.0247343442345</c:v>
                </c:pt>
                <c:pt idx="107">
                  <c:v>1767.3471207390601</c:v>
                </c:pt>
                <c:pt idx="108">
                  <c:v>1829.9782238157773</c:v>
                </c:pt>
                <c:pt idx="109">
                  <c:v>1957.4275514630822</c:v>
                </c:pt>
                <c:pt idx="110">
                  <c:v>1736.7184027066965</c:v>
                </c:pt>
                <c:pt idx="111">
                  <c:v>1660.5188956068337</c:v>
                </c:pt>
                <c:pt idx="112">
                  <c:v>2208.4138536103751</c:v>
                </c:pt>
                <c:pt idx="113">
                  <c:v>2134.1764217380583</c:v>
                </c:pt>
                <c:pt idx="114">
                  <c:v>1348.5354738588753</c:v>
                </c:pt>
                <c:pt idx="115">
                  <c:v>1408.9688372696457</c:v>
                </c:pt>
                <c:pt idx="116">
                  <c:v>1476.04232763089</c:v>
                </c:pt>
                <c:pt idx="117">
                  <c:v>1169.5738659176031</c:v>
                </c:pt>
                <c:pt idx="118">
                  <c:v>1507.1227046592128</c:v>
                </c:pt>
                <c:pt idx="119">
                  <c:v>1960.7097747890084</c:v>
                </c:pt>
                <c:pt idx="120">
                  <c:v>1978.9064252601456</c:v>
                </c:pt>
                <c:pt idx="121">
                  <c:v>2492.452670522367</c:v>
                </c:pt>
                <c:pt idx="122">
                  <c:v>3107.504853853442</c:v>
                </c:pt>
                <c:pt idx="123">
                  <c:v>3447.1470057087345</c:v>
                </c:pt>
                <c:pt idx="124">
                  <c:v>4705.8087135523565</c:v>
                </c:pt>
                <c:pt idx="125">
                  <c:v>6619.9011961565384</c:v>
                </c:pt>
                <c:pt idx="126">
                  <c:v>5592.5955238595598</c:v>
                </c:pt>
                <c:pt idx="127">
                  <c:v>4253.0113305952191</c:v>
                </c:pt>
                <c:pt idx="128">
                  <c:v>2609.6182144156296</c:v>
                </c:pt>
                <c:pt idx="129">
                  <c:v>2661.9895068780024</c:v>
                </c:pt>
                <c:pt idx="130">
                  <c:v>4160.9582786912279</c:v>
                </c:pt>
                <c:pt idx="131">
                  <c:v>4273.863211117754</c:v>
                </c:pt>
                <c:pt idx="132">
                  <c:v>6010.7276486107858</c:v>
                </c:pt>
                <c:pt idx="133">
                  <c:v>7829.8448330298233</c:v>
                </c:pt>
                <c:pt idx="134">
                  <c:v>4977.6542059606609</c:v>
                </c:pt>
                <c:pt idx="135">
                  <c:v>6561.4140708506047</c:v>
                </c:pt>
                <c:pt idx="136">
                  <c:v>6700.2470311757324</c:v>
                </c:pt>
                <c:pt idx="137">
                  <c:v>6157.4253299579686</c:v>
                </c:pt>
                <c:pt idx="138">
                  <c:v>5061.9636291278794</c:v>
                </c:pt>
                <c:pt idx="139">
                  <c:v>5399.3640224357969</c:v>
                </c:pt>
                <c:pt idx="140">
                  <c:v>6715.5201646659489</c:v>
                </c:pt>
                <c:pt idx="141">
                  <c:v>7966.3309930493479</c:v>
                </c:pt>
                <c:pt idx="142">
                  <c:v>10786.653955865771</c:v>
                </c:pt>
                <c:pt idx="143">
                  <c:v>8592.2699547740649</c:v>
                </c:pt>
                <c:pt idx="144">
                  <c:v>8161.3657805870271</c:v>
                </c:pt>
                <c:pt idx="145">
                  <c:v>8109.4890241434905</c:v>
                </c:pt>
                <c:pt idx="146">
                  <c:v>9946.0403301764072</c:v>
                </c:pt>
                <c:pt idx="147">
                  <c:v>12207.95895559312</c:v>
                </c:pt>
                <c:pt idx="148">
                  <c:v>13915.576006862733</c:v>
                </c:pt>
                <c:pt idx="149">
                  <c:v>15647.349896568476</c:v>
                </c:pt>
                <c:pt idx="150">
                  <c:v>15585.837197527131</c:v>
                </c:pt>
                <c:pt idx="151">
                  <c:v>23581.498409643398</c:v>
                </c:pt>
                <c:pt idx="152">
                  <c:v>29438.140488907076</c:v>
                </c:pt>
                <c:pt idx="153">
                  <c:v>31007.056425616589</c:v>
                </c:pt>
                <c:pt idx="154">
                  <c:v>27007.827865234314</c:v>
                </c:pt>
                <c:pt idx="155">
                  <c:v>38439.814134882115</c:v>
                </c:pt>
                <c:pt idx="156">
                  <c:v>42546.932419581979</c:v>
                </c:pt>
                <c:pt idx="157">
                  <c:v>42461.073281059034</c:v>
                </c:pt>
                <c:pt idx="158">
                  <c:v>53542.566167466575</c:v>
                </c:pt>
                <c:pt idx="159">
                  <c:v>47386.174981323566</c:v>
                </c:pt>
                <c:pt idx="160">
                  <c:v>56357.083943960009</c:v>
                </c:pt>
                <c:pt idx="161">
                  <c:v>64915.185674899833</c:v>
                </c:pt>
                <c:pt idx="162">
                  <c:v>72852.867601447695</c:v>
                </c:pt>
                <c:pt idx="163">
                  <c:v>64298.660151766606</c:v>
                </c:pt>
                <c:pt idx="164">
                  <c:v>80228.058394342472</c:v>
                </c:pt>
                <c:pt idx="165">
                  <c:v>87467.244244226764</c:v>
                </c:pt>
                <c:pt idx="166">
                  <c:v>73438.029567159203</c:v>
                </c:pt>
                <c:pt idx="167">
                  <c:v>69613.383260902076</c:v>
                </c:pt>
                <c:pt idx="168">
                  <c:v>78331.421580479378</c:v>
                </c:pt>
                <c:pt idx="169">
                  <c:v>88886.786327546593</c:v>
                </c:pt>
                <c:pt idx="170">
                  <c:v>66438.33705259503</c:v>
                </c:pt>
                <c:pt idx="171">
                  <c:v>42616.756859471228</c:v>
                </c:pt>
                <c:pt idx="172">
                  <c:v>54740.575950564838</c:v>
                </c:pt>
                <c:pt idx="173">
                  <c:v>66174.924306558707</c:v>
                </c:pt>
                <c:pt idx="174">
                  <c:v>60172.767241865171</c:v>
                </c:pt>
                <c:pt idx="175">
                  <c:v>59911.740799540537</c:v>
                </c:pt>
                <c:pt idx="176">
                  <c:v>65789.674971769768</c:v>
                </c:pt>
                <c:pt idx="177">
                  <c:v>77906.613306714324</c:v>
                </c:pt>
                <c:pt idx="178">
                  <c:v>68673.632697592839</c:v>
                </c:pt>
                <c:pt idx="179">
                  <c:v>79647.555364969856</c:v>
                </c:pt>
                <c:pt idx="180">
                  <c:v>94119.895778336009</c:v>
                </c:pt>
                <c:pt idx="181">
                  <c:v>93407.611065834761</c:v>
                </c:pt>
                <c:pt idx="182">
                  <c:v>118256.00024573361</c:v>
                </c:pt>
                <c:pt idx="183">
                  <c:v>135174.80240501001</c:v>
                </c:pt>
                <c:pt idx="184">
                  <c:v>131804.97247641149</c:v>
                </c:pt>
                <c:pt idx="185">
                  <c:v>148386.07257856755</c:v>
                </c:pt>
                <c:pt idx="186">
                  <c:v>182112.050507387</c:v>
                </c:pt>
                <c:pt idx="187">
                  <c:v>161190.37081706233</c:v>
                </c:pt>
                <c:pt idx="188">
                  <c:v>209015.79556559626</c:v>
                </c:pt>
                <c:pt idx="189">
                  <c:v>221537.05692808924</c:v>
                </c:pt>
                <c:pt idx="190">
                  <c:v>240598.13128892326</c:v>
                </c:pt>
                <c:pt idx="191">
                  <c:v>232555.46227929203</c:v>
                </c:pt>
                <c:pt idx="192">
                  <c:v>307702.13704919734</c:v>
                </c:pt>
                <c:pt idx="193">
                  <c:v>360827.8015232312</c:v>
                </c:pt>
                <c:pt idx="194">
                  <c:v>462406.43177978502</c:v>
                </c:pt>
                <c:pt idx="195">
                  <c:v>556480.99521655531</c:v>
                </c:pt>
                <c:pt idx="196">
                  <c:v>678722.73170583218</c:v>
                </c:pt>
                <c:pt idx="197">
                  <c:v>583821.97574342927</c:v>
                </c:pt>
                <c:pt idx="198">
                  <c:v>510120.66618491802</c:v>
                </c:pt>
                <c:pt idx="199">
                  <c:v>394401.74640849495</c:v>
                </c:pt>
                <c:pt idx="200">
                  <c:v>515429.6773922412</c:v>
                </c:pt>
                <c:pt idx="201">
                  <c:v>564053.36005001399</c:v>
                </c:pt>
                <c:pt idx="202">
                  <c:v>585332.7353638307</c:v>
                </c:pt>
                <c:pt idx="203">
                  <c:v>663342.638348329</c:v>
                </c:pt>
                <c:pt idx="204">
                  <c:v>683938.20376955846</c:v>
                </c:pt>
                <c:pt idx="205">
                  <c:v>421592.1712055559</c:v>
                </c:pt>
                <c:pt idx="206">
                  <c:v>540167.8197238486</c:v>
                </c:pt>
                <c:pt idx="207">
                  <c:v>628338.69962686196</c:v>
                </c:pt>
                <c:pt idx="208">
                  <c:v>616790.05307514069</c:v>
                </c:pt>
                <c:pt idx="209">
                  <c:v>705536.34864709515</c:v>
                </c:pt>
                <c:pt idx="210">
                  <c:v>927696.36098372773</c:v>
                </c:pt>
                <c:pt idx="211">
                  <c:v>1035638.389768002</c:v>
                </c:pt>
                <c:pt idx="212">
                  <c:v>1032661.9367372431</c:v>
                </c:pt>
                <c:pt idx="213">
                  <c:v>1139346.7369116107</c:v>
                </c:pt>
                <c:pt idx="214">
                  <c:v>1352030.9855359155</c:v>
                </c:pt>
                <c:pt idx="215">
                  <c:v>1256507.2970948897</c:v>
                </c:pt>
                <c:pt idx="216">
                  <c:v>1599914.9964048639</c:v>
                </c:pt>
                <c:pt idx="217">
                  <c:v>1929736.1483167175</c:v>
                </c:pt>
                <c:pt idx="218">
                  <c:v>2334990.213158919</c:v>
                </c:pt>
                <c:pt idx="219">
                  <c:v>1776699.3200878389</c:v>
                </c:pt>
              </c:numCache>
            </c:numRef>
          </c:val>
          <c:smooth val="0"/>
          <c:extLst>
            <c:ext xmlns:c16="http://schemas.microsoft.com/office/drawing/2014/chart" uri="{C3380CC4-5D6E-409C-BE32-E72D297353CC}">
              <c16:uniqueId val="{00000002-58FF-4DAC-A024-7CAF49B1BABE}"/>
            </c:ext>
          </c:extLst>
        </c:ser>
        <c:ser>
          <c:idx val="1"/>
          <c:order val="1"/>
          <c:tx>
            <c:strRef>
              <c:f>Sheet1!$C$1</c:f>
              <c:strCache>
                <c:ptCount val="1"/>
                <c:pt idx="0">
                  <c:v>Bonds</c:v>
                </c:pt>
              </c:strCache>
            </c:strRef>
          </c:tx>
          <c:spPr>
            <a:ln w="34238">
              <a:solidFill>
                <a:srgbClr val="57839B"/>
              </a:solidFill>
              <a:prstDash val="solid"/>
            </a:ln>
          </c:spPr>
          <c:marker>
            <c:symbol val="none"/>
          </c:marker>
          <c:dLbls>
            <c:dLbl>
              <c:idx val="186"/>
              <c:layout>
                <c:manualLayout>
                  <c:x val="9.8790410176442009E-2"/>
                  <c:y val="-7.7551513699668562E-2"/>
                </c:manualLayout>
              </c:layout>
              <c:tx>
                <c:rich>
                  <a:bodyPr/>
                  <a:lstStyle/>
                  <a:p>
                    <a:pPr>
                      <a:defRPr sz="1200" b="1" i="0" u="none" strike="noStrike" baseline="0">
                        <a:solidFill>
                          <a:srgbClr val="57839B"/>
                        </a:solidFill>
                        <a:latin typeface="+mj-lt"/>
                        <a:ea typeface="Times New Roman"/>
                        <a:cs typeface="Times New Roman"/>
                      </a:defRPr>
                    </a:pPr>
                    <a:r>
                      <a:rPr lang="en-US" sz="1200" baseline="0">
                        <a:solidFill>
                          <a:srgbClr val="57839B"/>
                        </a:solidFill>
                        <a:latin typeface="+mj-lt"/>
                      </a:rPr>
                      <a:t>BONDS</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2-E4F6-4564-9024-B15912CEBAF3}"/>
                </c:ext>
              </c:extLst>
            </c:dLbl>
            <c:dLbl>
              <c:idx val="196"/>
              <c:layout>
                <c:manualLayout>
                  <c:x val="4.7493303857952258E-2"/>
                  <c:y val="-0.10851368725919763"/>
                </c:manualLayout>
              </c:layout>
              <c:tx>
                <c:rich>
                  <a:bodyPr/>
                  <a:lstStyle/>
                  <a:p>
                    <a:pPr>
                      <a:defRPr sz="1200" b="1" i="0" u="none" strike="noStrike" baseline="0">
                        <a:solidFill>
                          <a:srgbClr val="57839B"/>
                        </a:solidFill>
                        <a:latin typeface="+mj-lt"/>
                        <a:ea typeface="Times New Roman"/>
                        <a:cs typeface="Times New Roman"/>
                      </a:defRPr>
                    </a:pPr>
                    <a:r>
                      <a:rPr lang="en-US" sz="1200" baseline="0">
                        <a:solidFill>
                          <a:srgbClr val="57839B"/>
                        </a:solidFill>
                        <a:latin typeface="+mj-lt"/>
                      </a:rPr>
                      <a:t>$1839</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layout>
                    <c:manualLayout>
                      <c:w val="0.10955296466595076"/>
                      <c:h val="7.575809077072404E-2"/>
                    </c:manualLayout>
                  </c15:layout>
                  <c15:showDataLabelsRange val="0"/>
                </c:ext>
                <c:ext xmlns:c16="http://schemas.microsoft.com/office/drawing/2014/chart" uri="{C3380CC4-5D6E-409C-BE32-E72D297353CC}">
                  <c16:uniqueId val="{00000003-E4F6-4564-9024-B15912CEBAF3}"/>
                </c:ext>
              </c:extLst>
            </c:dLbl>
            <c:spPr>
              <a:noFill/>
              <a:ln>
                <a:noFill/>
              </a:ln>
              <a:effectLst/>
            </c:spPr>
            <c:txPr>
              <a:bodyPr wrap="square" lIns="38100" tIns="19050" rIns="38100" bIns="19050" anchor="ctr">
                <a:spAutoFit/>
              </a:bodyPr>
              <a:lstStyle/>
              <a:p>
                <a:pPr>
                  <a:defRPr sz="1200" baseline="0">
                    <a:solidFill>
                      <a:srgbClr val="57839B"/>
                    </a:solidFill>
                    <a:latin typeface="+mj-lt"/>
                  </a:defRPr>
                </a:pPr>
                <a:endParaRPr lang="en-US"/>
              </a:p>
            </c:txPr>
            <c:showLegendKey val="0"/>
            <c:showVal val="0"/>
            <c:showCatName val="0"/>
            <c:showSerName val="0"/>
            <c:showPercent val="0"/>
            <c:showBubbleSize val="0"/>
            <c:extLst>
              <c:ext xmlns:c15="http://schemas.microsoft.com/office/drawing/2012/chart" uri="{CE6537A1-D6FC-4f65-9D91-7224C49458BB}">
                <c15:showLeaderLines val="0"/>
              </c:ext>
            </c:extLst>
          </c:dLbls>
          <c:cat>
            <c:numRef>
              <c:f>Sheet1!$A$4:$A$225</c:f>
              <c:numCache>
                <c:formatCode>General</c:formatCode>
                <c:ptCount val="222"/>
                <c:pt idx="0">
                  <c:v>1803</c:v>
                </c:pt>
                <c:pt idx="1">
                  <c:v>1804</c:v>
                </c:pt>
                <c:pt idx="2">
                  <c:v>1805</c:v>
                </c:pt>
                <c:pt idx="3">
                  <c:v>1806</c:v>
                </c:pt>
                <c:pt idx="4">
                  <c:v>1807</c:v>
                </c:pt>
                <c:pt idx="5">
                  <c:v>1808</c:v>
                </c:pt>
                <c:pt idx="6">
                  <c:v>1809</c:v>
                </c:pt>
                <c:pt idx="7">
                  <c:v>1810</c:v>
                </c:pt>
                <c:pt idx="8">
                  <c:v>1811</c:v>
                </c:pt>
                <c:pt idx="9">
                  <c:v>1812</c:v>
                </c:pt>
                <c:pt idx="10">
                  <c:v>1813</c:v>
                </c:pt>
                <c:pt idx="11">
                  <c:v>1814</c:v>
                </c:pt>
                <c:pt idx="12">
                  <c:v>1815</c:v>
                </c:pt>
                <c:pt idx="13">
                  <c:v>1816</c:v>
                </c:pt>
                <c:pt idx="14">
                  <c:v>1817</c:v>
                </c:pt>
                <c:pt idx="15">
                  <c:v>1818</c:v>
                </c:pt>
                <c:pt idx="16">
                  <c:v>1819</c:v>
                </c:pt>
                <c:pt idx="17">
                  <c:v>1820</c:v>
                </c:pt>
                <c:pt idx="18">
                  <c:v>1821</c:v>
                </c:pt>
                <c:pt idx="19">
                  <c:v>1822</c:v>
                </c:pt>
                <c:pt idx="20">
                  <c:v>1823</c:v>
                </c:pt>
                <c:pt idx="21">
                  <c:v>1824</c:v>
                </c:pt>
                <c:pt idx="22">
                  <c:v>1825</c:v>
                </c:pt>
                <c:pt idx="23">
                  <c:v>1826</c:v>
                </c:pt>
                <c:pt idx="24">
                  <c:v>1827</c:v>
                </c:pt>
                <c:pt idx="25">
                  <c:v>1828</c:v>
                </c:pt>
                <c:pt idx="26">
                  <c:v>1829</c:v>
                </c:pt>
                <c:pt idx="27">
                  <c:v>1830</c:v>
                </c:pt>
                <c:pt idx="28">
                  <c:v>1831</c:v>
                </c:pt>
                <c:pt idx="29">
                  <c:v>1832</c:v>
                </c:pt>
                <c:pt idx="30">
                  <c:v>1833</c:v>
                </c:pt>
                <c:pt idx="31">
                  <c:v>1834</c:v>
                </c:pt>
                <c:pt idx="32">
                  <c:v>1835</c:v>
                </c:pt>
                <c:pt idx="33">
                  <c:v>1836</c:v>
                </c:pt>
                <c:pt idx="34">
                  <c:v>1837</c:v>
                </c:pt>
                <c:pt idx="35">
                  <c:v>1838</c:v>
                </c:pt>
                <c:pt idx="36">
                  <c:v>1839</c:v>
                </c:pt>
                <c:pt idx="37">
                  <c:v>1840</c:v>
                </c:pt>
                <c:pt idx="38">
                  <c:v>1841</c:v>
                </c:pt>
                <c:pt idx="39">
                  <c:v>1842</c:v>
                </c:pt>
                <c:pt idx="40">
                  <c:v>1843</c:v>
                </c:pt>
                <c:pt idx="41">
                  <c:v>1844</c:v>
                </c:pt>
                <c:pt idx="42">
                  <c:v>1845</c:v>
                </c:pt>
                <c:pt idx="43">
                  <c:v>1846</c:v>
                </c:pt>
                <c:pt idx="44">
                  <c:v>1847</c:v>
                </c:pt>
                <c:pt idx="45">
                  <c:v>1848</c:v>
                </c:pt>
                <c:pt idx="46">
                  <c:v>1849</c:v>
                </c:pt>
                <c:pt idx="47">
                  <c:v>1850</c:v>
                </c:pt>
                <c:pt idx="48">
                  <c:v>1851</c:v>
                </c:pt>
                <c:pt idx="49">
                  <c:v>1852</c:v>
                </c:pt>
                <c:pt idx="50">
                  <c:v>1853</c:v>
                </c:pt>
                <c:pt idx="51">
                  <c:v>1854</c:v>
                </c:pt>
                <c:pt idx="52">
                  <c:v>1855</c:v>
                </c:pt>
                <c:pt idx="53">
                  <c:v>1856</c:v>
                </c:pt>
                <c:pt idx="54">
                  <c:v>1857</c:v>
                </c:pt>
                <c:pt idx="55">
                  <c:v>1858</c:v>
                </c:pt>
                <c:pt idx="56">
                  <c:v>1859</c:v>
                </c:pt>
                <c:pt idx="57">
                  <c:v>1860</c:v>
                </c:pt>
                <c:pt idx="58">
                  <c:v>1861</c:v>
                </c:pt>
                <c:pt idx="59">
                  <c:v>1862</c:v>
                </c:pt>
                <c:pt idx="60">
                  <c:v>1863</c:v>
                </c:pt>
                <c:pt idx="61">
                  <c:v>1864</c:v>
                </c:pt>
                <c:pt idx="62">
                  <c:v>1865</c:v>
                </c:pt>
                <c:pt idx="63">
                  <c:v>1866</c:v>
                </c:pt>
                <c:pt idx="64">
                  <c:v>1867</c:v>
                </c:pt>
                <c:pt idx="65">
                  <c:v>1868</c:v>
                </c:pt>
                <c:pt idx="66">
                  <c:v>1869</c:v>
                </c:pt>
                <c:pt idx="67">
                  <c:v>1870</c:v>
                </c:pt>
                <c:pt idx="68">
                  <c:v>1871</c:v>
                </c:pt>
                <c:pt idx="69">
                  <c:v>1872</c:v>
                </c:pt>
                <c:pt idx="70">
                  <c:v>1873</c:v>
                </c:pt>
                <c:pt idx="71">
                  <c:v>1874</c:v>
                </c:pt>
                <c:pt idx="72">
                  <c:v>1875</c:v>
                </c:pt>
                <c:pt idx="73">
                  <c:v>1876</c:v>
                </c:pt>
                <c:pt idx="74">
                  <c:v>1877</c:v>
                </c:pt>
                <c:pt idx="75">
                  <c:v>1878</c:v>
                </c:pt>
                <c:pt idx="76">
                  <c:v>1879</c:v>
                </c:pt>
                <c:pt idx="77">
                  <c:v>1880</c:v>
                </c:pt>
                <c:pt idx="78">
                  <c:v>1881</c:v>
                </c:pt>
                <c:pt idx="79">
                  <c:v>1882</c:v>
                </c:pt>
                <c:pt idx="80">
                  <c:v>1883</c:v>
                </c:pt>
                <c:pt idx="81">
                  <c:v>1884</c:v>
                </c:pt>
                <c:pt idx="82">
                  <c:v>1885</c:v>
                </c:pt>
                <c:pt idx="83">
                  <c:v>1886</c:v>
                </c:pt>
                <c:pt idx="84">
                  <c:v>1887</c:v>
                </c:pt>
                <c:pt idx="85">
                  <c:v>1888</c:v>
                </c:pt>
                <c:pt idx="86">
                  <c:v>1889</c:v>
                </c:pt>
                <c:pt idx="87">
                  <c:v>1890</c:v>
                </c:pt>
                <c:pt idx="88">
                  <c:v>1891</c:v>
                </c:pt>
                <c:pt idx="89">
                  <c:v>1892</c:v>
                </c:pt>
                <c:pt idx="90">
                  <c:v>1893</c:v>
                </c:pt>
                <c:pt idx="91">
                  <c:v>1894</c:v>
                </c:pt>
                <c:pt idx="92">
                  <c:v>1895</c:v>
                </c:pt>
                <c:pt idx="93">
                  <c:v>1896</c:v>
                </c:pt>
                <c:pt idx="94">
                  <c:v>1897</c:v>
                </c:pt>
                <c:pt idx="95">
                  <c:v>1898</c:v>
                </c:pt>
                <c:pt idx="96">
                  <c:v>1899</c:v>
                </c:pt>
                <c:pt idx="97">
                  <c:v>1900</c:v>
                </c:pt>
                <c:pt idx="98">
                  <c:v>1901</c:v>
                </c:pt>
                <c:pt idx="99">
                  <c:v>1902</c:v>
                </c:pt>
                <c:pt idx="100">
                  <c:v>1903</c:v>
                </c:pt>
                <c:pt idx="101">
                  <c:v>1904</c:v>
                </c:pt>
                <c:pt idx="102">
                  <c:v>1905</c:v>
                </c:pt>
                <c:pt idx="103">
                  <c:v>1906</c:v>
                </c:pt>
                <c:pt idx="104">
                  <c:v>1907</c:v>
                </c:pt>
                <c:pt idx="105">
                  <c:v>1908</c:v>
                </c:pt>
                <c:pt idx="106">
                  <c:v>1909</c:v>
                </c:pt>
                <c:pt idx="107">
                  <c:v>1910</c:v>
                </c:pt>
                <c:pt idx="108">
                  <c:v>1911</c:v>
                </c:pt>
                <c:pt idx="109">
                  <c:v>1912</c:v>
                </c:pt>
                <c:pt idx="110">
                  <c:v>1913</c:v>
                </c:pt>
                <c:pt idx="111">
                  <c:v>1914</c:v>
                </c:pt>
                <c:pt idx="112">
                  <c:v>1915</c:v>
                </c:pt>
                <c:pt idx="113">
                  <c:v>1916</c:v>
                </c:pt>
                <c:pt idx="114">
                  <c:v>1917</c:v>
                </c:pt>
                <c:pt idx="115">
                  <c:v>1918</c:v>
                </c:pt>
                <c:pt idx="116">
                  <c:v>1919</c:v>
                </c:pt>
                <c:pt idx="117">
                  <c:v>1920</c:v>
                </c:pt>
                <c:pt idx="118">
                  <c:v>1921</c:v>
                </c:pt>
                <c:pt idx="119">
                  <c:v>1922</c:v>
                </c:pt>
                <c:pt idx="120">
                  <c:v>1923</c:v>
                </c:pt>
                <c:pt idx="121">
                  <c:v>1924</c:v>
                </c:pt>
                <c:pt idx="122">
                  <c:v>1925</c:v>
                </c:pt>
                <c:pt idx="123">
                  <c:v>1926</c:v>
                </c:pt>
                <c:pt idx="124">
                  <c:v>1927</c:v>
                </c:pt>
                <c:pt idx="125">
                  <c:v>1928</c:v>
                </c:pt>
                <c:pt idx="126">
                  <c:v>1929</c:v>
                </c:pt>
                <c:pt idx="127">
                  <c:v>1930</c:v>
                </c:pt>
                <c:pt idx="128">
                  <c:v>1931</c:v>
                </c:pt>
                <c:pt idx="129">
                  <c:v>1932</c:v>
                </c:pt>
                <c:pt idx="130">
                  <c:v>1933</c:v>
                </c:pt>
                <c:pt idx="131">
                  <c:v>1934</c:v>
                </c:pt>
                <c:pt idx="132">
                  <c:v>1935</c:v>
                </c:pt>
                <c:pt idx="133">
                  <c:v>1936</c:v>
                </c:pt>
                <c:pt idx="134">
                  <c:v>1937</c:v>
                </c:pt>
                <c:pt idx="135">
                  <c:v>1938</c:v>
                </c:pt>
                <c:pt idx="136">
                  <c:v>1939</c:v>
                </c:pt>
                <c:pt idx="137">
                  <c:v>1940</c:v>
                </c:pt>
                <c:pt idx="138">
                  <c:v>1941</c:v>
                </c:pt>
                <c:pt idx="139">
                  <c:v>1942</c:v>
                </c:pt>
                <c:pt idx="140">
                  <c:v>1943</c:v>
                </c:pt>
                <c:pt idx="141">
                  <c:v>1944</c:v>
                </c:pt>
                <c:pt idx="142">
                  <c:v>1945</c:v>
                </c:pt>
                <c:pt idx="143">
                  <c:v>1946</c:v>
                </c:pt>
                <c:pt idx="144">
                  <c:v>1947</c:v>
                </c:pt>
                <c:pt idx="145">
                  <c:v>1948</c:v>
                </c:pt>
                <c:pt idx="146">
                  <c:v>1949</c:v>
                </c:pt>
                <c:pt idx="147">
                  <c:v>1950</c:v>
                </c:pt>
                <c:pt idx="148">
                  <c:v>1951</c:v>
                </c:pt>
                <c:pt idx="149">
                  <c:v>1952</c:v>
                </c:pt>
                <c:pt idx="150">
                  <c:v>1953</c:v>
                </c:pt>
                <c:pt idx="151">
                  <c:v>1954</c:v>
                </c:pt>
                <c:pt idx="152">
                  <c:v>1955</c:v>
                </c:pt>
                <c:pt idx="153">
                  <c:v>1956</c:v>
                </c:pt>
                <c:pt idx="154">
                  <c:v>1957</c:v>
                </c:pt>
                <c:pt idx="155">
                  <c:v>1958</c:v>
                </c:pt>
                <c:pt idx="156">
                  <c:v>1959</c:v>
                </c:pt>
                <c:pt idx="157">
                  <c:v>1960</c:v>
                </c:pt>
                <c:pt idx="158">
                  <c:v>1961</c:v>
                </c:pt>
                <c:pt idx="159">
                  <c:v>1962</c:v>
                </c:pt>
                <c:pt idx="160">
                  <c:v>1963</c:v>
                </c:pt>
                <c:pt idx="161">
                  <c:v>1964</c:v>
                </c:pt>
                <c:pt idx="162">
                  <c:v>1965</c:v>
                </c:pt>
                <c:pt idx="163">
                  <c:v>1966</c:v>
                </c:pt>
                <c:pt idx="164">
                  <c:v>1967</c:v>
                </c:pt>
                <c:pt idx="165">
                  <c:v>1968</c:v>
                </c:pt>
                <c:pt idx="166">
                  <c:v>1969</c:v>
                </c:pt>
                <c:pt idx="167">
                  <c:v>1970</c:v>
                </c:pt>
                <c:pt idx="168">
                  <c:v>1971</c:v>
                </c:pt>
                <c:pt idx="169">
                  <c:v>1972</c:v>
                </c:pt>
                <c:pt idx="170">
                  <c:v>1973</c:v>
                </c:pt>
                <c:pt idx="171">
                  <c:v>1974</c:v>
                </c:pt>
                <c:pt idx="172">
                  <c:v>1975</c:v>
                </c:pt>
                <c:pt idx="173">
                  <c:v>1976</c:v>
                </c:pt>
                <c:pt idx="174">
                  <c:v>1977</c:v>
                </c:pt>
                <c:pt idx="175">
                  <c:v>1978</c:v>
                </c:pt>
                <c:pt idx="176">
                  <c:v>1979</c:v>
                </c:pt>
                <c:pt idx="177">
                  <c:v>1980</c:v>
                </c:pt>
                <c:pt idx="178">
                  <c:v>1981</c:v>
                </c:pt>
                <c:pt idx="179">
                  <c:v>1982</c:v>
                </c:pt>
                <c:pt idx="180">
                  <c:v>1983</c:v>
                </c:pt>
                <c:pt idx="181">
                  <c:v>1984</c:v>
                </c:pt>
                <c:pt idx="182">
                  <c:v>1985</c:v>
                </c:pt>
                <c:pt idx="183">
                  <c:v>1986</c:v>
                </c:pt>
                <c:pt idx="184">
                  <c:v>1987</c:v>
                </c:pt>
                <c:pt idx="185">
                  <c:v>1988</c:v>
                </c:pt>
                <c:pt idx="186">
                  <c:v>1989</c:v>
                </c:pt>
                <c:pt idx="187">
                  <c:v>1990</c:v>
                </c:pt>
                <c:pt idx="188">
                  <c:v>1991</c:v>
                </c:pt>
                <c:pt idx="189">
                  <c:v>1992</c:v>
                </c:pt>
                <c:pt idx="190">
                  <c:v>1993</c:v>
                </c:pt>
                <c:pt idx="191">
                  <c:v>1994</c:v>
                </c:pt>
                <c:pt idx="192">
                  <c:v>1995</c:v>
                </c:pt>
                <c:pt idx="193">
                  <c:v>1996</c:v>
                </c:pt>
                <c:pt idx="194">
                  <c:v>1997</c:v>
                </c:pt>
                <c:pt idx="195">
                  <c:v>1998</c:v>
                </c:pt>
                <c:pt idx="196">
                  <c:v>1999</c:v>
                </c:pt>
                <c:pt idx="197">
                  <c:v>2000</c:v>
                </c:pt>
                <c:pt idx="198">
                  <c:v>2001</c:v>
                </c:pt>
                <c:pt idx="199">
                  <c:v>2002</c:v>
                </c:pt>
                <c:pt idx="200">
                  <c:v>2003</c:v>
                </c:pt>
                <c:pt idx="201">
                  <c:v>2004</c:v>
                </c:pt>
                <c:pt idx="202">
                  <c:v>2005</c:v>
                </c:pt>
                <c:pt idx="203">
                  <c:v>2006</c:v>
                </c:pt>
                <c:pt idx="204">
                  <c:v>2007</c:v>
                </c:pt>
                <c:pt idx="205">
                  <c:v>2008</c:v>
                </c:pt>
                <c:pt idx="206">
                  <c:v>2009</c:v>
                </c:pt>
                <c:pt idx="207">
                  <c:v>2010</c:v>
                </c:pt>
                <c:pt idx="208">
                  <c:v>2011</c:v>
                </c:pt>
                <c:pt idx="209">
                  <c:v>2012</c:v>
                </c:pt>
                <c:pt idx="210">
                  <c:v>2013</c:v>
                </c:pt>
                <c:pt idx="211">
                  <c:v>2014</c:v>
                </c:pt>
                <c:pt idx="212">
                  <c:v>2015</c:v>
                </c:pt>
                <c:pt idx="213">
                  <c:v>2016</c:v>
                </c:pt>
                <c:pt idx="214">
                  <c:v>2017</c:v>
                </c:pt>
                <c:pt idx="215">
                  <c:v>2018</c:v>
                </c:pt>
                <c:pt idx="216">
                  <c:v>2019</c:v>
                </c:pt>
                <c:pt idx="217">
                  <c:v>2020</c:v>
                </c:pt>
                <c:pt idx="218">
                  <c:v>2021</c:v>
                </c:pt>
                <c:pt idx="219">
                  <c:v>2022</c:v>
                </c:pt>
              </c:numCache>
            </c:numRef>
          </c:cat>
          <c:val>
            <c:numRef>
              <c:f>Sheet1!$C$4:$C$225</c:f>
              <c:numCache>
                <c:formatCode>\$#,##0.00_);[Red]"($"#,##0.00\)</c:formatCode>
                <c:ptCount val="222"/>
                <c:pt idx="0">
                  <c:v>1.3687705556182745</c:v>
                </c:pt>
                <c:pt idx="1">
                  <c:v>1.3053883683471681</c:v>
                </c:pt>
                <c:pt idx="2">
                  <c:v>1.235814301925378</c:v>
                </c:pt>
                <c:pt idx="3">
                  <c:v>1.346726167497666</c:v>
                </c:pt>
                <c:pt idx="4">
                  <c:v>1.4847210720876636</c:v>
                </c:pt>
                <c:pt idx="5">
                  <c:v>1.6636382560152139</c:v>
                </c:pt>
                <c:pt idx="6">
                  <c:v>1.5828204658652232</c:v>
                </c:pt>
                <c:pt idx="7">
                  <c:v>1.6921814679662373</c:v>
                </c:pt>
                <c:pt idx="8">
                  <c:v>1.8392862457721009</c:v>
                </c:pt>
                <c:pt idx="9">
                  <c:v>1.804864922772067</c:v>
                </c:pt>
                <c:pt idx="10">
                  <c:v>1.6561877971670453</c:v>
                </c:pt>
                <c:pt idx="11">
                  <c:v>1.4918737875516275</c:v>
                </c:pt>
                <c:pt idx="12">
                  <c:v>1.8034184104838749</c:v>
                </c:pt>
                <c:pt idx="13">
                  <c:v>2.0656538264591009</c:v>
                </c:pt>
                <c:pt idx="14">
                  <c:v>2.3116837057465913</c:v>
                </c:pt>
                <c:pt idx="15">
                  <c:v>2.5536956216908346</c:v>
                </c:pt>
                <c:pt idx="16">
                  <c:v>2.9298159325403272</c:v>
                </c:pt>
                <c:pt idx="17">
                  <c:v>3.5174135229938854</c:v>
                </c:pt>
                <c:pt idx="18">
                  <c:v>3.9599902434515286</c:v>
                </c:pt>
                <c:pt idx="19">
                  <c:v>4.005465189703485</c:v>
                </c:pt>
                <c:pt idx="20">
                  <c:v>4.1201657702514094</c:v>
                </c:pt>
                <c:pt idx="21">
                  <c:v>4.8061785590608981</c:v>
                </c:pt>
                <c:pt idx="22">
                  <c:v>4.8485597815004313</c:v>
                </c:pt>
                <c:pt idx="23">
                  <c:v>5.2560800325863513</c:v>
                </c:pt>
                <c:pt idx="24">
                  <c:v>5.3400703283957478</c:v>
                </c:pt>
                <c:pt idx="25">
                  <c:v>5.7373475519950219</c:v>
                </c:pt>
                <c:pt idx="26">
                  <c:v>5.9889709703439893</c:v>
                </c:pt>
                <c:pt idx="27">
                  <c:v>6.5027714520422037</c:v>
                </c:pt>
                <c:pt idx="28">
                  <c:v>6.5260991037294724</c:v>
                </c:pt>
                <c:pt idx="29">
                  <c:v>6.7062534192993262</c:v>
                </c:pt>
                <c:pt idx="30">
                  <c:v>6.690749134043541</c:v>
                </c:pt>
                <c:pt idx="31">
                  <c:v>7.3029799889886684</c:v>
                </c:pt>
                <c:pt idx="32">
                  <c:v>7.1030459707242688</c:v>
                </c:pt>
                <c:pt idx="33">
                  <c:v>6.7225868548070151</c:v>
                </c:pt>
                <c:pt idx="34">
                  <c:v>7.0989295937989549</c:v>
                </c:pt>
                <c:pt idx="35">
                  <c:v>7.6176840685266303</c:v>
                </c:pt>
                <c:pt idx="36">
                  <c:v>7.6965005331611964</c:v>
                </c:pt>
                <c:pt idx="37">
                  <c:v>9.2044082327656263</c:v>
                </c:pt>
                <c:pt idx="38">
                  <c:v>10.082928170266026</c:v>
                </c:pt>
                <c:pt idx="39">
                  <c:v>11.341192887626368</c:v>
                </c:pt>
                <c:pt idx="40">
                  <c:v>12.359782885435779</c:v>
                </c:pt>
                <c:pt idx="41">
                  <c:v>12.857411960087981</c:v>
                </c:pt>
                <c:pt idx="42">
                  <c:v>13.058590149375176</c:v>
                </c:pt>
                <c:pt idx="43">
                  <c:v>13.37609260694391</c:v>
                </c:pt>
                <c:pt idx="44">
                  <c:v>13.046512969165637</c:v>
                </c:pt>
                <c:pt idx="45">
                  <c:v>14.413920398459219</c:v>
                </c:pt>
                <c:pt idx="46">
                  <c:v>15.548143160217485</c:v>
                </c:pt>
                <c:pt idx="47">
                  <c:v>16.791237146966044</c:v>
                </c:pt>
                <c:pt idx="48">
                  <c:v>17.785413147465217</c:v>
                </c:pt>
                <c:pt idx="49">
                  <c:v>18.754964115307477</c:v>
                </c:pt>
                <c:pt idx="50">
                  <c:v>20.455351983619106</c:v>
                </c:pt>
                <c:pt idx="51">
                  <c:v>19.417058262533036</c:v>
                </c:pt>
                <c:pt idx="52">
                  <c:v>19.405309755357745</c:v>
                </c:pt>
                <c:pt idx="53">
                  <c:v>21.141954528873349</c:v>
                </c:pt>
                <c:pt idx="54">
                  <c:v>20.746170075296725</c:v>
                </c:pt>
                <c:pt idx="55">
                  <c:v>23.247612966435284</c:v>
                </c:pt>
                <c:pt idx="56">
                  <c:v>22.28364994771751</c:v>
                </c:pt>
                <c:pt idx="57">
                  <c:v>23.1500685946102</c:v>
                </c:pt>
                <c:pt idx="58">
                  <c:v>23.584529303311388</c:v>
                </c:pt>
                <c:pt idx="59">
                  <c:v>22.620712047352225</c:v>
                </c:pt>
                <c:pt idx="60">
                  <c:v>20.45859092116206</c:v>
                </c:pt>
                <c:pt idx="61">
                  <c:v>15.987161678002458</c:v>
                </c:pt>
                <c:pt idx="62">
                  <c:v>15.815493532074376</c:v>
                </c:pt>
                <c:pt idx="63">
                  <c:v>17.464018604192397</c:v>
                </c:pt>
                <c:pt idx="64">
                  <c:v>19.635177521801456</c:v>
                </c:pt>
                <c:pt idx="65">
                  <c:v>21.859371069179716</c:v>
                </c:pt>
                <c:pt idx="66">
                  <c:v>22.790077163825067</c:v>
                </c:pt>
                <c:pt idx="67">
                  <c:v>25.088071244010774</c:v>
                </c:pt>
                <c:pt idx="68">
                  <c:v>27.962444637020294</c:v>
                </c:pt>
                <c:pt idx="69">
                  <c:v>29.979322789906593</c:v>
                </c:pt>
                <c:pt idx="70">
                  <c:v>31.078085919485229</c:v>
                </c:pt>
                <c:pt idx="71">
                  <c:v>33.953985869647546</c:v>
                </c:pt>
                <c:pt idx="72">
                  <c:v>38.877553008196621</c:v>
                </c:pt>
                <c:pt idx="73">
                  <c:v>44.887169642665683</c:v>
                </c:pt>
                <c:pt idx="74">
                  <c:v>48.708759543939848</c:v>
                </c:pt>
                <c:pt idx="75">
                  <c:v>53.344211446511927</c:v>
                </c:pt>
                <c:pt idx="76">
                  <c:v>59.039704037754575</c:v>
                </c:pt>
                <c:pt idx="77">
                  <c:v>63.300534644423315</c:v>
                </c:pt>
                <c:pt idx="78">
                  <c:v>67.537068939331519</c:v>
                </c:pt>
                <c:pt idx="79">
                  <c:v>70.110333669305192</c:v>
                </c:pt>
                <c:pt idx="80">
                  <c:v>73.900036124537223</c:v>
                </c:pt>
                <c:pt idx="81">
                  <c:v>79.571657583963557</c:v>
                </c:pt>
                <c:pt idx="82">
                  <c:v>85.531421786643151</c:v>
                </c:pt>
                <c:pt idx="83">
                  <c:v>91.133063564806776</c:v>
                </c:pt>
                <c:pt idx="84">
                  <c:v>92.404209330418112</c:v>
                </c:pt>
                <c:pt idx="85">
                  <c:v>92.947521177770469</c:v>
                </c:pt>
                <c:pt idx="86">
                  <c:v>98.119153114936978</c:v>
                </c:pt>
                <c:pt idx="87">
                  <c:v>102.36666808649417</c:v>
                </c:pt>
                <c:pt idx="88">
                  <c:v>103.71079970247399</c:v>
                </c:pt>
                <c:pt idx="89">
                  <c:v>107.73645900425457</c:v>
                </c:pt>
                <c:pt idx="90">
                  <c:v>110.11793727238749</c:v>
                </c:pt>
                <c:pt idx="91">
                  <c:v>118.23657367820802</c:v>
                </c:pt>
                <c:pt idx="92">
                  <c:v>130.81916952635706</c:v>
                </c:pt>
                <c:pt idx="93">
                  <c:v>134.54722606249226</c:v>
                </c:pt>
                <c:pt idx="94">
                  <c:v>143.80588050965574</c:v>
                </c:pt>
                <c:pt idx="95">
                  <c:v>150.59494270801744</c:v>
                </c:pt>
                <c:pt idx="96">
                  <c:v>160.77438930328364</c:v>
                </c:pt>
                <c:pt idx="97">
                  <c:v>163.63952018360953</c:v>
                </c:pt>
                <c:pt idx="98">
                  <c:v>167.94574124919575</c:v>
                </c:pt>
                <c:pt idx="99">
                  <c:v>169.30941574159144</c:v>
                </c:pt>
                <c:pt idx="100">
                  <c:v>169.00817318388647</c:v>
                </c:pt>
                <c:pt idx="101">
                  <c:v>169.42100706290739</c:v>
                </c:pt>
                <c:pt idx="102">
                  <c:v>173.39066644306436</c:v>
                </c:pt>
                <c:pt idx="103">
                  <c:v>179.38681727205579</c:v>
                </c:pt>
                <c:pt idx="104">
                  <c:v>174.20986569877982</c:v>
                </c:pt>
                <c:pt idx="105">
                  <c:v>174.29537628741912</c:v>
                </c:pt>
                <c:pt idx="106">
                  <c:v>186.51992190011256</c:v>
                </c:pt>
                <c:pt idx="107">
                  <c:v>186.90554053512923</c:v>
                </c:pt>
                <c:pt idx="108">
                  <c:v>188.46329655673236</c:v>
                </c:pt>
                <c:pt idx="109">
                  <c:v>193.1965086823781</c:v>
                </c:pt>
                <c:pt idx="110">
                  <c:v>186.70363970919968</c:v>
                </c:pt>
                <c:pt idx="111">
                  <c:v>199.78012469574892</c:v>
                </c:pt>
                <c:pt idx="112">
                  <c:v>202.1045491400024</c:v>
                </c:pt>
                <c:pt idx="113">
                  <c:v>191.36266905455511</c:v>
                </c:pt>
                <c:pt idx="114">
                  <c:v>164.96785361301522</c:v>
                </c:pt>
                <c:pt idx="115">
                  <c:v>137.1357171576912</c:v>
                </c:pt>
                <c:pt idx="116">
                  <c:v>126.21200766377179</c:v>
                </c:pt>
                <c:pt idx="117">
                  <c:v>121.72091539413741</c:v>
                </c:pt>
                <c:pt idx="118">
                  <c:v>141.37884194410628</c:v>
                </c:pt>
                <c:pt idx="119">
                  <c:v>166.21870281835277</c:v>
                </c:pt>
                <c:pt idx="120">
                  <c:v>168.15962335457775</c:v>
                </c:pt>
                <c:pt idx="121">
                  <c:v>181.84669876201411</c:v>
                </c:pt>
                <c:pt idx="122">
                  <c:v>187.38762100780849</c:v>
                </c:pt>
                <c:pt idx="123">
                  <c:v>204.22837631493292</c:v>
                </c:pt>
                <c:pt idx="124">
                  <c:v>227.60524866210594</c:v>
                </c:pt>
                <c:pt idx="125">
                  <c:v>230.50664099915033</c:v>
                </c:pt>
                <c:pt idx="126">
                  <c:v>237.0069682676951</c:v>
                </c:pt>
                <c:pt idx="127">
                  <c:v>264.99511892852144</c:v>
                </c:pt>
                <c:pt idx="128">
                  <c:v>276.70550943293512</c:v>
                </c:pt>
                <c:pt idx="129">
                  <c:v>360.32911817012291</c:v>
                </c:pt>
                <c:pt idx="130">
                  <c:v>357.33431221987314</c:v>
                </c:pt>
                <c:pt idx="131">
                  <c:v>387.29243496280651</c:v>
                </c:pt>
                <c:pt idx="132">
                  <c:v>394.81004251916931</c:v>
                </c:pt>
                <c:pt idx="133">
                  <c:v>418.41684801908724</c:v>
                </c:pt>
                <c:pt idx="134">
                  <c:v>407.73777171288344</c:v>
                </c:pt>
                <c:pt idx="135">
                  <c:v>442.58923428413829</c:v>
                </c:pt>
                <c:pt idx="136">
                  <c:v>468.87865171391502</c:v>
                </c:pt>
                <c:pt idx="137">
                  <c:v>493.89100106225442</c:v>
                </c:pt>
                <c:pt idx="138">
                  <c:v>453.47243872418784</c:v>
                </c:pt>
                <c:pt idx="139">
                  <c:v>429.29118340402272</c:v>
                </c:pt>
                <c:pt idx="140">
                  <c:v>425.64579595011298</c:v>
                </c:pt>
                <c:pt idx="141">
                  <c:v>427.7920347622578</c:v>
                </c:pt>
                <c:pt idx="142">
                  <c:v>463.30152932716442</c:v>
                </c:pt>
                <c:pt idx="143">
                  <c:v>391.79114167163209</c:v>
                </c:pt>
                <c:pt idx="144">
                  <c:v>350.53652679139736</c:v>
                </c:pt>
                <c:pt idx="145">
                  <c:v>351.92267226733497</c:v>
                </c:pt>
                <c:pt idx="146">
                  <c:v>382.55385986748229</c:v>
                </c:pt>
                <c:pt idx="147">
                  <c:v>361.34471051741275</c:v>
                </c:pt>
                <c:pt idx="148">
                  <c:v>327.48963020999111</c:v>
                </c:pt>
                <c:pt idx="149">
                  <c:v>328.80769978175709</c:v>
                </c:pt>
                <c:pt idx="150">
                  <c:v>338.23256781657295</c:v>
                </c:pt>
                <c:pt idx="151">
                  <c:v>365.257865590628</c:v>
                </c:pt>
                <c:pt idx="152">
                  <c:v>359.19111151930366</c:v>
                </c:pt>
                <c:pt idx="153">
                  <c:v>329.29512563796482</c:v>
                </c:pt>
                <c:pt idx="154">
                  <c:v>343.8875805299578</c:v>
                </c:pt>
                <c:pt idx="155">
                  <c:v>317.34498191441548</c:v>
                </c:pt>
                <c:pt idx="156">
                  <c:v>304.90638203967626</c:v>
                </c:pt>
                <c:pt idx="157">
                  <c:v>342.26156634871717</c:v>
                </c:pt>
                <c:pt idx="158">
                  <c:v>343.289314344687</c:v>
                </c:pt>
                <c:pt idx="159">
                  <c:v>362.10252433587829</c:v>
                </c:pt>
                <c:pt idx="160">
                  <c:v>360.56508666850794</c:v>
                </c:pt>
                <c:pt idx="161">
                  <c:v>369.61850830977801</c:v>
                </c:pt>
                <c:pt idx="162">
                  <c:v>365.21828696746752</c:v>
                </c:pt>
                <c:pt idx="163">
                  <c:v>365.8984118504701</c:v>
                </c:pt>
                <c:pt idx="164">
                  <c:v>322.5023514413607</c:v>
                </c:pt>
                <c:pt idx="165">
                  <c:v>307.16553969067678</c:v>
                </c:pt>
                <c:pt idx="166">
                  <c:v>274.56562430223039</c:v>
                </c:pt>
                <c:pt idx="167">
                  <c:v>291.56339185342205</c:v>
                </c:pt>
                <c:pt idx="168">
                  <c:v>319.69405724015621</c:v>
                </c:pt>
                <c:pt idx="169">
                  <c:v>326.74194045087899</c:v>
                </c:pt>
                <c:pt idx="170">
                  <c:v>297.2475586695939</c:v>
                </c:pt>
                <c:pt idx="171">
                  <c:v>276.12400941626294</c:v>
                </c:pt>
                <c:pt idx="172">
                  <c:v>281.95833607845447</c:v>
                </c:pt>
                <c:pt idx="173">
                  <c:v>313.92803004838316</c:v>
                </c:pt>
                <c:pt idx="174">
                  <c:v>292.18794043286914</c:v>
                </c:pt>
                <c:pt idx="175">
                  <c:v>264.86304518002703</c:v>
                </c:pt>
                <c:pt idx="176">
                  <c:v>230.89899797908728</c:v>
                </c:pt>
                <c:pt idx="177">
                  <c:v>197.11479316889611</c:v>
                </c:pt>
                <c:pt idx="178">
                  <c:v>184.3300863099409</c:v>
                </c:pt>
                <c:pt idx="179">
                  <c:v>249.18493240570555</c:v>
                </c:pt>
                <c:pt idx="180">
                  <c:v>241.64816272881015</c:v>
                </c:pt>
                <c:pt idx="181">
                  <c:v>268.44778472166911</c:v>
                </c:pt>
                <c:pt idx="182">
                  <c:v>338.71097808757406</c:v>
                </c:pt>
                <c:pt idx="183">
                  <c:v>417.21901045128016</c:v>
                </c:pt>
                <c:pt idx="184">
                  <c:v>388.66067885078195</c:v>
                </c:pt>
                <c:pt idx="185">
                  <c:v>408.21514571879408</c:v>
                </c:pt>
                <c:pt idx="186">
                  <c:v>460.7494037065847</c:v>
                </c:pt>
                <c:pt idx="187">
                  <c:v>461.0804885983913</c:v>
                </c:pt>
                <c:pt idx="188">
                  <c:v>533.71172289285664</c:v>
                </c:pt>
                <c:pt idx="189">
                  <c:v>560.43977585837501</c:v>
                </c:pt>
                <c:pt idx="190">
                  <c:v>644.94078170936382</c:v>
                </c:pt>
                <c:pt idx="191">
                  <c:v>579.32994380135892</c:v>
                </c:pt>
                <c:pt idx="192">
                  <c:v>743.91065331990819</c:v>
                </c:pt>
                <c:pt idx="193">
                  <c:v>713.28352966241698</c:v>
                </c:pt>
                <c:pt idx="194">
                  <c:v>812.53602571097917</c:v>
                </c:pt>
                <c:pt idx="195">
                  <c:v>904.10296043605763</c:v>
                </c:pt>
                <c:pt idx="196">
                  <c:v>801.54353025406238</c:v>
                </c:pt>
                <c:pt idx="197">
                  <c:v>941.80958884301401</c:v>
                </c:pt>
                <c:pt idx="198">
                  <c:v>961.69140787495121</c:v>
                </c:pt>
                <c:pt idx="199">
                  <c:v>1106.9369550016361</c:v>
                </c:pt>
                <c:pt idx="200">
                  <c:v>1102.2514912213965</c:v>
                </c:pt>
                <c:pt idx="201">
                  <c:v>1158.3399788481593</c:v>
                </c:pt>
                <c:pt idx="202">
                  <c:v>1207.5864938465536</c:v>
                </c:pt>
                <c:pt idx="203">
                  <c:v>1191.6639427338846</c:v>
                </c:pt>
                <c:pt idx="204">
                  <c:v>1258.0840339538283</c:v>
                </c:pt>
                <c:pt idx="205">
                  <c:v>1582.1400828669273</c:v>
                </c:pt>
                <c:pt idx="206">
                  <c:v>1310.6811472125353</c:v>
                </c:pt>
                <c:pt idx="207">
                  <c:v>1422.3581005846574</c:v>
                </c:pt>
                <c:pt idx="208">
                  <c:v>1755.8116667900599</c:v>
                </c:pt>
                <c:pt idx="209">
                  <c:v>1784.9272305032375</c:v>
                </c:pt>
                <c:pt idx="210">
                  <c:v>1533.7819011299084</c:v>
                </c:pt>
                <c:pt idx="211">
                  <c:v>1898.349668807236</c:v>
                </c:pt>
                <c:pt idx="212">
                  <c:v>1872.280592438289</c:v>
                </c:pt>
                <c:pt idx="213">
                  <c:v>1866.4165803650969</c:v>
                </c:pt>
                <c:pt idx="214">
                  <c:v>1941.8519894538438</c:v>
                </c:pt>
                <c:pt idx="215">
                  <c:v>1894.6645919413431</c:v>
                </c:pt>
                <c:pt idx="216">
                  <c:v>2077.5466513796287</c:v>
                </c:pt>
                <c:pt idx="217">
                  <c:v>2392.4443582699018</c:v>
                </c:pt>
                <c:pt idx="218">
                  <c:v>2158.923225155484</c:v>
                </c:pt>
                <c:pt idx="219">
                  <c:v>1839.219506493225</c:v>
                </c:pt>
              </c:numCache>
            </c:numRef>
          </c:val>
          <c:smooth val="0"/>
          <c:extLst>
            <c:ext xmlns:c16="http://schemas.microsoft.com/office/drawing/2014/chart" uri="{C3380CC4-5D6E-409C-BE32-E72D297353CC}">
              <c16:uniqueId val="{00000005-58FF-4DAC-A024-7CAF49B1BABE}"/>
            </c:ext>
          </c:extLst>
        </c:ser>
        <c:ser>
          <c:idx val="2"/>
          <c:order val="2"/>
          <c:tx>
            <c:strRef>
              <c:f>Sheet1!$D$1</c:f>
              <c:strCache>
                <c:ptCount val="1"/>
                <c:pt idx="0">
                  <c:v>Bills</c:v>
                </c:pt>
              </c:strCache>
            </c:strRef>
          </c:tx>
          <c:spPr>
            <a:ln w="34238">
              <a:solidFill>
                <a:srgbClr val="AE5B2E"/>
              </a:solidFill>
              <a:prstDash val="solid"/>
            </a:ln>
          </c:spPr>
          <c:marker>
            <c:symbol val="none"/>
          </c:marker>
          <c:dLbls>
            <c:dLbl>
              <c:idx val="188"/>
              <c:layout>
                <c:manualLayout>
                  <c:x val="9.0485555131102055E-2"/>
                  <c:y val="3.0892573211203606E-2"/>
                </c:manualLayout>
              </c:layout>
              <c:tx>
                <c:rich>
                  <a:bodyPr/>
                  <a:lstStyle/>
                  <a:p>
                    <a:pPr>
                      <a:defRPr sz="1200" b="1" i="0" u="none" strike="noStrike" baseline="0">
                        <a:solidFill>
                          <a:srgbClr val="88441E"/>
                        </a:solidFill>
                        <a:latin typeface="+mj-lt"/>
                        <a:ea typeface="Times New Roman"/>
                        <a:cs typeface="Times New Roman"/>
                      </a:defRPr>
                    </a:pPr>
                    <a:r>
                      <a:rPr lang="en-US" sz="1200" baseline="0">
                        <a:solidFill>
                          <a:srgbClr val="88441E"/>
                        </a:solidFill>
                        <a:latin typeface="+mj-lt"/>
                      </a:rPr>
                      <a:t>T-BILLS</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layout>
                    <c:manualLayout>
                      <c:w val="8.3039970944061708E-2"/>
                      <c:h val="6.0247464308239983E-2"/>
                    </c:manualLayout>
                  </c15:layout>
                  <c15:showDataLabelsRange val="0"/>
                </c:ext>
                <c:ext xmlns:c16="http://schemas.microsoft.com/office/drawing/2014/chart" uri="{C3380CC4-5D6E-409C-BE32-E72D297353CC}">
                  <c16:uniqueId val="{00000004-E4F6-4564-9024-B15912CEBAF3}"/>
                </c:ext>
              </c:extLst>
            </c:dLbl>
            <c:dLbl>
              <c:idx val="196"/>
              <c:layout>
                <c:manualLayout>
                  <c:x val="7.5785225842933943E-2"/>
                  <c:y val="-6.4161809479566815E-3"/>
                </c:manualLayout>
              </c:layout>
              <c:tx>
                <c:rich>
                  <a:bodyPr/>
                  <a:lstStyle/>
                  <a:p>
                    <a:pPr>
                      <a:defRPr sz="1200" b="1" i="0" u="none" strike="noStrike" baseline="0">
                        <a:solidFill>
                          <a:srgbClr val="88441E"/>
                        </a:solidFill>
                        <a:latin typeface="+mj-lt"/>
                        <a:ea typeface="Times New Roman"/>
                        <a:cs typeface="Times New Roman"/>
                      </a:defRPr>
                    </a:pPr>
                    <a:r>
                      <a:rPr lang="en-US" sz="1200" baseline="0">
                        <a:solidFill>
                          <a:srgbClr val="88441E"/>
                        </a:solidFill>
                        <a:latin typeface="+mj-lt"/>
                      </a:rPr>
                      <a:t>$233</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5-E4F6-4564-9024-B15912CEBAF3}"/>
                </c:ext>
              </c:extLst>
            </c:dLbl>
            <c:spPr>
              <a:noFill/>
              <a:ln>
                <a:noFill/>
              </a:ln>
              <a:effectLst/>
            </c:spPr>
            <c:txPr>
              <a:bodyPr wrap="square" lIns="38100" tIns="19050" rIns="38100" bIns="19050" anchor="ctr">
                <a:spAutoFit/>
              </a:bodyPr>
              <a:lstStyle/>
              <a:p>
                <a:pPr>
                  <a:defRPr sz="1200" baseline="0">
                    <a:solidFill>
                      <a:srgbClr val="88441E"/>
                    </a:solidFill>
                    <a:latin typeface="+mj-lt"/>
                  </a:defRPr>
                </a:pPr>
                <a:endParaRPr lang="en-US"/>
              </a:p>
            </c:txPr>
            <c:showLegendKey val="0"/>
            <c:showVal val="0"/>
            <c:showCatName val="0"/>
            <c:showSerName val="0"/>
            <c:showPercent val="0"/>
            <c:showBubbleSize val="0"/>
            <c:extLst>
              <c:ext xmlns:c15="http://schemas.microsoft.com/office/drawing/2012/chart" uri="{CE6537A1-D6FC-4f65-9D91-7224C49458BB}">
                <c15:showLeaderLines val="0"/>
              </c:ext>
            </c:extLst>
          </c:dLbls>
          <c:cat>
            <c:numRef>
              <c:f>Sheet1!$A$4:$A$225</c:f>
              <c:numCache>
                <c:formatCode>General</c:formatCode>
                <c:ptCount val="222"/>
                <c:pt idx="0">
                  <c:v>1803</c:v>
                </c:pt>
                <c:pt idx="1">
                  <c:v>1804</c:v>
                </c:pt>
                <c:pt idx="2">
                  <c:v>1805</c:v>
                </c:pt>
                <c:pt idx="3">
                  <c:v>1806</c:v>
                </c:pt>
                <c:pt idx="4">
                  <c:v>1807</c:v>
                </c:pt>
                <c:pt idx="5">
                  <c:v>1808</c:v>
                </c:pt>
                <c:pt idx="6">
                  <c:v>1809</c:v>
                </c:pt>
                <c:pt idx="7">
                  <c:v>1810</c:v>
                </c:pt>
                <c:pt idx="8">
                  <c:v>1811</c:v>
                </c:pt>
                <c:pt idx="9">
                  <c:v>1812</c:v>
                </c:pt>
                <c:pt idx="10">
                  <c:v>1813</c:v>
                </c:pt>
                <c:pt idx="11">
                  <c:v>1814</c:v>
                </c:pt>
                <c:pt idx="12">
                  <c:v>1815</c:v>
                </c:pt>
                <c:pt idx="13">
                  <c:v>1816</c:v>
                </c:pt>
                <c:pt idx="14">
                  <c:v>1817</c:v>
                </c:pt>
                <c:pt idx="15">
                  <c:v>1818</c:v>
                </c:pt>
                <c:pt idx="16">
                  <c:v>1819</c:v>
                </c:pt>
                <c:pt idx="17">
                  <c:v>1820</c:v>
                </c:pt>
                <c:pt idx="18">
                  <c:v>1821</c:v>
                </c:pt>
                <c:pt idx="19">
                  <c:v>1822</c:v>
                </c:pt>
                <c:pt idx="20">
                  <c:v>1823</c:v>
                </c:pt>
                <c:pt idx="21">
                  <c:v>1824</c:v>
                </c:pt>
                <c:pt idx="22">
                  <c:v>1825</c:v>
                </c:pt>
                <c:pt idx="23">
                  <c:v>1826</c:v>
                </c:pt>
                <c:pt idx="24">
                  <c:v>1827</c:v>
                </c:pt>
                <c:pt idx="25">
                  <c:v>1828</c:v>
                </c:pt>
                <c:pt idx="26">
                  <c:v>1829</c:v>
                </c:pt>
                <c:pt idx="27">
                  <c:v>1830</c:v>
                </c:pt>
                <c:pt idx="28">
                  <c:v>1831</c:v>
                </c:pt>
                <c:pt idx="29">
                  <c:v>1832</c:v>
                </c:pt>
                <c:pt idx="30">
                  <c:v>1833</c:v>
                </c:pt>
                <c:pt idx="31">
                  <c:v>1834</c:v>
                </c:pt>
                <c:pt idx="32">
                  <c:v>1835</c:v>
                </c:pt>
                <c:pt idx="33">
                  <c:v>1836</c:v>
                </c:pt>
                <c:pt idx="34">
                  <c:v>1837</c:v>
                </c:pt>
                <c:pt idx="35">
                  <c:v>1838</c:v>
                </c:pt>
                <c:pt idx="36">
                  <c:v>1839</c:v>
                </c:pt>
                <c:pt idx="37">
                  <c:v>1840</c:v>
                </c:pt>
                <c:pt idx="38">
                  <c:v>1841</c:v>
                </c:pt>
                <c:pt idx="39">
                  <c:v>1842</c:v>
                </c:pt>
                <c:pt idx="40">
                  <c:v>1843</c:v>
                </c:pt>
                <c:pt idx="41">
                  <c:v>1844</c:v>
                </c:pt>
                <c:pt idx="42">
                  <c:v>1845</c:v>
                </c:pt>
                <c:pt idx="43">
                  <c:v>1846</c:v>
                </c:pt>
                <c:pt idx="44">
                  <c:v>1847</c:v>
                </c:pt>
                <c:pt idx="45">
                  <c:v>1848</c:v>
                </c:pt>
                <c:pt idx="46">
                  <c:v>1849</c:v>
                </c:pt>
                <c:pt idx="47">
                  <c:v>1850</c:v>
                </c:pt>
                <c:pt idx="48">
                  <c:v>1851</c:v>
                </c:pt>
                <c:pt idx="49">
                  <c:v>1852</c:v>
                </c:pt>
                <c:pt idx="50">
                  <c:v>1853</c:v>
                </c:pt>
                <c:pt idx="51">
                  <c:v>1854</c:v>
                </c:pt>
                <c:pt idx="52">
                  <c:v>1855</c:v>
                </c:pt>
                <c:pt idx="53">
                  <c:v>1856</c:v>
                </c:pt>
                <c:pt idx="54">
                  <c:v>1857</c:v>
                </c:pt>
                <c:pt idx="55">
                  <c:v>1858</c:v>
                </c:pt>
                <c:pt idx="56">
                  <c:v>1859</c:v>
                </c:pt>
                <c:pt idx="57">
                  <c:v>1860</c:v>
                </c:pt>
                <c:pt idx="58">
                  <c:v>1861</c:v>
                </c:pt>
                <c:pt idx="59">
                  <c:v>1862</c:v>
                </c:pt>
                <c:pt idx="60">
                  <c:v>1863</c:v>
                </c:pt>
                <c:pt idx="61">
                  <c:v>1864</c:v>
                </c:pt>
                <c:pt idx="62">
                  <c:v>1865</c:v>
                </c:pt>
                <c:pt idx="63">
                  <c:v>1866</c:v>
                </c:pt>
                <c:pt idx="64">
                  <c:v>1867</c:v>
                </c:pt>
                <c:pt idx="65">
                  <c:v>1868</c:v>
                </c:pt>
                <c:pt idx="66">
                  <c:v>1869</c:v>
                </c:pt>
                <c:pt idx="67">
                  <c:v>1870</c:v>
                </c:pt>
                <c:pt idx="68">
                  <c:v>1871</c:v>
                </c:pt>
                <c:pt idx="69">
                  <c:v>1872</c:v>
                </c:pt>
                <c:pt idx="70">
                  <c:v>1873</c:v>
                </c:pt>
                <c:pt idx="71">
                  <c:v>1874</c:v>
                </c:pt>
                <c:pt idx="72">
                  <c:v>1875</c:v>
                </c:pt>
                <c:pt idx="73">
                  <c:v>1876</c:v>
                </c:pt>
                <c:pt idx="74">
                  <c:v>1877</c:v>
                </c:pt>
                <c:pt idx="75">
                  <c:v>1878</c:v>
                </c:pt>
                <c:pt idx="76">
                  <c:v>1879</c:v>
                </c:pt>
                <c:pt idx="77">
                  <c:v>1880</c:v>
                </c:pt>
                <c:pt idx="78">
                  <c:v>1881</c:v>
                </c:pt>
                <c:pt idx="79">
                  <c:v>1882</c:v>
                </c:pt>
                <c:pt idx="80">
                  <c:v>1883</c:v>
                </c:pt>
                <c:pt idx="81">
                  <c:v>1884</c:v>
                </c:pt>
                <c:pt idx="82">
                  <c:v>1885</c:v>
                </c:pt>
                <c:pt idx="83">
                  <c:v>1886</c:v>
                </c:pt>
                <c:pt idx="84">
                  <c:v>1887</c:v>
                </c:pt>
                <c:pt idx="85">
                  <c:v>1888</c:v>
                </c:pt>
                <c:pt idx="86">
                  <c:v>1889</c:v>
                </c:pt>
                <c:pt idx="87">
                  <c:v>1890</c:v>
                </c:pt>
                <c:pt idx="88">
                  <c:v>1891</c:v>
                </c:pt>
                <c:pt idx="89">
                  <c:v>1892</c:v>
                </c:pt>
                <c:pt idx="90">
                  <c:v>1893</c:v>
                </c:pt>
                <c:pt idx="91">
                  <c:v>1894</c:v>
                </c:pt>
                <c:pt idx="92">
                  <c:v>1895</c:v>
                </c:pt>
                <c:pt idx="93">
                  <c:v>1896</c:v>
                </c:pt>
                <c:pt idx="94">
                  <c:v>1897</c:v>
                </c:pt>
                <c:pt idx="95">
                  <c:v>1898</c:v>
                </c:pt>
                <c:pt idx="96">
                  <c:v>1899</c:v>
                </c:pt>
                <c:pt idx="97">
                  <c:v>1900</c:v>
                </c:pt>
                <c:pt idx="98">
                  <c:v>1901</c:v>
                </c:pt>
                <c:pt idx="99">
                  <c:v>1902</c:v>
                </c:pt>
                <c:pt idx="100">
                  <c:v>1903</c:v>
                </c:pt>
                <c:pt idx="101">
                  <c:v>1904</c:v>
                </c:pt>
                <c:pt idx="102">
                  <c:v>1905</c:v>
                </c:pt>
                <c:pt idx="103">
                  <c:v>1906</c:v>
                </c:pt>
                <c:pt idx="104">
                  <c:v>1907</c:v>
                </c:pt>
                <c:pt idx="105">
                  <c:v>1908</c:v>
                </c:pt>
                <c:pt idx="106">
                  <c:v>1909</c:v>
                </c:pt>
                <c:pt idx="107">
                  <c:v>1910</c:v>
                </c:pt>
                <c:pt idx="108">
                  <c:v>1911</c:v>
                </c:pt>
                <c:pt idx="109">
                  <c:v>1912</c:v>
                </c:pt>
                <c:pt idx="110">
                  <c:v>1913</c:v>
                </c:pt>
                <c:pt idx="111">
                  <c:v>1914</c:v>
                </c:pt>
                <c:pt idx="112">
                  <c:v>1915</c:v>
                </c:pt>
                <c:pt idx="113">
                  <c:v>1916</c:v>
                </c:pt>
                <c:pt idx="114">
                  <c:v>1917</c:v>
                </c:pt>
                <c:pt idx="115">
                  <c:v>1918</c:v>
                </c:pt>
                <c:pt idx="116">
                  <c:v>1919</c:v>
                </c:pt>
                <c:pt idx="117">
                  <c:v>1920</c:v>
                </c:pt>
                <c:pt idx="118">
                  <c:v>1921</c:v>
                </c:pt>
                <c:pt idx="119">
                  <c:v>1922</c:v>
                </c:pt>
                <c:pt idx="120">
                  <c:v>1923</c:v>
                </c:pt>
                <c:pt idx="121">
                  <c:v>1924</c:v>
                </c:pt>
                <c:pt idx="122">
                  <c:v>1925</c:v>
                </c:pt>
                <c:pt idx="123">
                  <c:v>1926</c:v>
                </c:pt>
                <c:pt idx="124">
                  <c:v>1927</c:v>
                </c:pt>
                <c:pt idx="125">
                  <c:v>1928</c:v>
                </c:pt>
                <c:pt idx="126">
                  <c:v>1929</c:v>
                </c:pt>
                <c:pt idx="127">
                  <c:v>1930</c:v>
                </c:pt>
                <c:pt idx="128">
                  <c:v>1931</c:v>
                </c:pt>
                <c:pt idx="129">
                  <c:v>1932</c:v>
                </c:pt>
                <c:pt idx="130">
                  <c:v>1933</c:v>
                </c:pt>
                <c:pt idx="131">
                  <c:v>1934</c:v>
                </c:pt>
                <c:pt idx="132">
                  <c:v>1935</c:v>
                </c:pt>
                <c:pt idx="133">
                  <c:v>1936</c:v>
                </c:pt>
                <c:pt idx="134">
                  <c:v>1937</c:v>
                </c:pt>
                <c:pt idx="135">
                  <c:v>1938</c:v>
                </c:pt>
                <c:pt idx="136">
                  <c:v>1939</c:v>
                </c:pt>
                <c:pt idx="137">
                  <c:v>1940</c:v>
                </c:pt>
                <c:pt idx="138">
                  <c:v>1941</c:v>
                </c:pt>
                <c:pt idx="139">
                  <c:v>1942</c:v>
                </c:pt>
                <c:pt idx="140">
                  <c:v>1943</c:v>
                </c:pt>
                <c:pt idx="141">
                  <c:v>1944</c:v>
                </c:pt>
                <c:pt idx="142">
                  <c:v>1945</c:v>
                </c:pt>
                <c:pt idx="143">
                  <c:v>1946</c:v>
                </c:pt>
                <c:pt idx="144">
                  <c:v>1947</c:v>
                </c:pt>
                <c:pt idx="145">
                  <c:v>1948</c:v>
                </c:pt>
                <c:pt idx="146">
                  <c:v>1949</c:v>
                </c:pt>
                <c:pt idx="147">
                  <c:v>1950</c:v>
                </c:pt>
                <c:pt idx="148">
                  <c:v>1951</c:v>
                </c:pt>
                <c:pt idx="149">
                  <c:v>1952</c:v>
                </c:pt>
                <c:pt idx="150">
                  <c:v>1953</c:v>
                </c:pt>
                <c:pt idx="151">
                  <c:v>1954</c:v>
                </c:pt>
                <c:pt idx="152">
                  <c:v>1955</c:v>
                </c:pt>
                <c:pt idx="153">
                  <c:v>1956</c:v>
                </c:pt>
                <c:pt idx="154">
                  <c:v>1957</c:v>
                </c:pt>
                <c:pt idx="155">
                  <c:v>1958</c:v>
                </c:pt>
                <c:pt idx="156">
                  <c:v>1959</c:v>
                </c:pt>
                <c:pt idx="157">
                  <c:v>1960</c:v>
                </c:pt>
                <c:pt idx="158">
                  <c:v>1961</c:v>
                </c:pt>
                <c:pt idx="159">
                  <c:v>1962</c:v>
                </c:pt>
                <c:pt idx="160">
                  <c:v>1963</c:v>
                </c:pt>
                <c:pt idx="161">
                  <c:v>1964</c:v>
                </c:pt>
                <c:pt idx="162">
                  <c:v>1965</c:v>
                </c:pt>
                <c:pt idx="163">
                  <c:v>1966</c:v>
                </c:pt>
                <c:pt idx="164">
                  <c:v>1967</c:v>
                </c:pt>
                <c:pt idx="165">
                  <c:v>1968</c:v>
                </c:pt>
                <c:pt idx="166">
                  <c:v>1969</c:v>
                </c:pt>
                <c:pt idx="167">
                  <c:v>1970</c:v>
                </c:pt>
                <c:pt idx="168">
                  <c:v>1971</c:v>
                </c:pt>
                <c:pt idx="169">
                  <c:v>1972</c:v>
                </c:pt>
                <c:pt idx="170">
                  <c:v>1973</c:v>
                </c:pt>
                <c:pt idx="171">
                  <c:v>1974</c:v>
                </c:pt>
                <c:pt idx="172">
                  <c:v>1975</c:v>
                </c:pt>
                <c:pt idx="173">
                  <c:v>1976</c:v>
                </c:pt>
                <c:pt idx="174">
                  <c:v>1977</c:v>
                </c:pt>
                <c:pt idx="175">
                  <c:v>1978</c:v>
                </c:pt>
                <c:pt idx="176">
                  <c:v>1979</c:v>
                </c:pt>
                <c:pt idx="177">
                  <c:v>1980</c:v>
                </c:pt>
                <c:pt idx="178">
                  <c:v>1981</c:v>
                </c:pt>
                <c:pt idx="179">
                  <c:v>1982</c:v>
                </c:pt>
                <c:pt idx="180">
                  <c:v>1983</c:v>
                </c:pt>
                <c:pt idx="181">
                  <c:v>1984</c:v>
                </c:pt>
                <c:pt idx="182">
                  <c:v>1985</c:v>
                </c:pt>
                <c:pt idx="183">
                  <c:v>1986</c:v>
                </c:pt>
                <c:pt idx="184">
                  <c:v>1987</c:v>
                </c:pt>
                <c:pt idx="185">
                  <c:v>1988</c:v>
                </c:pt>
                <c:pt idx="186">
                  <c:v>1989</c:v>
                </c:pt>
                <c:pt idx="187">
                  <c:v>1990</c:v>
                </c:pt>
                <c:pt idx="188">
                  <c:v>1991</c:v>
                </c:pt>
                <c:pt idx="189">
                  <c:v>1992</c:v>
                </c:pt>
                <c:pt idx="190">
                  <c:v>1993</c:v>
                </c:pt>
                <c:pt idx="191">
                  <c:v>1994</c:v>
                </c:pt>
                <c:pt idx="192">
                  <c:v>1995</c:v>
                </c:pt>
                <c:pt idx="193">
                  <c:v>1996</c:v>
                </c:pt>
                <c:pt idx="194">
                  <c:v>1997</c:v>
                </c:pt>
                <c:pt idx="195">
                  <c:v>1998</c:v>
                </c:pt>
                <c:pt idx="196">
                  <c:v>1999</c:v>
                </c:pt>
                <c:pt idx="197">
                  <c:v>2000</c:v>
                </c:pt>
                <c:pt idx="198">
                  <c:v>2001</c:v>
                </c:pt>
                <c:pt idx="199">
                  <c:v>2002</c:v>
                </c:pt>
                <c:pt idx="200">
                  <c:v>2003</c:v>
                </c:pt>
                <c:pt idx="201">
                  <c:v>2004</c:v>
                </c:pt>
                <c:pt idx="202">
                  <c:v>2005</c:v>
                </c:pt>
                <c:pt idx="203">
                  <c:v>2006</c:v>
                </c:pt>
                <c:pt idx="204">
                  <c:v>2007</c:v>
                </c:pt>
                <c:pt idx="205">
                  <c:v>2008</c:v>
                </c:pt>
                <c:pt idx="206">
                  <c:v>2009</c:v>
                </c:pt>
                <c:pt idx="207">
                  <c:v>2010</c:v>
                </c:pt>
                <c:pt idx="208">
                  <c:v>2011</c:v>
                </c:pt>
                <c:pt idx="209">
                  <c:v>2012</c:v>
                </c:pt>
                <c:pt idx="210">
                  <c:v>2013</c:v>
                </c:pt>
                <c:pt idx="211">
                  <c:v>2014</c:v>
                </c:pt>
                <c:pt idx="212">
                  <c:v>2015</c:v>
                </c:pt>
                <c:pt idx="213">
                  <c:v>2016</c:v>
                </c:pt>
                <c:pt idx="214">
                  <c:v>2017</c:v>
                </c:pt>
                <c:pt idx="215">
                  <c:v>2018</c:v>
                </c:pt>
                <c:pt idx="216">
                  <c:v>2019</c:v>
                </c:pt>
                <c:pt idx="217">
                  <c:v>2020</c:v>
                </c:pt>
                <c:pt idx="218">
                  <c:v>2021</c:v>
                </c:pt>
                <c:pt idx="219">
                  <c:v>2022</c:v>
                </c:pt>
              </c:numCache>
            </c:numRef>
          </c:cat>
          <c:val>
            <c:numRef>
              <c:f>Sheet1!$D$4:$D$225</c:f>
              <c:numCache>
                <c:formatCode>\$#,##0.00_);[Red]"($"#,##0.00\)</c:formatCode>
                <c:ptCount val="222"/>
                <c:pt idx="0">
                  <c:v>1.2719510066946005</c:v>
                </c:pt>
                <c:pt idx="1">
                  <c:v>1.226454790848573</c:v>
                </c:pt>
                <c:pt idx="2">
                  <c:v>1.195128976772629</c:v>
                </c:pt>
                <c:pt idx="3">
                  <c:v>1.3027647617432736</c:v>
                </c:pt>
                <c:pt idx="4">
                  <c:v>1.4407939333153612</c:v>
                </c:pt>
                <c:pt idx="5">
                  <c:v>1.6044395366930526</c:v>
                </c:pt>
                <c:pt idx="6">
                  <c:v>1.494000033232749</c:v>
                </c:pt>
                <c:pt idx="7">
                  <c:v>1.5937160485270332</c:v>
                </c:pt>
                <c:pt idx="8">
                  <c:v>1.745522013500268</c:v>
                </c:pt>
                <c:pt idx="9">
                  <c:v>1.7191256069047713</c:v>
                </c:pt>
                <c:pt idx="10">
                  <c:v>1.5542491150241808</c:v>
                </c:pt>
                <c:pt idx="11">
                  <c:v>1.4409848978832345</c:v>
                </c:pt>
                <c:pt idx="12">
                  <c:v>1.7522196309727132</c:v>
                </c:pt>
                <c:pt idx="13">
                  <c:v>2.1302337603676333</c:v>
                </c:pt>
                <c:pt idx="14">
                  <c:v>2.2742830936223877</c:v>
                </c:pt>
                <c:pt idx="15">
                  <c:v>2.4616712123054096</c:v>
                </c:pt>
                <c:pt idx="16">
                  <c:v>2.8859451023572475</c:v>
                </c:pt>
                <c:pt idx="17">
                  <c:v>3.426671669879191</c:v>
                </c:pt>
                <c:pt idx="18">
                  <c:v>3.6673021387547378</c:v>
                </c:pt>
                <c:pt idx="19">
                  <c:v>3.7609599306291077</c:v>
                </c:pt>
                <c:pt idx="20">
                  <c:v>3.9304256749256736</c:v>
                </c:pt>
                <c:pt idx="21">
                  <c:v>4.324447214329104</c:v>
                </c:pt>
                <c:pt idx="22">
                  <c:v>4.4042751073836355</c:v>
                </c:pt>
                <c:pt idx="23">
                  <c:v>4.8966566819923294</c:v>
                </c:pt>
                <c:pt idx="24">
                  <c:v>4.8968148945686849</c:v>
                </c:pt>
                <c:pt idx="25">
                  <c:v>5.3282092721438117</c:v>
                </c:pt>
                <c:pt idx="26">
                  <c:v>5.5575876255977965</c:v>
                </c:pt>
                <c:pt idx="27">
                  <c:v>5.9074359775299907</c:v>
                </c:pt>
                <c:pt idx="28">
                  <c:v>5.9205143618361955</c:v>
                </c:pt>
                <c:pt idx="29">
                  <c:v>6.0663653030921685</c:v>
                </c:pt>
                <c:pt idx="30">
                  <c:v>6.3412982583582185</c:v>
                </c:pt>
                <c:pt idx="31">
                  <c:v>7.040036240095545</c:v>
                </c:pt>
                <c:pt idx="32">
                  <c:v>6.6759421157690877</c:v>
                </c:pt>
                <c:pt idx="33">
                  <c:v>6.5991428206607026</c:v>
                </c:pt>
                <c:pt idx="34">
                  <c:v>7.0800150219050586</c:v>
                </c:pt>
                <c:pt idx="35">
                  <c:v>7.6180258976610187</c:v>
                </c:pt>
                <c:pt idx="36">
                  <c:v>8.0475957402330298</c:v>
                </c:pt>
                <c:pt idx="37">
                  <c:v>9.5013309634135776</c:v>
                </c:pt>
                <c:pt idx="38">
                  <c:v>10.337037962240853</c:v>
                </c:pt>
                <c:pt idx="39">
                  <c:v>11.68449745007241</c:v>
                </c:pt>
                <c:pt idx="40">
                  <c:v>12.535152647029431</c:v>
                </c:pt>
                <c:pt idx="41">
                  <c:v>12.873388787414893</c:v>
                </c:pt>
                <c:pt idx="42">
                  <c:v>13.038962270539562</c:v>
                </c:pt>
                <c:pt idx="43">
                  <c:v>13.495255669119992</c:v>
                </c:pt>
                <c:pt idx="44">
                  <c:v>13.549904998129229</c:v>
                </c:pt>
                <c:pt idx="45">
                  <c:v>15.589964435545886</c:v>
                </c:pt>
                <c:pt idx="46">
                  <c:v>16.469064918624902</c:v>
                </c:pt>
                <c:pt idx="47">
                  <c:v>16.366073836700028</c:v>
                </c:pt>
                <c:pt idx="48">
                  <c:v>17.080167883878744</c:v>
                </c:pt>
                <c:pt idx="49">
                  <c:v>17.611301220558591</c:v>
                </c:pt>
                <c:pt idx="50">
                  <c:v>18.537590443139393</c:v>
                </c:pt>
                <c:pt idx="51">
                  <c:v>18.177152640426872</c:v>
                </c:pt>
                <c:pt idx="52">
                  <c:v>18.512626195288796</c:v>
                </c:pt>
                <c:pt idx="53">
                  <c:v>20.335342689709389</c:v>
                </c:pt>
                <c:pt idx="54">
                  <c:v>21.0350054752343</c:v>
                </c:pt>
                <c:pt idx="55">
                  <c:v>23.617715380026404</c:v>
                </c:pt>
                <c:pt idx="56">
                  <c:v>23.892078617247417</c:v>
                </c:pt>
                <c:pt idx="57">
                  <c:v>25.201727854774024</c:v>
                </c:pt>
                <c:pt idx="58">
                  <c:v>26.578522960674288</c:v>
                </c:pt>
                <c:pt idx="59">
                  <c:v>25.148484517434468</c:v>
                </c:pt>
                <c:pt idx="60">
                  <c:v>21.504575919093618</c:v>
                </c:pt>
                <c:pt idx="61">
                  <c:v>18.143436848320334</c:v>
                </c:pt>
                <c:pt idx="62">
                  <c:v>19.884251012295845</c:v>
                </c:pt>
                <c:pt idx="63">
                  <c:v>22.057877033575036</c:v>
                </c:pt>
                <c:pt idx="64">
                  <c:v>24.407819938687247</c:v>
                </c:pt>
                <c:pt idx="65">
                  <c:v>26.989323372113489</c:v>
                </c:pt>
                <c:pt idx="66">
                  <c:v>28.489153229329016</c:v>
                </c:pt>
                <c:pt idx="67">
                  <c:v>31.381025493201232</c:v>
                </c:pt>
                <c:pt idx="68">
                  <c:v>34.327190851027709</c:v>
                </c:pt>
                <c:pt idx="69">
                  <c:v>37.215395453006529</c:v>
                </c:pt>
                <c:pt idx="70">
                  <c:v>40.071718192613915</c:v>
                </c:pt>
                <c:pt idx="71">
                  <c:v>42.93299179169253</c:v>
                </c:pt>
                <c:pt idx="72">
                  <c:v>46.587748400373563</c:v>
                </c:pt>
                <c:pt idx="73">
                  <c:v>50.575914023527702</c:v>
                </c:pt>
                <c:pt idx="74">
                  <c:v>53.54636739367119</c:v>
                </c:pt>
                <c:pt idx="75">
                  <c:v>57.277879432356009</c:v>
                </c:pt>
                <c:pt idx="76">
                  <c:v>62.014812435834493</c:v>
                </c:pt>
                <c:pt idx="77">
                  <c:v>64.522783349906007</c:v>
                </c:pt>
                <c:pt idx="78">
                  <c:v>65.82235145335045</c:v>
                </c:pt>
                <c:pt idx="79">
                  <c:v>67.57362909224895</c:v>
                </c:pt>
                <c:pt idx="80">
                  <c:v>71.274964680218787</c:v>
                </c:pt>
                <c:pt idx="81">
                  <c:v>76.332479595585724</c:v>
                </c:pt>
                <c:pt idx="82">
                  <c:v>80.093041989919243</c:v>
                </c:pt>
                <c:pt idx="83">
                  <c:v>83.068416779881431</c:v>
                </c:pt>
                <c:pt idx="84">
                  <c:v>85.773381232365878</c:v>
                </c:pt>
                <c:pt idx="85">
                  <c:v>87.575043234585692</c:v>
                </c:pt>
                <c:pt idx="86">
                  <c:v>89.502309000050218</c:v>
                </c:pt>
                <c:pt idx="87">
                  <c:v>93.159822973888879</c:v>
                </c:pt>
                <c:pt idx="88">
                  <c:v>96.818043465677462</c:v>
                </c:pt>
                <c:pt idx="89">
                  <c:v>99.435198513099195</c:v>
                </c:pt>
                <c:pt idx="90">
                  <c:v>103.67174904020081</c:v>
                </c:pt>
                <c:pt idx="91">
                  <c:v>108.5227124026689</c:v>
                </c:pt>
                <c:pt idx="92">
                  <c:v>114.40452144420929</c:v>
                </c:pt>
                <c:pt idx="93">
                  <c:v>119.93876589274301</c:v>
                </c:pt>
                <c:pt idx="94">
                  <c:v>123.9759724709206</c:v>
                </c:pt>
                <c:pt idx="95">
                  <c:v>128.83001036417906</c:v>
                </c:pt>
                <c:pt idx="96">
                  <c:v>133.62650998334928</c:v>
                </c:pt>
                <c:pt idx="97">
                  <c:v>137.95429559953311</c:v>
                </c:pt>
                <c:pt idx="98">
                  <c:v>141.46223184477984</c:v>
                </c:pt>
                <c:pt idx="99">
                  <c:v>144.67825227820938</c:v>
                </c:pt>
                <c:pt idx="100">
                  <c:v>147.77600868300723</c:v>
                </c:pt>
                <c:pt idx="101">
                  <c:v>150.2573772430284</c:v>
                </c:pt>
                <c:pt idx="102">
                  <c:v>155.73671795943756</c:v>
                </c:pt>
                <c:pt idx="103">
                  <c:v>161.21586171195847</c:v>
                </c:pt>
                <c:pt idx="104">
                  <c:v>163.09524263652278</c:v>
                </c:pt>
                <c:pt idx="105">
                  <c:v>167.26269070121049</c:v>
                </c:pt>
                <c:pt idx="106">
                  <c:v>175.83968888953208</c:v>
                </c:pt>
                <c:pt idx="107">
                  <c:v>179.77469244182507</c:v>
                </c:pt>
                <c:pt idx="108">
                  <c:v>182.59370948157979</c:v>
                </c:pt>
                <c:pt idx="109">
                  <c:v>188.17427866972622</c:v>
                </c:pt>
                <c:pt idx="110">
                  <c:v>193.02086920510348</c:v>
                </c:pt>
                <c:pt idx="111">
                  <c:v>200.04430460655101</c:v>
                </c:pt>
                <c:pt idx="112">
                  <c:v>202.65844806504265</c:v>
                </c:pt>
                <c:pt idx="113">
                  <c:v>185.78214067623711</c:v>
                </c:pt>
                <c:pt idx="114">
                  <c:v>163.98730635875989</c:v>
                </c:pt>
                <c:pt idx="115">
                  <c:v>142.72634052529051</c:v>
                </c:pt>
                <c:pt idx="116">
                  <c:v>130.01000331277612</c:v>
                </c:pt>
                <c:pt idx="117">
                  <c:v>133.52416029922733</c:v>
                </c:pt>
                <c:pt idx="118">
                  <c:v>156.96436523055445</c:v>
                </c:pt>
                <c:pt idx="119">
                  <c:v>166.25507672071871</c:v>
                </c:pt>
                <c:pt idx="120">
                  <c:v>168.79378213212399</c:v>
                </c:pt>
                <c:pt idx="121">
                  <c:v>173.46936989718384</c:v>
                </c:pt>
                <c:pt idx="122">
                  <c:v>172.73469319707741</c:v>
                </c:pt>
                <c:pt idx="123">
                  <c:v>180.39254826797432</c:v>
                </c:pt>
                <c:pt idx="124">
                  <c:v>190.33056699743719</c:v>
                </c:pt>
                <c:pt idx="125">
                  <c:v>199.40762342897469</c:v>
                </c:pt>
                <c:pt idx="126">
                  <c:v>207.66114004961238</c:v>
                </c:pt>
                <c:pt idx="127">
                  <c:v>227.19648904726225</c:v>
                </c:pt>
                <c:pt idx="128">
                  <c:v>253.22693973034285</c:v>
                </c:pt>
                <c:pt idx="129">
                  <c:v>284.93660239593385</c:v>
                </c:pt>
                <c:pt idx="130">
                  <c:v>283.61913892717678</c:v>
                </c:pt>
                <c:pt idx="131">
                  <c:v>279.84089446736255</c:v>
                </c:pt>
                <c:pt idx="132">
                  <c:v>272.18778056947048</c:v>
                </c:pt>
                <c:pt idx="133">
                  <c:v>268.77545846659086</c:v>
                </c:pt>
                <c:pt idx="134">
                  <c:v>262.11409818829668</c:v>
                </c:pt>
                <c:pt idx="135">
                  <c:v>269.55933854991446</c:v>
                </c:pt>
                <c:pt idx="136">
                  <c:v>269.61459662465671</c:v>
                </c:pt>
                <c:pt idx="137">
                  <c:v>267.71528045571131</c:v>
                </c:pt>
                <c:pt idx="138">
                  <c:v>243.67996234277942</c:v>
                </c:pt>
                <c:pt idx="139">
                  <c:v>224.0924743954653</c:v>
                </c:pt>
                <c:pt idx="140">
                  <c:v>218.40862008743383</c:v>
                </c:pt>
                <c:pt idx="141">
                  <c:v>214.20617898063333</c:v>
                </c:pt>
                <c:pt idx="142">
                  <c:v>210.18884976337006</c:v>
                </c:pt>
                <c:pt idx="143">
                  <c:v>178.5555132710426</c:v>
                </c:pt>
                <c:pt idx="144">
                  <c:v>164.88334209039155</c:v>
                </c:pt>
                <c:pt idx="145">
                  <c:v>161.39284412709185</c:v>
                </c:pt>
                <c:pt idx="146">
                  <c:v>166.62945590216478</c:v>
                </c:pt>
                <c:pt idx="147">
                  <c:v>159.178859609288</c:v>
                </c:pt>
                <c:pt idx="148">
                  <c:v>152.41046379037681</c:v>
                </c:pt>
                <c:pt idx="149">
                  <c:v>153.77384309338157</c:v>
                </c:pt>
                <c:pt idx="150">
                  <c:v>155.41409463152738</c:v>
                </c:pt>
                <c:pt idx="151">
                  <c:v>157.9308987392865</c:v>
                </c:pt>
                <c:pt idx="152">
                  <c:v>159.81761856921949</c:v>
                </c:pt>
                <c:pt idx="153">
                  <c:v>159.00160924837641</c:v>
                </c:pt>
                <c:pt idx="154">
                  <c:v>159.37324124307915</c:v>
                </c:pt>
                <c:pt idx="155">
                  <c:v>159.03010835943076</c:v>
                </c:pt>
                <c:pt idx="156">
                  <c:v>160.94019109026019</c:v>
                </c:pt>
                <c:pt idx="157">
                  <c:v>163.00781476355601</c:v>
                </c:pt>
                <c:pt idx="158">
                  <c:v>165.36439063004102</c:v>
                </c:pt>
                <c:pt idx="159">
                  <c:v>167.64951991795138</c:v>
                </c:pt>
                <c:pt idx="160">
                  <c:v>170.07703102406828</c:v>
                </c:pt>
                <c:pt idx="161">
                  <c:v>174.39729919382469</c:v>
                </c:pt>
                <c:pt idx="162">
                  <c:v>177.82654979474853</c:v>
                </c:pt>
                <c:pt idx="163">
                  <c:v>180.06133288779097</c:v>
                </c:pt>
                <c:pt idx="164">
                  <c:v>182.10676876198201</c:v>
                </c:pt>
                <c:pt idx="165">
                  <c:v>182.95197005717054</c:v>
                </c:pt>
                <c:pt idx="166">
                  <c:v>183.61802942348461</c:v>
                </c:pt>
                <c:pt idx="167">
                  <c:v>185.27849856351168</c:v>
                </c:pt>
                <c:pt idx="168">
                  <c:v>187.28761619445072</c:v>
                </c:pt>
                <c:pt idx="169">
                  <c:v>188.07299259699838</c:v>
                </c:pt>
                <c:pt idx="170">
                  <c:v>185.00106669809119</c:v>
                </c:pt>
                <c:pt idx="171">
                  <c:v>177.86271030755992</c:v>
                </c:pt>
                <c:pt idx="172">
                  <c:v>175.97853743069086</c:v>
                </c:pt>
                <c:pt idx="173">
                  <c:v>176.34378786405543</c:v>
                </c:pt>
                <c:pt idx="174">
                  <c:v>173.73118254281087</c:v>
                </c:pt>
                <c:pt idx="175">
                  <c:v>170.80390520683994</c:v>
                </c:pt>
                <c:pt idx="176">
                  <c:v>166.40510959330396</c:v>
                </c:pt>
                <c:pt idx="177">
                  <c:v>164.5109015862194</c:v>
                </c:pt>
                <c:pt idx="178">
                  <c:v>173.25054054686734</c:v>
                </c:pt>
                <c:pt idx="179">
                  <c:v>184.45235996770518</c:v>
                </c:pt>
                <c:pt idx="180">
                  <c:v>193.3511622280175</c:v>
                </c:pt>
                <c:pt idx="181">
                  <c:v>204.32687868765791</c:v>
                </c:pt>
                <c:pt idx="182">
                  <c:v>212.05247219584012</c:v>
                </c:pt>
                <c:pt idx="183">
                  <c:v>222.67532367465114</c:v>
                </c:pt>
                <c:pt idx="184">
                  <c:v>224.87406544729023</c:v>
                </c:pt>
                <c:pt idx="185">
                  <c:v>229.02699181509712</c:v>
                </c:pt>
                <c:pt idx="186">
                  <c:v>237.17527359851854</c:v>
                </c:pt>
                <c:pt idx="187">
                  <c:v>240.99132362187186</c:v>
                </c:pt>
                <c:pt idx="188">
                  <c:v>246.90946706510272</c:v>
                </c:pt>
                <c:pt idx="189">
                  <c:v>248.36273840271687</c:v>
                </c:pt>
                <c:pt idx="190">
                  <c:v>248.72377952480301</c:v>
                </c:pt>
                <c:pt idx="191">
                  <c:v>252.46669857331537</c:v>
                </c:pt>
                <c:pt idx="192">
                  <c:v>260.17719602116364</c:v>
                </c:pt>
                <c:pt idx="193">
                  <c:v>264.8546439342478</c:v>
                </c:pt>
                <c:pt idx="194">
                  <c:v>273.96314784517187</c:v>
                </c:pt>
                <c:pt idx="195">
                  <c:v>282.8014597527478</c:v>
                </c:pt>
                <c:pt idx="196">
                  <c:v>290.03212008220385</c:v>
                </c:pt>
                <c:pt idx="197">
                  <c:v>297.30682573139683</c:v>
                </c:pt>
                <c:pt idx="198">
                  <c:v>302.8350164876112</c:v>
                </c:pt>
                <c:pt idx="199">
                  <c:v>300.62562662354162</c:v>
                </c:pt>
                <c:pt idx="200">
                  <c:v>300.68614323096273</c:v>
                </c:pt>
                <c:pt idx="201">
                  <c:v>295.28264101014696</c:v>
                </c:pt>
                <c:pt idx="202">
                  <c:v>294.66686867340633</c:v>
                </c:pt>
                <c:pt idx="203">
                  <c:v>301.24567886565563</c:v>
                </c:pt>
                <c:pt idx="204">
                  <c:v>302.16819319960979</c:v>
                </c:pt>
                <c:pt idx="205">
                  <c:v>306.11871590677487</c:v>
                </c:pt>
                <c:pt idx="206">
                  <c:v>298.42909932657363</c:v>
                </c:pt>
                <c:pt idx="207">
                  <c:v>294.38818096860263</c:v>
                </c:pt>
                <c:pt idx="208">
                  <c:v>286.03743864130712</c:v>
                </c:pt>
                <c:pt idx="209">
                  <c:v>281.31033941836728</c:v>
                </c:pt>
                <c:pt idx="210">
                  <c:v>277.19909715858893</c:v>
                </c:pt>
                <c:pt idx="211">
                  <c:v>275.16268410321914</c:v>
                </c:pt>
                <c:pt idx="212">
                  <c:v>273.22154353344848</c:v>
                </c:pt>
                <c:pt idx="213">
                  <c:v>268.20358820697493</c:v>
                </c:pt>
                <c:pt idx="214">
                  <c:v>264.75756553869246</c:v>
                </c:pt>
                <c:pt idx="215">
                  <c:v>264.49321938567959</c:v>
                </c:pt>
                <c:pt idx="216">
                  <c:v>264.10648960705328</c:v>
                </c:pt>
                <c:pt idx="217">
                  <c:v>261.86407960498121</c:v>
                </c:pt>
                <c:pt idx="218">
                  <c:v>244.59391127597047</c:v>
                </c:pt>
                <c:pt idx="219">
                  <c:v>233.17799620645476</c:v>
                </c:pt>
              </c:numCache>
            </c:numRef>
          </c:val>
          <c:smooth val="0"/>
          <c:extLst>
            <c:ext xmlns:c16="http://schemas.microsoft.com/office/drawing/2014/chart" uri="{C3380CC4-5D6E-409C-BE32-E72D297353CC}">
              <c16:uniqueId val="{00000008-58FF-4DAC-A024-7CAF49B1BABE}"/>
            </c:ext>
          </c:extLst>
        </c:ser>
        <c:ser>
          <c:idx val="11"/>
          <c:order val="3"/>
          <c:tx>
            <c:strRef>
              <c:f>Sheet1!$E$1</c:f>
              <c:strCache>
                <c:ptCount val="1"/>
                <c:pt idx="0">
                  <c:v>Gold</c:v>
                </c:pt>
              </c:strCache>
            </c:strRef>
          </c:tx>
          <c:spPr>
            <a:ln w="34238">
              <a:solidFill>
                <a:srgbClr val="C09A4F"/>
              </a:solidFill>
              <a:prstDash val="solid"/>
            </a:ln>
          </c:spPr>
          <c:marker>
            <c:symbol val="none"/>
          </c:marker>
          <c:dLbls>
            <c:dLbl>
              <c:idx val="187"/>
              <c:layout>
                <c:manualLayout>
                  <c:x val="0.10344149418094789"/>
                  <c:y val="7.4817676761954402E-3"/>
                </c:manualLayout>
              </c:layout>
              <c:tx>
                <c:rich>
                  <a:bodyPr/>
                  <a:lstStyle/>
                  <a:p>
                    <a:pPr>
                      <a:defRPr sz="1200" b="1" i="0" u="none" strike="noStrike" baseline="0">
                        <a:solidFill>
                          <a:srgbClr val="C09A4F"/>
                        </a:solidFill>
                        <a:latin typeface="+mj-lt"/>
                        <a:ea typeface="Times New Roman"/>
                        <a:cs typeface="Times New Roman"/>
                      </a:defRPr>
                    </a:pPr>
                    <a:r>
                      <a:rPr lang="en-US" sz="1200" baseline="0">
                        <a:solidFill>
                          <a:srgbClr val="C09A4F"/>
                        </a:solidFill>
                        <a:latin typeface="+mj-lt"/>
                      </a:rPr>
                      <a:t>GOLD</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6-E4F6-4564-9024-B15912CEBAF3}"/>
                </c:ext>
              </c:extLst>
            </c:dLbl>
            <c:dLbl>
              <c:idx val="196"/>
              <c:layout>
                <c:manualLayout>
                  <c:x val="7.3737142972793282E-2"/>
                  <c:y val="-6.3745016695990531E-2"/>
                </c:manualLayout>
              </c:layout>
              <c:tx>
                <c:rich>
                  <a:bodyPr/>
                  <a:lstStyle/>
                  <a:p>
                    <a:pPr>
                      <a:defRPr sz="1200" b="1" i="0" u="none" strike="noStrike" baseline="0">
                        <a:solidFill>
                          <a:srgbClr val="C09A4F"/>
                        </a:solidFill>
                        <a:latin typeface="+mj-lt"/>
                        <a:ea typeface="Times New Roman"/>
                        <a:cs typeface="Times New Roman"/>
                      </a:defRPr>
                    </a:pPr>
                    <a:r>
                      <a:rPr lang="en-US" sz="1200" baseline="0">
                        <a:solidFill>
                          <a:srgbClr val="C09A4F"/>
                        </a:solidFill>
                        <a:latin typeface="+mj-lt"/>
                      </a:rPr>
                      <a:t>$3.81</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7-E4F6-4564-9024-B15912CEBAF3}"/>
                </c:ext>
              </c:extLst>
            </c:dLbl>
            <c:spPr>
              <a:noFill/>
              <a:ln>
                <a:noFill/>
              </a:ln>
              <a:effectLst/>
            </c:spPr>
            <c:txPr>
              <a:bodyPr wrap="square" lIns="38100" tIns="19050" rIns="38100" bIns="19050" anchor="ctr">
                <a:spAutoFit/>
              </a:bodyPr>
              <a:lstStyle/>
              <a:p>
                <a:pPr>
                  <a:defRPr sz="1200" baseline="0">
                    <a:solidFill>
                      <a:srgbClr val="C09A4F"/>
                    </a:solidFill>
                    <a:latin typeface="+mj-lt"/>
                  </a:defRPr>
                </a:pPr>
                <a:endParaRPr lang="en-US"/>
              </a:p>
            </c:txPr>
            <c:showLegendKey val="0"/>
            <c:showVal val="0"/>
            <c:showCatName val="0"/>
            <c:showSerName val="0"/>
            <c:showPercent val="0"/>
            <c:showBubbleSize val="0"/>
            <c:extLst>
              <c:ext xmlns:c15="http://schemas.microsoft.com/office/drawing/2012/chart" uri="{CE6537A1-D6FC-4f65-9D91-7224C49458BB}">
                <c15:showLeaderLines val="0"/>
              </c:ext>
            </c:extLst>
          </c:dLbls>
          <c:cat>
            <c:numRef>
              <c:f>Sheet1!$A$4:$A$225</c:f>
              <c:numCache>
                <c:formatCode>General</c:formatCode>
                <c:ptCount val="222"/>
                <c:pt idx="0">
                  <c:v>1803</c:v>
                </c:pt>
                <c:pt idx="1">
                  <c:v>1804</c:v>
                </c:pt>
                <c:pt idx="2">
                  <c:v>1805</c:v>
                </c:pt>
                <c:pt idx="3">
                  <c:v>1806</c:v>
                </c:pt>
                <c:pt idx="4">
                  <c:v>1807</c:v>
                </c:pt>
                <c:pt idx="5">
                  <c:v>1808</c:v>
                </c:pt>
                <c:pt idx="6">
                  <c:v>1809</c:v>
                </c:pt>
                <c:pt idx="7">
                  <c:v>1810</c:v>
                </c:pt>
                <c:pt idx="8">
                  <c:v>1811</c:v>
                </c:pt>
                <c:pt idx="9">
                  <c:v>1812</c:v>
                </c:pt>
                <c:pt idx="10">
                  <c:v>1813</c:v>
                </c:pt>
                <c:pt idx="11">
                  <c:v>1814</c:v>
                </c:pt>
                <c:pt idx="12">
                  <c:v>1815</c:v>
                </c:pt>
                <c:pt idx="13">
                  <c:v>1816</c:v>
                </c:pt>
                <c:pt idx="14">
                  <c:v>1817</c:v>
                </c:pt>
                <c:pt idx="15">
                  <c:v>1818</c:v>
                </c:pt>
                <c:pt idx="16">
                  <c:v>1819</c:v>
                </c:pt>
                <c:pt idx="17">
                  <c:v>1820</c:v>
                </c:pt>
                <c:pt idx="18">
                  <c:v>1821</c:v>
                </c:pt>
                <c:pt idx="19">
                  <c:v>1822</c:v>
                </c:pt>
                <c:pt idx="20">
                  <c:v>1823</c:v>
                </c:pt>
                <c:pt idx="21">
                  <c:v>1824</c:v>
                </c:pt>
                <c:pt idx="22">
                  <c:v>1825</c:v>
                </c:pt>
                <c:pt idx="23">
                  <c:v>1826</c:v>
                </c:pt>
                <c:pt idx="24">
                  <c:v>1827</c:v>
                </c:pt>
                <c:pt idx="25">
                  <c:v>1828</c:v>
                </c:pt>
                <c:pt idx="26">
                  <c:v>1829</c:v>
                </c:pt>
                <c:pt idx="27">
                  <c:v>1830</c:v>
                </c:pt>
                <c:pt idx="28">
                  <c:v>1831</c:v>
                </c:pt>
                <c:pt idx="29">
                  <c:v>1832</c:v>
                </c:pt>
                <c:pt idx="30">
                  <c:v>1833</c:v>
                </c:pt>
                <c:pt idx="31">
                  <c:v>1834</c:v>
                </c:pt>
                <c:pt idx="32">
                  <c:v>1835</c:v>
                </c:pt>
                <c:pt idx="33">
                  <c:v>1836</c:v>
                </c:pt>
                <c:pt idx="34">
                  <c:v>1837</c:v>
                </c:pt>
                <c:pt idx="35">
                  <c:v>1838</c:v>
                </c:pt>
                <c:pt idx="36">
                  <c:v>1839</c:v>
                </c:pt>
                <c:pt idx="37">
                  <c:v>1840</c:v>
                </c:pt>
                <c:pt idx="38">
                  <c:v>1841</c:v>
                </c:pt>
                <c:pt idx="39">
                  <c:v>1842</c:v>
                </c:pt>
                <c:pt idx="40">
                  <c:v>1843</c:v>
                </c:pt>
                <c:pt idx="41">
                  <c:v>1844</c:v>
                </c:pt>
                <c:pt idx="42">
                  <c:v>1845</c:v>
                </c:pt>
                <c:pt idx="43">
                  <c:v>1846</c:v>
                </c:pt>
                <c:pt idx="44">
                  <c:v>1847</c:v>
                </c:pt>
                <c:pt idx="45">
                  <c:v>1848</c:v>
                </c:pt>
                <c:pt idx="46">
                  <c:v>1849</c:v>
                </c:pt>
                <c:pt idx="47">
                  <c:v>1850</c:v>
                </c:pt>
                <c:pt idx="48">
                  <c:v>1851</c:v>
                </c:pt>
                <c:pt idx="49">
                  <c:v>1852</c:v>
                </c:pt>
                <c:pt idx="50">
                  <c:v>1853</c:v>
                </c:pt>
                <c:pt idx="51">
                  <c:v>1854</c:v>
                </c:pt>
                <c:pt idx="52">
                  <c:v>1855</c:v>
                </c:pt>
                <c:pt idx="53">
                  <c:v>1856</c:v>
                </c:pt>
                <c:pt idx="54">
                  <c:v>1857</c:v>
                </c:pt>
                <c:pt idx="55">
                  <c:v>1858</c:v>
                </c:pt>
                <c:pt idx="56">
                  <c:v>1859</c:v>
                </c:pt>
                <c:pt idx="57">
                  <c:v>1860</c:v>
                </c:pt>
                <c:pt idx="58">
                  <c:v>1861</c:v>
                </c:pt>
                <c:pt idx="59">
                  <c:v>1862</c:v>
                </c:pt>
                <c:pt idx="60">
                  <c:v>1863</c:v>
                </c:pt>
                <c:pt idx="61">
                  <c:v>1864</c:v>
                </c:pt>
                <c:pt idx="62">
                  <c:v>1865</c:v>
                </c:pt>
                <c:pt idx="63">
                  <c:v>1866</c:v>
                </c:pt>
                <c:pt idx="64">
                  <c:v>1867</c:v>
                </c:pt>
                <c:pt idx="65">
                  <c:v>1868</c:v>
                </c:pt>
                <c:pt idx="66">
                  <c:v>1869</c:v>
                </c:pt>
                <c:pt idx="67">
                  <c:v>1870</c:v>
                </c:pt>
                <c:pt idx="68">
                  <c:v>1871</c:v>
                </c:pt>
                <c:pt idx="69">
                  <c:v>1872</c:v>
                </c:pt>
                <c:pt idx="70">
                  <c:v>1873</c:v>
                </c:pt>
                <c:pt idx="71">
                  <c:v>1874</c:v>
                </c:pt>
                <c:pt idx="72">
                  <c:v>1875</c:v>
                </c:pt>
                <c:pt idx="73">
                  <c:v>1876</c:v>
                </c:pt>
                <c:pt idx="74">
                  <c:v>1877</c:v>
                </c:pt>
                <c:pt idx="75">
                  <c:v>1878</c:v>
                </c:pt>
                <c:pt idx="76">
                  <c:v>1879</c:v>
                </c:pt>
                <c:pt idx="77">
                  <c:v>1880</c:v>
                </c:pt>
                <c:pt idx="78">
                  <c:v>1881</c:v>
                </c:pt>
                <c:pt idx="79">
                  <c:v>1882</c:v>
                </c:pt>
                <c:pt idx="80">
                  <c:v>1883</c:v>
                </c:pt>
                <c:pt idx="81">
                  <c:v>1884</c:v>
                </c:pt>
                <c:pt idx="82">
                  <c:v>1885</c:v>
                </c:pt>
                <c:pt idx="83">
                  <c:v>1886</c:v>
                </c:pt>
                <c:pt idx="84">
                  <c:v>1887</c:v>
                </c:pt>
                <c:pt idx="85">
                  <c:v>1888</c:v>
                </c:pt>
                <c:pt idx="86">
                  <c:v>1889</c:v>
                </c:pt>
                <c:pt idx="87">
                  <c:v>1890</c:v>
                </c:pt>
                <c:pt idx="88">
                  <c:v>1891</c:v>
                </c:pt>
                <c:pt idx="89">
                  <c:v>1892</c:v>
                </c:pt>
                <c:pt idx="90">
                  <c:v>1893</c:v>
                </c:pt>
                <c:pt idx="91">
                  <c:v>1894</c:v>
                </c:pt>
                <c:pt idx="92">
                  <c:v>1895</c:v>
                </c:pt>
                <c:pt idx="93">
                  <c:v>1896</c:v>
                </c:pt>
                <c:pt idx="94">
                  <c:v>1897</c:v>
                </c:pt>
                <c:pt idx="95">
                  <c:v>1898</c:v>
                </c:pt>
                <c:pt idx="96">
                  <c:v>1899</c:v>
                </c:pt>
                <c:pt idx="97">
                  <c:v>1900</c:v>
                </c:pt>
                <c:pt idx="98">
                  <c:v>1901</c:v>
                </c:pt>
                <c:pt idx="99">
                  <c:v>1902</c:v>
                </c:pt>
                <c:pt idx="100">
                  <c:v>1903</c:v>
                </c:pt>
                <c:pt idx="101">
                  <c:v>1904</c:v>
                </c:pt>
                <c:pt idx="102">
                  <c:v>1905</c:v>
                </c:pt>
                <c:pt idx="103">
                  <c:v>1906</c:v>
                </c:pt>
                <c:pt idx="104">
                  <c:v>1907</c:v>
                </c:pt>
                <c:pt idx="105">
                  <c:v>1908</c:v>
                </c:pt>
                <c:pt idx="106">
                  <c:v>1909</c:v>
                </c:pt>
                <c:pt idx="107">
                  <c:v>1910</c:v>
                </c:pt>
                <c:pt idx="108">
                  <c:v>1911</c:v>
                </c:pt>
                <c:pt idx="109">
                  <c:v>1912</c:v>
                </c:pt>
                <c:pt idx="110">
                  <c:v>1913</c:v>
                </c:pt>
                <c:pt idx="111">
                  <c:v>1914</c:v>
                </c:pt>
                <c:pt idx="112">
                  <c:v>1915</c:v>
                </c:pt>
                <c:pt idx="113">
                  <c:v>1916</c:v>
                </c:pt>
                <c:pt idx="114">
                  <c:v>1917</c:v>
                </c:pt>
                <c:pt idx="115">
                  <c:v>1918</c:v>
                </c:pt>
                <c:pt idx="116">
                  <c:v>1919</c:v>
                </c:pt>
                <c:pt idx="117">
                  <c:v>1920</c:v>
                </c:pt>
                <c:pt idx="118">
                  <c:v>1921</c:v>
                </c:pt>
                <c:pt idx="119">
                  <c:v>1922</c:v>
                </c:pt>
                <c:pt idx="120">
                  <c:v>1923</c:v>
                </c:pt>
                <c:pt idx="121">
                  <c:v>1924</c:v>
                </c:pt>
                <c:pt idx="122">
                  <c:v>1925</c:v>
                </c:pt>
                <c:pt idx="123">
                  <c:v>1926</c:v>
                </c:pt>
                <c:pt idx="124">
                  <c:v>1927</c:v>
                </c:pt>
                <c:pt idx="125">
                  <c:v>1928</c:v>
                </c:pt>
                <c:pt idx="126">
                  <c:v>1929</c:v>
                </c:pt>
                <c:pt idx="127">
                  <c:v>1930</c:v>
                </c:pt>
                <c:pt idx="128">
                  <c:v>1931</c:v>
                </c:pt>
                <c:pt idx="129">
                  <c:v>1932</c:v>
                </c:pt>
                <c:pt idx="130">
                  <c:v>1933</c:v>
                </c:pt>
                <c:pt idx="131">
                  <c:v>1934</c:v>
                </c:pt>
                <c:pt idx="132">
                  <c:v>1935</c:v>
                </c:pt>
                <c:pt idx="133">
                  <c:v>1936</c:v>
                </c:pt>
                <c:pt idx="134">
                  <c:v>1937</c:v>
                </c:pt>
                <c:pt idx="135">
                  <c:v>1938</c:v>
                </c:pt>
                <c:pt idx="136">
                  <c:v>1939</c:v>
                </c:pt>
                <c:pt idx="137">
                  <c:v>1940</c:v>
                </c:pt>
                <c:pt idx="138">
                  <c:v>1941</c:v>
                </c:pt>
                <c:pt idx="139">
                  <c:v>1942</c:v>
                </c:pt>
                <c:pt idx="140">
                  <c:v>1943</c:v>
                </c:pt>
                <c:pt idx="141">
                  <c:v>1944</c:v>
                </c:pt>
                <c:pt idx="142">
                  <c:v>1945</c:v>
                </c:pt>
                <c:pt idx="143">
                  <c:v>1946</c:v>
                </c:pt>
                <c:pt idx="144">
                  <c:v>1947</c:v>
                </c:pt>
                <c:pt idx="145">
                  <c:v>1948</c:v>
                </c:pt>
                <c:pt idx="146">
                  <c:v>1949</c:v>
                </c:pt>
                <c:pt idx="147">
                  <c:v>1950</c:v>
                </c:pt>
                <c:pt idx="148">
                  <c:v>1951</c:v>
                </c:pt>
                <c:pt idx="149">
                  <c:v>1952</c:v>
                </c:pt>
                <c:pt idx="150">
                  <c:v>1953</c:v>
                </c:pt>
                <c:pt idx="151">
                  <c:v>1954</c:v>
                </c:pt>
                <c:pt idx="152">
                  <c:v>1955</c:v>
                </c:pt>
                <c:pt idx="153">
                  <c:v>1956</c:v>
                </c:pt>
                <c:pt idx="154">
                  <c:v>1957</c:v>
                </c:pt>
                <c:pt idx="155">
                  <c:v>1958</c:v>
                </c:pt>
                <c:pt idx="156">
                  <c:v>1959</c:v>
                </c:pt>
                <c:pt idx="157">
                  <c:v>1960</c:v>
                </c:pt>
                <c:pt idx="158">
                  <c:v>1961</c:v>
                </c:pt>
                <c:pt idx="159">
                  <c:v>1962</c:v>
                </c:pt>
                <c:pt idx="160">
                  <c:v>1963</c:v>
                </c:pt>
                <c:pt idx="161">
                  <c:v>1964</c:v>
                </c:pt>
                <c:pt idx="162">
                  <c:v>1965</c:v>
                </c:pt>
                <c:pt idx="163">
                  <c:v>1966</c:v>
                </c:pt>
                <c:pt idx="164">
                  <c:v>1967</c:v>
                </c:pt>
                <c:pt idx="165">
                  <c:v>1968</c:v>
                </c:pt>
                <c:pt idx="166">
                  <c:v>1969</c:v>
                </c:pt>
                <c:pt idx="167">
                  <c:v>1970</c:v>
                </c:pt>
                <c:pt idx="168">
                  <c:v>1971</c:v>
                </c:pt>
                <c:pt idx="169">
                  <c:v>1972</c:v>
                </c:pt>
                <c:pt idx="170">
                  <c:v>1973</c:v>
                </c:pt>
                <c:pt idx="171">
                  <c:v>1974</c:v>
                </c:pt>
                <c:pt idx="172">
                  <c:v>1975</c:v>
                </c:pt>
                <c:pt idx="173">
                  <c:v>1976</c:v>
                </c:pt>
                <c:pt idx="174">
                  <c:v>1977</c:v>
                </c:pt>
                <c:pt idx="175">
                  <c:v>1978</c:v>
                </c:pt>
                <c:pt idx="176">
                  <c:v>1979</c:v>
                </c:pt>
                <c:pt idx="177">
                  <c:v>1980</c:v>
                </c:pt>
                <c:pt idx="178">
                  <c:v>1981</c:v>
                </c:pt>
                <c:pt idx="179">
                  <c:v>1982</c:v>
                </c:pt>
                <c:pt idx="180">
                  <c:v>1983</c:v>
                </c:pt>
                <c:pt idx="181">
                  <c:v>1984</c:v>
                </c:pt>
                <c:pt idx="182">
                  <c:v>1985</c:v>
                </c:pt>
                <c:pt idx="183">
                  <c:v>1986</c:v>
                </c:pt>
                <c:pt idx="184">
                  <c:v>1987</c:v>
                </c:pt>
                <c:pt idx="185">
                  <c:v>1988</c:v>
                </c:pt>
                <c:pt idx="186">
                  <c:v>1989</c:v>
                </c:pt>
                <c:pt idx="187">
                  <c:v>1990</c:v>
                </c:pt>
                <c:pt idx="188">
                  <c:v>1991</c:v>
                </c:pt>
                <c:pt idx="189">
                  <c:v>1992</c:v>
                </c:pt>
                <c:pt idx="190">
                  <c:v>1993</c:v>
                </c:pt>
                <c:pt idx="191">
                  <c:v>1994</c:v>
                </c:pt>
                <c:pt idx="192">
                  <c:v>1995</c:v>
                </c:pt>
                <c:pt idx="193">
                  <c:v>1996</c:v>
                </c:pt>
                <c:pt idx="194">
                  <c:v>1997</c:v>
                </c:pt>
                <c:pt idx="195">
                  <c:v>1998</c:v>
                </c:pt>
                <c:pt idx="196">
                  <c:v>1999</c:v>
                </c:pt>
                <c:pt idx="197">
                  <c:v>2000</c:v>
                </c:pt>
                <c:pt idx="198">
                  <c:v>2001</c:v>
                </c:pt>
                <c:pt idx="199">
                  <c:v>2002</c:v>
                </c:pt>
                <c:pt idx="200">
                  <c:v>2003</c:v>
                </c:pt>
                <c:pt idx="201">
                  <c:v>2004</c:v>
                </c:pt>
                <c:pt idx="202">
                  <c:v>2005</c:v>
                </c:pt>
                <c:pt idx="203">
                  <c:v>2006</c:v>
                </c:pt>
                <c:pt idx="204">
                  <c:v>2007</c:v>
                </c:pt>
                <c:pt idx="205">
                  <c:v>2008</c:v>
                </c:pt>
                <c:pt idx="206">
                  <c:v>2009</c:v>
                </c:pt>
                <c:pt idx="207">
                  <c:v>2010</c:v>
                </c:pt>
                <c:pt idx="208">
                  <c:v>2011</c:v>
                </c:pt>
                <c:pt idx="209">
                  <c:v>2012</c:v>
                </c:pt>
                <c:pt idx="210">
                  <c:v>2013</c:v>
                </c:pt>
                <c:pt idx="211">
                  <c:v>2014</c:v>
                </c:pt>
                <c:pt idx="212">
                  <c:v>2015</c:v>
                </c:pt>
                <c:pt idx="213">
                  <c:v>2016</c:v>
                </c:pt>
                <c:pt idx="214">
                  <c:v>2017</c:v>
                </c:pt>
                <c:pt idx="215">
                  <c:v>2018</c:v>
                </c:pt>
                <c:pt idx="216">
                  <c:v>2019</c:v>
                </c:pt>
                <c:pt idx="217">
                  <c:v>2020</c:v>
                </c:pt>
                <c:pt idx="218">
                  <c:v>2021</c:v>
                </c:pt>
                <c:pt idx="219">
                  <c:v>2022</c:v>
                </c:pt>
              </c:numCache>
            </c:numRef>
          </c:cat>
          <c:val>
            <c:numRef>
              <c:f>Sheet1!$E$4:$E$225</c:f>
              <c:numCache>
                <c:formatCode>\$#,##0.00_);[Red]"($"#,##0.00\)</c:formatCode>
                <c:ptCount val="222"/>
                <c:pt idx="0">
                  <c:v>1.158088235294118</c:v>
                </c:pt>
                <c:pt idx="1">
                  <c:v>1.0606060606060608</c:v>
                </c:pt>
                <c:pt idx="2">
                  <c:v>0.97826086956521763</c:v>
                </c:pt>
                <c:pt idx="3">
                  <c:v>1.0074626865671645</c:v>
                </c:pt>
                <c:pt idx="4">
                  <c:v>1.0511679644048946</c:v>
                </c:pt>
                <c:pt idx="5">
                  <c:v>1.1065573770491806</c:v>
                </c:pt>
                <c:pt idx="6">
                  <c:v>0.98232848232848258</c:v>
                </c:pt>
                <c:pt idx="7">
                  <c:v>1.0000000000000002</c:v>
                </c:pt>
                <c:pt idx="8">
                  <c:v>1.0430463576158946</c:v>
                </c:pt>
                <c:pt idx="9">
                  <c:v>0.97826086956521785</c:v>
                </c:pt>
                <c:pt idx="10">
                  <c:v>0.84450402144772163</c:v>
                </c:pt>
                <c:pt idx="11">
                  <c:v>0.74292452830188715</c:v>
                </c:pt>
                <c:pt idx="12">
                  <c:v>0.85597826086956552</c:v>
                </c:pt>
                <c:pt idx="13">
                  <c:v>0.97523219814241513</c:v>
                </c:pt>
                <c:pt idx="14">
                  <c:v>0.98437500000000044</c:v>
                </c:pt>
                <c:pt idx="15">
                  <c:v>1.0117773019271952</c:v>
                </c:pt>
                <c:pt idx="16">
                  <c:v>1.1157024793388433</c:v>
                </c:pt>
                <c:pt idx="17">
                  <c:v>1.2500000000000009</c:v>
                </c:pt>
                <c:pt idx="18">
                  <c:v>1.2770270270270279</c:v>
                </c:pt>
                <c:pt idx="19">
                  <c:v>1.2467018469657001</c:v>
                </c:pt>
                <c:pt idx="20">
                  <c:v>1.2352941176470595</c:v>
                </c:pt>
                <c:pt idx="21">
                  <c:v>1.30344827586207</c:v>
                </c:pt>
                <c:pt idx="22">
                  <c:v>1.2718707940780631</c:v>
                </c:pt>
                <c:pt idx="23">
                  <c:v>1.350000000000001</c:v>
                </c:pt>
                <c:pt idx="24">
                  <c:v>1.2927496580027369</c:v>
                </c:pt>
                <c:pt idx="25">
                  <c:v>1.3480741797432252</c:v>
                </c:pt>
                <c:pt idx="26">
                  <c:v>1.350000000000001</c:v>
                </c:pt>
                <c:pt idx="27">
                  <c:v>1.3815789473684221</c:v>
                </c:pt>
                <c:pt idx="28">
                  <c:v>1.3347457627118655</c:v>
                </c:pt>
                <c:pt idx="29">
                  <c:v>1.3198324022346382</c:v>
                </c:pt>
                <c:pt idx="30">
                  <c:v>1.323529411764707</c:v>
                </c:pt>
                <c:pt idx="31">
                  <c:v>1.4244403279620268</c:v>
                </c:pt>
                <c:pt idx="32">
                  <c:v>1.3558313209692399</c:v>
                </c:pt>
                <c:pt idx="33">
                  <c:v>1.2421487934403763</c:v>
                </c:pt>
                <c:pt idx="34">
                  <c:v>1.2483056647833273</c:v>
                </c:pt>
                <c:pt idx="35">
                  <c:v>1.2849268768879401</c:v>
                </c:pt>
                <c:pt idx="36">
                  <c:v>1.2639682201758407</c:v>
                </c:pt>
                <c:pt idx="37">
                  <c:v>1.414863302640653</c:v>
                </c:pt>
                <c:pt idx="38">
                  <c:v>1.4620938628158848</c:v>
                </c:pt>
                <c:pt idx="39">
                  <c:v>1.5594159001240633</c:v>
                </c:pt>
                <c:pt idx="40">
                  <c:v>1.60667092740055</c:v>
                </c:pt>
                <c:pt idx="41">
                  <c:v>1.5864294039057401</c:v>
                </c:pt>
                <c:pt idx="42">
                  <c:v>1.5403404762693347</c:v>
                </c:pt>
                <c:pt idx="43">
                  <c:v>1.5148611601205186</c:v>
                </c:pt>
                <c:pt idx="44">
                  <c:v>1.4432416496850218</c:v>
                </c:pt>
                <c:pt idx="45">
                  <c:v>1.5450654470554368</c:v>
                </c:pt>
                <c:pt idx="46">
                  <c:v>1.5570056746215533</c:v>
                </c:pt>
                <c:pt idx="47">
                  <c:v>1.4990813563692633</c:v>
                </c:pt>
                <c:pt idx="48">
                  <c:v>1.4990813563692633</c:v>
                </c:pt>
                <c:pt idx="49">
                  <c:v>1.4990813563692633</c:v>
                </c:pt>
                <c:pt idx="50">
                  <c:v>1.4990813563692633</c:v>
                </c:pt>
                <c:pt idx="51">
                  <c:v>1.388038292934503</c:v>
                </c:pt>
                <c:pt idx="52">
                  <c:v>1.3384654967582703</c:v>
                </c:pt>
                <c:pt idx="53">
                  <c:v>1.3880382929345028</c:v>
                </c:pt>
                <c:pt idx="54">
                  <c:v>1.3384654967582703</c:v>
                </c:pt>
                <c:pt idx="55">
                  <c:v>1.4414243811242913</c:v>
                </c:pt>
                <c:pt idx="56">
                  <c:v>1.3880382929345028</c:v>
                </c:pt>
                <c:pt idx="57">
                  <c:v>1.3880382929345028</c:v>
                </c:pt>
                <c:pt idx="58">
                  <c:v>1.3880382929345028</c:v>
                </c:pt>
                <c:pt idx="59">
                  <c:v>1.4154364363073757</c:v>
                </c:pt>
                <c:pt idx="60">
                  <c:v>1.470581189105558</c:v>
                </c:pt>
                <c:pt idx="61">
                  <c:v>1.6209996653243066</c:v>
                </c:pt>
                <c:pt idx="62">
                  <c:v>1.281397501513555</c:v>
                </c:pt>
                <c:pt idx="63">
                  <c:v>1.1999507712504107</c:v>
                </c:pt>
                <c:pt idx="64">
                  <c:v>1.233348145214765</c:v>
                </c:pt>
                <c:pt idx="65">
                  <c:v>1.3090671738009285</c:v>
                </c:pt>
                <c:pt idx="66">
                  <c:v>1.2460615168901497</c:v>
                </c:pt>
                <c:pt idx="67">
                  <c:v>1.1331952681794744</c:v>
                </c:pt>
                <c:pt idx="68">
                  <c:v>1.1496557197640971</c:v>
                </c:pt>
                <c:pt idx="69">
                  <c:v>1.1825186110883432</c:v>
                </c:pt>
                <c:pt idx="70">
                  <c:v>1.2061717049531293</c:v>
                </c:pt>
                <c:pt idx="71">
                  <c:v>1.2058549199966058</c:v>
                </c:pt>
                <c:pt idx="72">
                  <c:v>1.2952697010954626</c:v>
                </c:pt>
                <c:pt idx="73">
                  <c:v>1.3091690827124889</c:v>
                </c:pt>
                <c:pt idx="74">
                  <c:v>1.2558509709382439</c:v>
                </c:pt>
                <c:pt idx="75">
                  <c:v>1.250697134574436</c:v>
                </c:pt>
                <c:pt idx="76">
                  <c:v>1.2972793895133394</c:v>
                </c:pt>
                <c:pt idx="77">
                  <c:v>1.3029807526180299</c:v>
                </c:pt>
                <c:pt idx="78">
                  <c:v>1.2851674112184504</c:v>
                </c:pt>
                <c:pt idx="79">
                  <c:v>1.273700286267063</c:v>
                </c:pt>
                <c:pt idx="80">
                  <c:v>1.2972793895133399</c:v>
                </c:pt>
                <c:pt idx="81">
                  <c:v>1.3462162299141225</c:v>
                </c:pt>
                <c:pt idx="82">
                  <c:v>1.3789685389066666</c:v>
                </c:pt>
                <c:pt idx="83">
                  <c:v>1.3924194603483138</c:v>
                </c:pt>
                <c:pt idx="84">
                  <c:v>1.3924194603483138</c:v>
                </c:pt>
                <c:pt idx="85">
                  <c:v>1.3789685389066666</c:v>
                </c:pt>
                <c:pt idx="86">
                  <c:v>1.3657750057562483</c:v>
                </c:pt>
                <c:pt idx="87">
                  <c:v>1.3720957871997623</c:v>
                </c:pt>
                <c:pt idx="88">
                  <c:v>1.3789685389066666</c:v>
                </c:pt>
                <c:pt idx="89">
                  <c:v>1.3789685389066666</c:v>
                </c:pt>
                <c:pt idx="90">
                  <c:v>1.3864090166345797</c:v>
                </c:pt>
                <c:pt idx="91">
                  <c:v>1.4259034651291647</c:v>
                </c:pt>
                <c:pt idx="92">
                  <c:v>1.4761459464741986</c:v>
                </c:pt>
                <c:pt idx="93">
                  <c:v>1.4938825838155554</c:v>
                </c:pt>
                <c:pt idx="94">
                  <c:v>1.5026187392764652</c:v>
                </c:pt>
                <c:pt idx="95">
                  <c:v>1.5120506340698838</c:v>
                </c:pt>
                <c:pt idx="96">
                  <c:v>1.5120506340698838</c:v>
                </c:pt>
                <c:pt idx="97">
                  <c:v>1.5026187392764652</c:v>
                </c:pt>
                <c:pt idx="98">
                  <c:v>1.4852474243715352</c:v>
                </c:pt>
                <c:pt idx="99">
                  <c:v>1.4677140389353134</c:v>
                </c:pt>
                <c:pt idx="100">
                  <c:v>1.442446506827894</c:v>
                </c:pt>
                <c:pt idx="101">
                  <c:v>1.4180342407079223</c:v>
                </c:pt>
                <c:pt idx="102">
                  <c:v>1.4180342407079223</c:v>
                </c:pt>
                <c:pt idx="103">
                  <c:v>1.4087050680716859</c:v>
                </c:pt>
                <c:pt idx="104">
                  <c:v>1.3638418493432878</c:v>
                </c:pt>
                <c:pt idx="105">
                  <c:v>1.3495157794972452</c:v>
                </c:pt>
                <c:pt idx="106">
                  <c:v>1.3716074968840326</c:v>
                </c:pt>
                <c:pt idx="107">
                  <c:v>1.3495157794972452</c:v>
                </c:pt>
                <c:pt idx="108">
                  <c:v>1.3208420377807173</c:v>
                </c:pt>
                <c:pt idx="109">
                  <c:v>1.3069572961153382</c:v>
                </c:pt>
                <c:pt idx="110">
                  <c:v>1.2804707861276186</c:v>
                </c:pt>
                <c:pt idx="111">
                  <c:v>1.2677928575520976</c:v>
                </c:pt>
                <c:pt idx="112">
                  <c:v>1.243175520512251</c:v>
                </c:pt>
                <c:pt idx="113">
                  <c:v>1.1038541259720851</c:v>
                </c:pt>
                <c:pt idx="114">
                  <c:v>0.93465020885227634</c:v>
                </c:pt>
                <c:pt idx="115">
                  <c:v>0.7760429006834052</c:v>
                </c:pt>
                <c:pt idx="116">
                  <c:v>0.6774977704378935</c:v>
                </c:pt>
                <c:pt idx="117">
                  <c:v>0.66003648769464884</c:v>
                </c:pt>
                <c:pt idx="118">
                  <c:v>0.74015652377318997</c:v>
                </c:pt>
                <c:pt idx="119">
                  <c:v>0.75767502137728915</c:v>
                </c:pt>
                <c:pt idx="120">
                  <c:v>0.74015652377318986</c:v>
                </c:pt>
                <c:pt idx="121">
                  <c:v>0.74015652377318986</c:v>
                </c:pt>
                <c:pt idx="122">
                  <c:v>0.71534680789252447</c:v>
                </c:pt>
                <c:pt idx="123">
                  <c:v>0.723429822670971</c:v>
                </c:pt>
                <c:pt idx="124">
                  <c:v>0.74015652377318986</c:v>
                </c:pt>
                <c:pt idx="125">
                  <c:v>0.74881332522082955</c:v>
                </c:pt>
                <c:pt idx="126">
                  <c:v>0.74445975937652242</c:v>
                </c:pt>
                <c:pt idx="127">
                  <c:v>0.79532346964448353</c:v>
                </c:pt>
                <c:pt idx="128">
                  <c:v>0.87703478501891685</c:v>
                </c:pt>
                <c:pt idx="129">
                  <c:v>0.97745861536459433</c:v>
                </c:pt>
                <c:pt idx="130">
                  <c:v>0.97005362585425647</c:v>
                </c:pt>
                <c:pt idx="131">
                  <c:v>1.5648873235571015</c:v>
                </c:pt>
                <c:pt idx="132">
                  <c:v>1.5195282707003739</c:v>
                </c:pt>
                <c:pt idx="133">
                  <c:v>1.497820723976083</c:v>
                </c:pt>
                <c:pt idx="134">
                  <c:v>1.4562145927545251</c:v>
                </c:pt>
                <c:pt idx="135">
                  <c:v>1.497820723976083</c:v>
                </c:pt>
                <c:pt idx="136">
                  <c:v>1.497820723976083</c:v>
                </c:pt>
                <c:pt idx="137">
                  <c:v>1.4871978819620684</c:v>
                </c:pt>
                <c:pt idx="138">
                  <c:v>1.3528703313332364</c:v>
                </c:pt>
                <c:pt idx="139">
                  <c:v>1.2407982328795957</c:v>
                </c:pt>
                <c:pt idx="140">
                  <c:v>1.2051431112451245</c:v>
                </c:pt>
                <c:pt idx="141">
                  <c:v>1.1780612435766944</c:v>
                </c:pt>
                <c:pt idx="142">
                  <c:v>1.1814420481583878</c:v>
                </c:pt>
                <c:pt idx="143">
                  <c:v>1.0001044314643097</c:v>
                </c:pt>
                <c:pt idx="144">
                  <c:v>0.91889937078985717</c:v>
                </c:pt>
                <c:pt idx="145">
                  <c:v>0.89220934757189441</c:v>
                </c:pt>
                <c:pt idx="146">
                  <c:v>0.83183929900011144</c:v>
                </c:pt>
                <c:pt idx="147">
                  <c:v>0.8603376041480586</c:v>
                </c:pt>
                <c:pt idx="148">
                  <c:v>0.81163924919628161</c:v>
                </c:pt>
                <c:pt idx="149">
                  <c:v>0.80277536243729475</c:v>
                </c:pt>
                <c:pt idx="150">
                  <c:v>0.80233375577424415</c:v>
                </c:pt>
                <c:pt idx="151">
                  <c:v>0.81298406646828925</c:v>
                </c:pt>
                <c:pt idx="152">
                  <c:v>0.80971939356285516</c:v>
                </c:pt>
                <c:pt idx="153">
                  <c:v>0.78535146516700294</c:v>
                </c:pt>
                <c:pt idx="154">
                  <c:v>0.76235637780753707</c:v>
                </c:pt>
                <c:pt idx="155">
                  <c:v>0.75238212934311999</c:v>
                </c:pt>
                <c:pt idx="156">
                  <c:v>0.73958651489850913</c:v>
                </c:pt>
                <c:pt idx="157">
                  <c:v>0.73319314096429222</c:v>
                </c:pt>
                <c:pt idx="158">
                  <c:v>0.727892198209943</c:v>
                </c:pt>
                <c:pt idx="159">
                  <c:v>0.71790711486383807</c:v>
                </c:pt>
                <c:pt idx="160">
                  <c:v>0.70348377704845844</c:v>
                </c:pt>
                <c:pt idx="161">
                  <c:v>0.69691806211590301</c:v>
                </c:pt>
                <c:pt idx="162">
                  <c:v>0.68415827649225747</c:v>
                </c:pt>
                <c:pt idx="163">
                  <c:v>0.66147197628184218</c:v>
                </c:pt>
                <c:pt idx="164">
                  <c:v>0.63867023981516413</c:v>
                </c:pt>
                <c:pt idx="165">
                  <c:v>0.71720393998030985</c:v>
                </c:pt>
                <c:pt idx="166">
                  <c:v>0.5779100087147967</c:v>
                </c:pt>
                <c:pt idx="167">
                  <c:v>0.5827495755582226</c:v>
                </c:pt>
                <c:pt idx="168">
                  <c:v>0.65535544397511702</c:v>
                </c:pt>
                <c:pt idx="169">
                  <c:v>0.93155625306828493</c:v>
                </c:pt>
                <c:pt idx="170">
                  <c:v>1.4309782701108069</c:v>
                </c:pt>
                <c:pt idx="171">
                  <c:v>2.1944489097839228</c:v>
                </c:pt>
                <c:pt idx="172">
                  <c:v>1.5654495809690558</c:v>
                </c:pt>
                <c:pt idx="173">
                  <c:v>1.4316224414599312</c:v>
                </c:pt>
                <c:pt idx="174">
                  <c:v>1.645469806348445</c:v>
                </c:pt>
                <c:pt idx="175">
                  <c:v>2.0679925427630939</c:v>
                </c:pt>
                <c:pt idx="176">
                  <c:v>4.135269277744082</c:v>
                </c:pt>
                <c:pt idx="177">
                  <c:v>4.233371207754387</c:v>
                </c:pt>
                <c:pt idx="178">
                  <c:v>2.6196210845491401</c:v>
                </c:pt>
                <c:pt idx="179">
                  <c:v>2.9000169633948656</c:v>
                </c:pt>
                <c:pt idx="180">
                  <c:v>2.3385014101403656</c:v>
                </c:pt>
                <c:pt idx="181">
                  <c:v>1.8178552807328405</c:v>
                </c:pt>
                <c:pt idx="182">
                  <c:v>1.8522136643243039</c:v>
                </c:pt>
                <c:pt idx="183">
                  <c:v>2.1794018835399291</c:v>
                </c:pt>
                <c:pt idx="184">
                  <c:v>2.5987139138864537</c:v>
                </c:pt>
                <c:pt idx="185">
                  <c:v>2.1090687688929415</c:v>
                </c:pt>
                <c:pt idx="186">
                  <c:v>1.9711930384985901</c:v>
                </c:pt>
                <c:pt idx="187">
                  <c:v>1.7723317334527007</c:v>
                </c:pt>
                <c:pt idx="188">
                  <c:v>1.5864417928368784</c:v>
                </c:pt>
                <c:pt idx="189">
                  <c:v>1.4603028221925904</c:v>
                </c:pt>
                <c:pt idx="190">
                  <c:v>1.6600267451222885</c:v>
                </c:pt>
                <c:pt idx="191">
                  <c:v>1.5857433468585416</c:v>
                </c:pt>
                <c:pt idx="192">
                  <c:v>1.5622264601958229</c:v>
                </c:pt>
                <c:pt idx="193">
                  <c:v>1.436215616869932</c:v>
                </c:pt>
                <c:pt idx="194">
                  <c:v>1.1101145738353755</c:v>
                </c:pt>
                <c:pt idx="195">
                  <c:v>1.0894807479081232</c:v>
                </c:pt>
                <c:pt idx="196">
                  <c:v>1.060077385036668</c:v>
                </c:pt>
                <c:pt idx="197">
                  <c:v>0.96927684501177358</c:v>
                </c:pt>
                <c:pt idx="198">
                  <c:v>0.97795532127136386</c:v>
                </c:pt>
                <c:pt idx="199">
                  <c:v>1.1918792777811691</c:v>
                </c:pt>
                <c:pt idx="200">
                  <c:v>1.3964411112608768</c:v>
                </c:pt>
                <c:pt idx="201">
                  <c:v>1.4272842848588441</c:v>
                </c:pt>
                <c:pt idx="202">
                  <c:v>1.6274012561604427</c:v>
                </c:pt>
                <c:pt idx="203">
                  <c:v>1.9545324530302641</c:v>
                </c:pt>
                <c:pt idx="204">
                  <c:v>2.4595737465522065</c:v>
                </c:pt>
                <c:pt idx="205">
                  <c:v>2.5973849591958911</c:v>
                </c:pt>
                <c:pt idx="206">
                  <c:v>3.1469122149361231</c:v>
                </c:pt>
                <c:pt idx="207">
                  <c:v>4.0156626927124437</c:v>
                </c:pt>
                <c:pt idx="208">
                  <c:v>4.1185492159945385</c:v>
                </c:pt>
                <c:pt idx="209">
                  <c:v>4.4923087221090583</c:v>
                </c:pt>
                <c:pt idx="210">
                  <c:v>3.2046411598981979</c:v>
                </c:pt>
                <c:pt idx="211">
                  <c:v>3.1257351334462249</c:v>
                </c:pt>
                <c:pt idx="212">
                  <c:v>2.7798139326940796</c:v>
                </c:pt>
                <c:pt idx="213">
                  <c:v>2.9564118608086409</c:v>
                </c:pt>
                <c:pt idx="214">
                  <c:v>3.2735882631842319</c:v>
                </c:pt>
                <c:pt idx="215">
                  <c:v>3.162053987734819</c:v>
                </c:pt>
                <c:pt idx="216">
                  <c:v>3.6589755399839636</c:v>
                </c:pt>
                <c:pt idx="217">
                  <c:v>4.521878061533239</c:v>
                </c:pt>
                <c:pt idx="218">
                  <c:v>4.0636412670893627</c:v>
                </c:pt>
                <c:pt idx="219">
                  <c:v>3.8101486358379386</c:v>
                </c:pt>
              </c:numCache>
            </c:numRef>
          </c:val>
          <c:smooth val="0"/>
          <c:extLst>
            <c:ext xmlns:c16="http://schemas.microsoft.com/office/drawing/2014/chart" uri="{C3380CC4-5D6E-409C-BE32-E72D297353CC}">
              <c16:uniqueId val="{0000000B-58FF-4DAC-A024-7CAF49B1BABE}"/>
            </c:ext>
          </c:extLst>
        </c:ser>
        <c:ser>
          <c:idx val="3"/>
          <c:order val="4"/>
          <c:tx>
            <c:strRef>
              <c:f>Sheet1!$F$1</c:f>
              <c:strCache>
                <c:ptCount val="1"/>
                <c:pt idx="0">
                  <c:v>CPI</c:v>
                </c:pt>
              </c:strCache>
            </c:strRef>
          </c:tx>
          <c:spPr>
            <a:ln w="34238">
              <a:solidFill>
                <a:srgbClr val="809F68"/>
              </a:solidFill>
              <a:prstDash val="solid"/>
            </a:ln>
          </c:spPr>
          <c:marker>
            <c:symbol val="none"/>
          </c:marker>
          <c:dLbls>
            <c:dLbl>
              <c:idx val="189"/>
              <c:layout>
                <c:manualLayout>
                  <c:x val="8.7283748242437911E-2"/>
                  <c:y val="6.5094130424578192E-2"/>
                </c:manualLayout>
              </c:layout>
              <c:tx>
                <c:rich>
                  <a:bodyPr/>
                  <a:lstStyle/>
                  <a:p>
                    <a:pPr>
                      <a:defRPr sz="1200" b="1" i="0" u="none" strike="noStrike" baseline="0">
                        <a:solidFill>
                          <a:srgbClr val="809F68"/>
                        </a:solidFill>
                        <a:latin typeface="+mj-lt"/>
                        <a:ea typeface="Times New Roman"/>
                        <a:cs typeface="Times New Roman"/>
                      </a:defRPr>
                    </a:pPr>
                    <a:r>
                      <a:rPr lang="en-US" sz="1200" baseline="0">
                        <a:solidFill>
                          <a:srgbClr val="809F68"/>
                        </a:solidFill>
                        <a:latin typeface="+mj-lt"/>
                      </a:rPr>
                      <a:t>DOLLAR</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8-E4F6-4564-9024-B15912CEBAF3}"/>
                </c:ext>
              </c:extLst>
            </c:dLbl>
            <c:dLbl>
              <c:idx val="196"/>
              <c:layout>
                <c:manualLayout>
                  <c:x val="7.067876788126487E-2"/>
                  <c:y val="1.1538011232093422E-2"/>
                </c:manualLayout>
              </c:layout>
              <c:tx>
                <c:rich>
                  <a:bodyPr/>
                  <a:lstStyle/>
                  <a:p>
                    <a:pPr>
                      <a:defRPr sz="1200" b="1" i="0" u="none" strike="noStrike" baseline="0">
                        <a:solidFill>
                          <a:srgbClr val="809F68"/>
                        </a:solidFill>
                        <a:latin typeface="+mj-lt"/>
                        <a:ea typeface="Times New Roman"/>
                        <a:cs typeface="Times New Roman"/>
                      </a:defRPr>
                    </a:pPr>
                    <a:r>
                      <a:rPr lang="en-US" sz="1200" baseline="0">
                        <a:solidFill>
                          <a:srgbClr val="809F68"/>
                        </a:solidFill>
                        <a:latin typeface="+mj-lt"/>
                      </a:rPr>
                      <a:t>$0.041</a:t>
                    </a:r>
                  </a:p>
                </c:rich>
              </c:tx>
              <c:spPr>
                <a:noFill/>
                <a:ln w="22826">
                  <a:noFill/>
                </a:ln>
              </c:spPr>
              <c:dLblPos val="r"/>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9-E4F6-4564-9024-B15912CEBAF3}"/>
                </c:ext>
              </c:extLst>
            </c:dLbl>
            <c:spPr>
              <a:noFill/>
              <a:ln>
                <a:noFill/>
              </a:ln>
              <a:effectLst/>
            </c:spPr>
            <c:txPr>
              <a:bodyPr wrap="square" lIns="38100" tIns="19050" rIns="38100" bIns="19050" anchor="ctr">
                <a:spAutoFit/>
              </a:bodyPr>
              <a:lstStyle/>
              <a:p>
                <a:pPr>
                  <a:defRPr sz="1200" baseline="0">
                    <a:solidFill>
                      <a:srgbClr val="809F68"/>
                    </a:solidFill>
                    <a:latin typeface="+mj-lt"/>
                  </a:defRPr>
                </a:pPr>
                <a:endParaRPr lang="en-US"/>
              </a:p>
            </c:txPr>
            <c:showLegendKey val="0"/>
            <c:showVal val="0"/>
            <c:showCatName val="0"/>
            <c:showSerName val="0"/>
            <c:showPercent val="0"/>
            <c:showBubbleSize val="0"/>
            <c:extLst>
              <c:ext xmlns:c15="http://schemas.microsoft.com/office/drawing/2012/chart" uri="{CE6537A1-D6FC-4f65-9D91-7224C49458BB}">
                <c15:showLeaderLines val="0"/>
              </c:ext>
            </c:extLst>
          </c:dLbls>
          <c:cat>
            <c:numRef>
              <c:f>Sheet1!$A$4:$A$225</c:f>
              <c:numCache>
                <c:formatCode>General</c:formatCode>
                <c:ptCount val="222"/>
                <c:pt idx="0">
                  <c:v>1803</c:v>
                </c:pt>
                <c:pt idx="1">
                  <c:v>1804</c:v>
                </c:pt>
                <c:pt idx="2">
                  <c:v>1805</c:v>
                </c:pt>
                <c:pt idx="3">
                  <c:v>1806</c:v>
                </c:pt>
                <c:pt idx="4">
                  <c:v>1807</c:v>
                </c:pt>
                <c:pt idx="5">
                  <c:v>1808</c:v>
                </c:pt>
                <c:pt idx="6">
                  <c:v>1809</c:v>
                </c:pt>
                <c:pt idx="7">
                  <c:v>1810</c:v>
                </c:pt>
                <c:pt idx="8">
                  <c:v>1811</c:v>
                </c:pt>
                <c:pt idx="9">
                  <c:v>1812</c:v>
                </c:pt>
                <c:pt idx="10">
                  <c:v>1813</c:v>
                </c:pt>
                <c:pt idx="11">
                  <c:v>1814</c:v>
                </c:pt>
                <c:pt idx="12">
                  <c:v>1815</c:v>
                </c:pt>
                <c:pt idx="13">
                  <c:v>1816</c:v>
                </c:pt>
                <c:pt idx="14">
                  <c:v>1817</c:v>
                </c:pt>
                <c:pt idx="15">
                  <c:v>1818</c:v>
                </c:pt>
                <c:pt idx="16">
                  <c:v>1819</c:v>
                </c:pt>
                <c:pt idx="17">
                  <c:v>1820</c:v>
                </c:pt>
                <c:pt idx="18">
                  <c:v>1821</c:v>
                </c:pt>
                <c:pt idx="19">
                  <c:v>1822</c:v>
                </c:pt>
                <c:pt idx="20">
                  <c:v>1823</c:v>
                </c:pt>
                <c:pt idx="21">
                  <c:v>1824</c:v>
                </c:pt>
                <c:pt idx="22">
                  <c:v>1825</c:v>
                </c:pt>
                <c:pt idx="23">
                  <c:v>1826</c:v>
                </c:pt>
                <c:pt idx="24">
                  <c:v>1827</c:v>
                </c:pt>
                <c:pt idx="25">
                  <c:v>1828</c:v>
                </c:pt>
                <c:pt idx="26">
                  <c:v>1829</c:v>
                </c:pt>
                <c:pt idx="27">
                  <c:v>1830</c:v>
                </c:pt>
                <c:pt idx="28">
                  <c:v>1831</c:v>
                </c:pt>
                <c:pt idx="29">
                  <c:v>1832</c:v>
                </c:pt>
                <c:pt idx="30">
                  <c:v>1833</c:v>
                </c:pt>
                <c:pt idx="31">
                  <c:v>1834</c:v>
                </c:pt>
                <c:pt idx="32">
                  <c:v>1835</c:v>
                </c:pt>
                <c:pt idx="33">
                  <c:v>1836</c:v>
                </c:pt>
                <c:pt idx="34">
                  <c:v>1837</c:v>
                </c:pt>
                <c:pt idx="35">
                  <c:v>1838</c:v>
                </c:pt>
                <c:pt idx="36">
                  <c:v>1839</c:v>
                </c:pt>
                <c:pt idx="37">
                  <c:v>1840</c:v>
                </c:pt>
                <c:pt idx="38">
                  <c:v>1841</c:v>
                </c:pt>
                <c:pt idx="39">
                  <c:v>1842</c:v>
                </c:pt>
                <c:pt idx="40">
                  <c:v>1843</c:v>
                </c:pt>
                <c:pt idx="41">
                  <c:v>1844</c:v>
                </c:pt>
                <c:pt idx="42">
                  <c:v>1845</c:v>
                </c:pt>
                <c:pt idx="43">
                  <c:v>1846</c:v>
                </c:pt>
                <c:pt idx="44">
                  <c:v>1847</c:v>
                </c:pt>
                <c:pt idx="45">
                  <c:v>1848</c:v>
                </c:pt>
                <c:pt idx="46">
                  <c:v>1849</c:v>
                </c:pt>
                <c:pt idx="47">
                  <c:v>1850</c:v>
                </c:pt>
                <c:pt idx="48">
                  <c:v>1851</c:v>
                </c:pt>
                <c:pt idx="49">
                  <c:v>1852</c:v>
                </c:pt>
                <c:pt idx="50">
                  <c:v>1853</c:v>
                </c:pt>
                <c:pt idx="51">
                  <c:v>1854</c:v>
                </c:pt>
                <c:pt idx="52">
                  <c:v>1855</c:v>
                </c:pt>
                <c:pt idx="53">
                  <c:v>1856</c:v>
                </c:pt>
                <c:pt idx="54">
                  <c:v>1857</c:v>
                </c:pt>
                <c:pt idx="55">
                  <c:v>1858</c:v>
                </c:pt>
                <c:pt idx="56">
                  <c:v>1859</c:v>
                </c:pt>
                <c:pt idx="57">
                  <c:v>1860</c:v>
                </c:pt>
                <c:pt idx="58">
                  <c:v>1861</c:v>
                </c:pt>
                <c:pt idx="59">
                  <c:v>1862</c:v>
                </c:pt>
                <c:pt idx="60">
                  <c:v>1863</c:v>
                </c:pt>
                <c:pt idx="61">
                  <c:v>1864</c:v>
                </c:pt>
                <c:pt idx="62">
                  <c:v>1865</c:v>
                </c:pt>
                <c:pt idx="63">
                  <c:v>1866</c:v>
                </c:pt>
                <c:pt idx="64">
                  <c:v>1867</c:v>
                </c:pt>
                <c:pt idx="65">
                  <c:v>1868</c:v>
                </c:pt>
                <c:pt idx="66">
                  <c:v>1869</c:v>
                </c:pt>
                <c:pt idx="67">
                  <c:v>1870</c:v>
                </c:pt>
                <c:pt idx="68">
                  <c:v>1871</c:v>
                </c:pt>
                <c:pt idx="69">
                  <c:v>1872</c:v>
                </c:pt>
                <c:pt idx="70">
                  <c:v>1873</c:v>
                </c:pt>
                <c:pt idx="71">
                  <c:v>1874</c:v>
                </c:pt>
                <c:pt idx="72">
                  <c:v>1875</c:v>
                </c:pt>
                <c:pt idx="73">
                  <c:v>1876</c:v>
                </c:pt>
                <c:pt idx="74">
                  <c:v>1877</c:v>
                </c:pt>
                <c:pt idx="75">
                  <c:v>1878</c:v>
                </c:pt>
                <c:pt idx="76">
                  <c:v>1879</c:v>
                </c:pt>
                <c:pt idx="77">
                  <c:v>1880</c:v>
                </c:pt>
                <c:pt idx="78">
                  <c:v>1881</c:v>
                </c:pt>
                <c:pt idx="79">
                  <c:v>1882</c:v>
                </c:pt>
                <c:pt idx="80">
                  <c:v>1883</c:v>
                </c:pt>
                <c:pt idx="81">
                  <c:v>1884</c:v>
                </c:pt>
                <c:pt idx="82">
                  <c:v>1885</c:v>
                </c:pt>
                <c:pt idx="83">
                  <c:v>1886</c:v>
                </c:pt>
                <c:pt idx="84">
                  <c:v>1887</c:v>
                </c:pt>
                <c:pt idx="85">
                  <c:v>1888</c:v>
                </c:pt>
                <c:pt idx="86">
                  <c:v>1889</c:v>
                </c:pt>
                <c:pt idx="87">
                  <c:v>1890</c:v>
                </c:pt>
                <c:pt idx="88">
                  <c:v>1891</c:v>
                </c:pt>
                <c:pt idx="89">
                  <c:v>1892</c:v>
                </c:pt>
                <c:pt idx="90">
                  <c:v>1893</c:v>
                </c:pt>
                <c:pt idx="91">
                  <c:v>1894</c:v>
                </c:pt>
                <c:pt idx="92">
                  <c:v>1895</c:v>
                </c:pt>
                <c:pt idx="93">
                  <c:v>1896</c:v>
                </c:pt>
                <c:pt idx="94">
                  <c:v>1897</c:v>
                </c:pt>
                <c:pt idx="95">
                  <c:v>1898</c:v>
                </c:pt>
                <c:pt idx="96">
                  <c:v>1899</c:v>
                </c:pt>
                <c:pt idx="97">
                  <c:v>1900</c:v>
                </c:pt>
                <c:pt idx="98">
                  <c:v>1901</c:v>
                </c:pt>
                <c:pt idx="99">
                  <c:v>1902</c:v>
                </c:pt>
                <c:pt idx="100">
                  <c:v>1903</c:v>
                </c:pt>
                <c:pt idx="101">
                  <c:v>1904</c:v>
                </c:pt>
                <c:pt idx="102">
                  <c:v>1905</c:v>
                </c:pt>
                <c:pt idx="103">
                  <c:v>1906</c:v>
                </c:pt>
                <c:pt idx="104">
                  <c:v>1907</c:v>
                </c:pt>
                <c:pt idx="105">
                  <c:v>1908</c:v>
                </c:pt>
                <c:pt idx="106">
                  <c:v>1909</c:v>
                </c:pt>
                <c:pt idx="107">
                  <c:v>1910</c:v>
                </c:pt>
                <c:pt idx="108">
                  <c:v>1911</c:v>
                </c:pt>
                <c:pt idx="109">
                  <c:v>1912</c:v>
                </c:pt>
                <c:pt idx="110">
                  <c:v>1913</c:v>
                </c:pt>
                <c:pt idx="111">
                  <c:v>1914</c:v>
                </c:pt>
                <c:pt idx="112">
                  <c:v>1915</c:v>
                </c:pt>
                <c:pt idx="113">
                  <c:v>1916</c:v>
                </c:pt>
                <c:pt idx="114">
                  <c:v>1917</c:v>
                </c:pt>
                <c:pt idx="115">
                  <c:v>1918</c:v>
                </c:pt>
                <c:pt idx="116">
                  <c:v>1919</c:v>
                </c:pt>
                <c:pt idx="117">
                  <c:v>1920</c:v>
                </c:pt>
                <c:pt idx="118">
                  <c:v>1921</c:v>
                </c:pt>
                <c:pt idx="119">
                  <c:v>1922</c:v>
                </c:pt>
                <c:pt idx="120">
                  <c:v>1923</c:v>
                </c:pt>
                <c:pt idx="121">
                  <c:v>1924</c:v>
                </c:pt>
                <c:pt idx="122">
                  <c:v>1925</c:v>
                </c:pt>
                <c:pt idx="123">
                  <c:v>1926</c:v>
                </c:pt>
                <c:pt idx="124">
                  <c:v>1927</c:v>
                </c:pt>
                <c:pt idx="125">
                  <c:v>1928</c:v>
                </c:pt>
                <c:pt idx="126">
                  <c:v>1929</c:v>
                </c:pt>
                <c:pt idx="127">
                  <c:v>1930</c:v>
                </c:pt>
                <c:pt idx="128">
                  <c:v>1931</c:v>
                </c:pt>
                <c:pt idx="129">
                  <c:v>1932</c:v>
                </c:pt>
                <c:pt idx="130">
                  <c:v>1933</c:v>
                </c:pt>
                <c:pt idx="131">
                  <c:v>1934</c:v>
                </c:pt>
                <c:pt idx="132">
                  <c:v>1935</c:v>
                </c:pt>
                <c:pt idx="133">
                  <c:v>1936</c:v>
                </c:pt>
                <c:pt idx="134">
                  <c:v>1937</c:v>
                </c:pt>
                <c:pt idx="135">
                  <c:v>1938</c:v>
                </c:pt>
                <c:pt idx="136">
                  <c:v>1939</c:v>
                </c:pt>
                <c:pt idx="137">
                  <c:v>1940</c:v>
                </c:pt>
                <c:pt idx="138">
                  <c:v>1941</c:v>
                </c:pt>
                <c:pt idx="139">
                  <c:v>1942</c:v>
                </c:pt>
                <c:pt idx="140">
                  <c:v>1943</c:v>
                </c:pt>
                <c:pt idx="141">
                  <c:v>1944</c:v>
                </c:pt>
                <c:pt idx="142">
                  <c:v>1945</c:v>
                </c:pt>
                <c:pt idx="143">
                  <c:v>1946</c:v>
                </c:pt>
                <c:pt idx="144">
                  <c:v>1947</c:v>
                </c:pt>
                <c:pt idx="145">
                  <c:v>1948</c:v>
                </c:pt>
                <c:pt idx="146">
                  <c:v>1949</c:v>
                </c:pt>
                <c:pt idx="147">
                  <c:v>1950</c:v>
                </c:pt>
                <c:pt idx="148">
                  <c:v>1951</c:v>
                </c:pt>
                <c:pt idx="149">
                  <c:v>1952</c:v>
                </c:pt>
                <c:pt idx="150">
                  <c:v>1953</c:v>
                </c:pt>
                <c:pt idx="151">
                  <c:v>1954</c:v>
                </c:pt>
                <c:pt idx="152">
                  <c:v>1955</c:v>
                </c:pt>
                <c:pt idx="153">
                  <c:v>1956</c:v>
                </c:pt>
                <c:pt idx="154">
                  <c:v>1957</c:v>
                </c:pt>
                <c:pt idx="155">
                  <c:v>1958</c:v>
                </c:pt>
                <c:pt idx="156">
                  <c:v>1959</c:v>
                </c:pt>
                <c:pt idx="157">
                  <c:v>1960</c:v>
                </c:pt>
                <c:pt idx="158">
                  <c:v>1961</c:v>
                </c:pt>
                <c:pt idx="159">
                  <c:v>1962</c:v>
                </c:pt>
                <c:pt idx="160">
                  <c:v>1963</c:v>
                </c:pt>
                <c:pt idx="161">
                  <c:v>1964</c:v>
                </c:pt>
                <c:pt idx="162">
                  <c:v>1965</c:v>
                </c:pt>
                <c:pt idx="163">
                  <c:v>1966</c:v>
                </c:pt>
                <c:pt idx="164">
                  <c:v>1967</c:v>
                </c:pt>
                <c:pt idx="165">
                  <c:v>1968</c:v>
                </c:pt>
                <c:pt idx="166">
                  <c:v>1969</c:v>
                </c:pt>
                <c:pt idx="167">
                  <c:v>1970</c:v>
                </c:pt>
                <c:pt idx="168">
                  <c:v>1971</c:v>
                </c:pt>
                <c:pt idx="169">
                  <c:v>1972</c:v>
                </c:pt>
                <c:pt idx="170">
                  <c:v>1973</c:v>
                </c:pt>
                <c:pt idx="171">
                  <c:v>1974</c:v>
                </c:pt>
                <c:pt idx="172">
                  <c:v>1975</c:v>
                </c:pt>
                <c:pt idx="173">
                  <c:v>1976</c:v>
                </c:pt>
                <c:pt idx="174">
                  <c:v>1977</c:v>
                </c:pt>
                <c:pt idx="175">
                  <c:v>1978</c:v>
                </c:pt>
                <c:pt idx="176">
                  <c:v>1979</c:v>
                </c:pt>
                <c:pt idx="177">
                  <c:v>1980</c:v>
                </c:pt>
                <c:pt idx="178">
                  <c:v>1981</c:v>
                </c:pt>
                <c:pt idx="179">
                  <c:v>1982</c:v>
                </c:pt>
                <c:pt idx="180">
                  <c:v>1983</c:v>
                </c:pt>
                <c:pt idx="181">
                  <c:v>1984</c:v>
                </c:pt>
                <c:pt idx="182">
                  <c:v>1985</c:v>
                </c:pt>
                <c:pt idx="183">
                  <c:v>1986</c:v>
                </c:pt>
                <c:pt idx="184">
                  <c:v>1987</c:v>
                </c:pt>
                <c:pt idx="185">
                  <c:v>1988</c:v>
                </c:pt>
                <c:pt idx="186">
                  <c:v>1989</c:v>
                </c:pt>
                <c:pt idx="187">
                  <c:v>1990</c:v>
                </c:pt>
                <c:pt idx="188">
                  <c:v>1991</c:v>
                </c:pt>
                <c:pt idx="189">
                  <c:v>1992</c:v>
                </c:pt>
                <c:pt idx="190">
                  <c:v>1993</c:v>
                </c:pt>
                <c:pt idx="191">
                  <c:v>1994</c:v>
                </c:pt>
                <c:pt idx="192">
                  <c:v>1995</c:v>
                </c:pt>
                <c:pt idx="193">
                  <c:v>1996</c:v>
                </c:pt>
                <c:pt idx="194">
                  <c:v>1997</c:v>
                </c:pt>
                <c:pt idx="195">
                  <c:v>1998</c:v>
                </c:pt>
                <c:pt idx="196">
                  <c:v>1999</c:v>
                </c:pt>
                <c:pt idx="197">
                  <c:v>2000</c:v>
                </c:pt>
                <c:pt idx="198">
                  <c:v>2001</c:v>
                </c:pt>
                <c:pt idx="199">
                  <c:v>2002</c:v>
                </c:pt>
                <c:pt idx="200">
                  <c:v>2003</c:v>
                </c:pt>
                <c:pt idx="201">
                  <c:v>2004</c:v>
                </c:pt>
                <c:pt idx="202">
                  <c:v>2005</c:v>
                </c:pt>
                <c:pt idx="203">
                  <c:v>2006</c:v>
                </c:pt>
                <c:pt idx="204">
                  <c:v>2007</c:v>
                </c:pt>
                <c:pt idx="205">
                  <c:v>2008</c:v>
                </c:pt>
                <c:pt idx="206">
                  <c:v>2009</c:v>
                </c:pt>
                <c:pt idx="207">
                  <c:v>2010</c:v>
                </c:pt>
                <c:pt idx="208">
                  <c:v>2011</c:v>
                </c:pt>
                <c:pt idx="209">
                  <c:v>2012</c:v>
                </c:pt>
                <c:pt idx="210">
                  <c:v>2013</c:v>
                </c:pt>
                <c:pt idx="211">
                  <c:v>2014</c:v>
                </c:pt>
                <c:pt idx="212">
                  <c:v>2015</c:v>
                </c:pt>
                <c:pt idx="213">
                  <c:v>2016</c:v>
                </c:pt>
                <c:pt idx="214">
                  <c:v>2017</c:v>
                </c:pt>
                <c:pt idx="215">
                  <c:v>2018</c:v>
                </c:pt>
                <c:pt idx="216">
                  <c:v>2019</c:v>
                </c:pt>
                <c:pt idx="217">
                  <c:v>2020</c:v>
                </c:pt>
                <c:pt idx="218">
                  <c:v>2021</c:v>
                </c:pt>
                <c:pt idx="219">
                  <c:v>2022</c:v>
                </c:pt>
              </c:numCache>
            </c:numRef>
          </c:cat>
          <c:val>
            <c:numRef>
              <c:f>Sheet1!$F$4:$F$225</c:f>
              <c:numCache>
                <c:formatCode>\$#,##0.0000_);[Red]"($"#,##0.0000\)</c:formatCode>
                <c:ptCount val="222"/>
                <c:pt idx="0">
                  <c:v>1.158088235294118</c:v>
                </c:pt>
                <c:pt idx="1">
                  <c:v>1.0606060606060608</c:v>
                </c:pt>
                <c:pt idx="2">
                  <c:v>0.97826086956521763</c:v>
                </c:pt>
                <c:pt idx="3">
                  <c:v>1.0074626865671645</c:v>
                </c:pt>
                <c:pt idx="4">
                  <c:v>1.0511679644048946</c:v>
                </c:pt>
                <c:pt idx="5">
                  <c:v>1.1065573770491806</c:v>
                </c:pt>
                <c:pt idx="6">
                  <c:v>0.98232848232848258</c:v>
                </c:pt>
                <c:pt idx="7">
                  <c:v>1.0000000000000002</c:v>
                </c:pt>
                <c:pt idx="8">
                  <c:v>1.0430463576158946</c:v>
                </c:pt>
                <c:pt idx="9">
                  <c:v>0.97826086956521785</c:v>
                </c:pt>
                <c:pt idx="10">
                  <c:v>0.84450402144772163</c:v>
                </c:pt>
                <c:pt idx="11">
                  <c:v>0.74292452830188715</c:v>
                </c:pt>
                <c:pt idx="12">
                  <c:v>0.85597826086956552</c:v>
                </c:pt>
                <c:pt idx="13">
                  <c:v>0.97523219814241513</c:v>
                </c:pt>
                <c:pt idx="14">
                  <c:v>0.98437500000000044</c:v>
                </c:pt>
                <c:pt idx="15">
                  <c:v>1.0117773019271952</c:v>
                </c:pt>
                <c:pt idx="16">
                  <c:v>1.1157024793388433</c:v>
                </c:pt>
                <c:pt idx="17">
                  <c:v>1.2500000000000009</c:v>
                </c:pt>
                <c:pt idx="18">
                  <c:v>1.2770270270270279</c:v>
                </c:pt>
                <c:pt idx="19">
                  <c:v>1.2467018469657001</c:v>
                </c:pt>
                <c:pt idx="20">
                  <c:v>1.2352941176470595</c:v>
                </c:pt>
                <c:pt idx="21">
                  <c:v>1.30344827586207</c:v>
                </c:pt>
                <c:pt idx="22">
                  <c:v>1.2718707940780631</c:v>
                </c:pt>
                <c:pt idx="23">
                  <c:v>1.350000000000001</c:v>
                </c:pt>
                <c:pt idx="24">
                  <c:v>1.2927496580027369</c:v>
                </c:pt>
                <c:pt idx="25">
                  <c:v>1.3480741797432252</c:v>
                </c:pt>
                <c:pt idx="26">
                  <c:v>1.350000000000001</c:v>
                </c:pt>
                <c:pt idx="27">
                  <c:v>1.3815789473684221</c:v>
                </c:pt>
                <c:pt idx="28">
                  <c:v>1.3347457627118655</c:v>
                </c:pt>
                <c:pt idx="29">
                  <c:v>1.3198324022346382</c:v>
                </c:pt>
                <c:pt idx="30">
                  <c:v>1.323529411764707</c:v>
                </c:pt>
                <c:pt idx="31">
                  <c:v>1.3775510204081647</c:v>
                </c:pt>
                <c:pt idx="32">
                  <c:v>1.2718707940780631</c:v>
                </c:pt>
                <c:pt idx="33">
                  <c:v>1.1652281134401983</c:v>
                </c:pt>
                <c:pt idx="34">
                  <c:v>1.17100371747212</c:v>
                </c:pt>
                <c:pt idx="35">
                  <c:v>1.2053571428571437</c:v>
                </c:pt>
                <c:pt idx="36">
                  <c:v>1.1856963613550824</c:v>
                </c:pt>
                <c:pt idx="37">
                  <c:v>1.3272471910112367</c:v>
                </c:pt>
                <c:pt idx="38">
                  <c:v>1.3715529753265607</c:v>
                </c:pt>
                <c:pt idx="39">
                  <c:v>1.4628482972136232</c:v>
                </c:pt>
                <c:pt idx="40">
                  <c:v>1.5071770334928238</c:v>
                </c:pt>
                <c:pt idx="41">
                  <c:v>1.4881889763779537</c:v>
                </c:pt>
                <c:pt idx="42">
                  <c:v>1.4449541284403677</c:v>
                </c:pt>
                <c:pt idx="43">
                  <c:v>1.4210526315789482</c:v>
                </c:pt>
                <c:pt idx="44">
                  <c:v>1.3538681948424081</c:v>
                </c:pt>
                <c:pt idx="45">
                  <c:v>1.4493865030674853</c:v>
                </c:pt>
                <c:pt idx="46">
                  <c:v>1.4605873261205575</c:v>
                </c:pt>
                <c:pt idx="47">
                  <c:v>1.4062500000000009</c:v>
                </c:pt>
                <c:pt idx="48">
                  <c:v>1.4062500000000009</c:v>
                </c:pt>
                <c:pt idx="49">
                  <c:v>1.4062500000000009</c:v>
                </c:pt>
                <c:pt idx="50">
                  <c:v>1.4062500000000009</c:v>
                </c:pt>
                <c:pt idx="51">
                  <c:v>1.3020833333333341</c:v>
                </c:pt>
                <c:pt idx="52">
                  <c:v>1.2555803571428577</c:v>
                </c:pt>
                <c:pt idx="53">
                  <c:v>1.3020833333333339</c:v>
                </c:pt>
                <c:pt idx="54">
                  <c:v>1.2555803571428574</c:v>
                </c:pt>
                <c:pt idx="55">
                  <c:v>1.3521634615384619</c:v>
                </c:pt>
                <c:pt idx="56">
                  <c:v>1.3020833333333339</c:v>
                </c:pt>
                <c:pt idx="57">
                  <c:v>1.3020833333333339</c:v>
                </c:pt>
                <c:pt idx="58">
                  <c:v>1.3020833333333339</c:v>
                </c:pt>
                <c:pt idx="59">
                  <c:v>1.1718750000000007</c:v>
                </c:pt>
                <c:pt idx="60">
                  <c:v>0.95016891891891941</c:v>
                </c:pt>
                <c:pt idx="61">
                  <c:v>0.74800531914893642</c:v>
                </c:pt>
                <c:pt idx="62">
                  <c:v>0.76426630434782639</c:v>
                </c:pt>
                <c:pt idx="63">
                  <c:v>0.79900568181818221</c:v>
                </c:pt>
                <c:pt idx="64">
                  <c:v>0.83705357142857184</c:v>
                </c:pt>
                <c:pt idx="65">
                  <c:v>0.87890625000000033</c:v>
                </c:pt>
                <c:pt idx="66">
                  <c:v>0.87890625000000033</c:v>
                </c:pt>
                <c:pt idx="67">
                  <c:v>0.92516447368421095</c:v>
                </c:pt>
                <c:pt idx="68">
                  <c:v>0.96543197948141402</c:v>
                </c:pt>
                <c:pt idx="69">
                  <c:v>0.98704416138626694</c:v>
                </c:pt>
                <c:pt idx="70">
                  <c:v>0.9943736972381455</c:v>
                </c:pt>
                <c:pt idx="71">
                  <c:v>1.0170303131245844</c:v>
                </c:pt>
                <c:pt idx="72">
                  <c:v>1.0574854528101485</c:v>
                </c:pt>
                <c:pt idx="73">
                  <c:v>1.1012923433316775</c:v>
                </c:pt>
                <c:pt idx="74">
                  <c:v>1.1242359338177543</c:v>
                </c:pt>
                <c:pt idx="75">
                  <c:v>1.1636764606237198</c:v>
                </c:pt>
                <c:pt idx="76">
                  <c:v>1.2169447200127554</c:v>
                </c:pt>
                <c:pt idx="77">
                  <c:v>1.2222930233799518</c:v>
                </c:pt>
                <c:pt idx="78">
                  <c:v>1.2055827819799589</c:v>
                </c:pt>
                <c:pt idx="79">
                  <c:v>1.1948257644275933</c:v>
                </c:pt>
                <c:pt idx="80">
                  <c:v>1.2169447200127559</c:v>
                </c:pt>
                <c:pt idx="81">
                  <c:v>1.2628511223045398</c:v>
                </c:pt>
                <c:pt idx="82">
                  <c:v>1.2935752283212514</c:v>
                </c:pt>
                <c:pt idx="83">
                  <c:v>1.3061931947824772</c:v>
                </c:pt>
                <c:pt idx="84">
                  <c:v>1.3061931947824772</c:v>
                </c:pt>
                <c:pt idx="85">
                  <c:v>1.2935752283212514</c:v>
                </c:pt>
                <c:pt idx="86">
                  <c:v>1.2811987112536845</c:v>
                </c:pt>
                <c:pt idx="87">
                  <c:v>1.2871280751719107</c:v>
                </c:pt>
                <c:pt idx="88">
                  <c:v>1.2935752283212514</c:v>
                </c:pt>
                <c:pt idx="89">
                  <c:v>1.2935752283212514</c:v>
                </c:pt>
                <c:pt idx="90">
                  <c:v>1.3005549507762217</c:v>
                </c:pt>
                <c:pt idx="91">
                  <c:v>1.3376036859629659</c:v>
                </c:pt>
                <c:pt idx="92">
                  <c:v>1.3847348767360772</c:v>
                </c:pt>
                <c:pt idx="93">
                  <c:v>1.4013731640146889</c:v>
                </c:pt>
                <c:pt idx="94">
                  <c:v>1.4095683287165295</c:v>
                </c:pt>
                <c:pt idx="95">
                  <c:v>1.4184161487477043</c:v>
                </c:pt>
                <c:pt idx="96">
                  <c:v>1.4184161487477043</c:v>
                </c:pt>
                <c:pt idx="97">
                  <c:v>1.4095683287165295</c:v>
                </c:pt>
                <c:pt idx="98">
                  <c:v>1.3932727411013097</c:v>
                </c:pt>
                <c:pt idx="99">
                  <c:v>1.3768251192528171</c:v>
                </c:pt>
                <c:pt idx="100">
                  <c:v>1.3531222916010097</c:v>
                </c:pt>
                <c:pt idx="101">
                  <c:v>1.3302217671662611</c:v>
                </c:pt>
                <c:pt idx="102">
                  <c:v>1.3302217671662611</c:v>
                </c:pt>
                <c:pt idx="103">
                  <c:v>1.321470308171746</c:v>
                </c:pt>
                <c:pt idx="104">
                  <c:v>1.2793852665102252</c:v>
                </c:pt>
                <c:pt idx="105">
                  <c:v>1.2659463456435214</c:v>
                </c:pt>
                <c:pt idx="106">
                  <c:v>1.2866700224761198</c:v>
                </c:pt>
                <c:pt idx="107">
                  <c:v>1.2659463456435214</c:v>
                </c:pt>
                <c:pt idx="108">
                  <c:v>1.239048239601747</c:v>
                </c:pt>
                <c:pt idx="109">
                  <c:v>1.2260233174492701</c:v>
                </c:pt>
                <c:pt idx="110">
                  <c:v>1.2011769977268758</c:v>
                </c:pt>
                <c:pt idx="111">
                  <c:v>1.1892841561652236</c:v>
                </c:pt>
                <c:pt idx="112">
                  <c:v>1.1661912599290059</c:v>
                </c:pt>
                <c:pt idx="113">
                  <c:v>1.0354974118335138</c:v>
                </c:pt>
                <c:pt idx="114">
                  <c:v>0.87677153118750073</c:v>
                </c:pt>
                <c:pt idx="115">
                  <c:v>0.72798605922840964</c:v>
                </c:pt>
                <c:pt idx="116">
                  <c:v>0.6355433850406752</c:v>
                </c:pt>
                <c:pt idx="117">
                  <c:v>0.61916340089014232</c:v>
                </c:pt>
                <c:pt idx="118">
                  <c:v>0.69432196400397461</c:v>
                </c:pt>
                <c:pt idx="119">
                  <c:v>0.71075561995673142</c:v>
                </c:pt>
                <c:pt idx="120">
                  <c:v>0.6943219640039745</c:v>
                </c:pt>
                <c:pt idx="121">
                  <c:v>0.6943219640039745</c:v>
                </c:pt>
                <c:pt idx="122">
                  <c:v>0.67104860208205375</c:v>
                </c:pt>
                <c:pt idx="123">
                  <c:v>0.67863107216207685</c:v>
                </c:pt>
                <c:pt idx="124">
                  <c:v>0.6943219640039745</c:v>
                </c:pt>
                <c:pt idx="125">
                  <c:v>0.70244268872916715</c:v>
                </c:pt>
                <c:pt idx="126">
                  <c:v>0.69835871960864881</c:v>
                </c:pt>
                <c:pt idx="127">
                  <c:v>0.74607266939557504</c:v>
                </c:pt>
                <c:pt idx="128">
                  <c:v>0.82272397104580552</c:v>
                </c:pt>
                <c:pt idx="129">
                  <c:v>0.91692900589837856</c:v>
                </c:pt>
                <c:pt idx="130">
                  <c:v>0.90998257403551208</c:v>
                </c:pt>
                <c:pt idx="131">
                  <c:v>0.89640074457229557</c:v>
                </c:pt>
                <c:pt idx="132">
                  <c:v>0.87041811429483773</c:v>
                </c:pt>
                <c:pt idx="133">
                  <c:v>0.85798356980491153</c:v>
                </c:pt>
                <c:pt idx="134">
                  <c:v>0.83415069286588617</c:v>
                </c:pt>
                <c:pt idx="135">
                  <c:v>0.85798356980491153</c:v>
                </c:pt>
                <c:pt idx="136">
                  <c:v>0.85798356980491153</c:v>
                </c:pt>
                <c:pt idx="137">
                  <c:v>0.85189857994813911</c:v>
                </c:pt>
                <c:pt idx="138">
                  <c:v>0.77495290175927511</c:v>
                </c:pt>
                <c:pt idx="139">
                  <c:v>0.71075561995673153</c:v>
                </c:pt>
                <c:pt idx="140">
                  <c:v>0.69033160788900938</c:v>
                </c:pt>
                <c:pt idx="141">
                  <c:v>0.67481853804880687</c:v>
                </c:pt>
                <c:pt idx="142">
                  <c:v>0.65998736138839353</c:v>
                </c:pt>
                <c:pt idx="143">
                  <c:v>0.55868697568691916</c:v>
                </c:pt>
                <c:pt idx="144">
                  <c:v>0.51332350330208387</c:v>
                </c:pt>
                <c:pt idx="145">
                  <c:v>0.49841369200285318</c:v>
                </c:pt>
                <c:pt idx="146">
                  <c:v>0.50897330412155772</c:v>
                </c:pt>
                <c:pt idx="147">
                  <c:v>0.48047079909075058</c:v>
                </c:pt>
                <c:pt idx="148">
                  <c:v>0.45327433876485895</c:v>
                </c:pt>
                <c:pt idx="149">
                  <c:v>0.44987902536587127</c:v>
                </c:pt>
                <c:pt idx="150">
                  <c:v>0.44653419989846704</c:v>
                </c:pt>
                <c:pt idx="151">
                  <c:v>0.44987902536587127</c:v>
                </c:pt>
                <c:pt idx="152">
                  <c:v>0.4482003722861479</c:v>
                </c:pt>
                <c:pt idx="153">
                  <c:v>0.43520905714741892</c:v>
                </c:pt>
                <c:pt idx="154">
                  <c:v>0.42294964708692834</c:v>
                </c:pt>
                <c:pt idx="155">
                  <c:v>0.41563217914424788</c:v>
                </c:pt>
                <c:pt idx="156">
                  <c:v>0.40856360466900554</c:v>
                </c:pt>
                <c:pt idx="157">
                  <c:v>0.40307952943854913</c:v>
                </c:pt>
                <c:pt idx="158">
                  <c:v>0.40039233257562545</c:v>
                </c:pt>
                <c:pt idx="159">
                  <c:v>0.39512401241015671</c:v>
                </c:pt>
                <c:pt idx="160">
                  <c:v>0.3887304199763354</c:v>
                </c:pt>
                <c:pt idx="161">
                  <c:v>0.38499262747656293</c:v>
                </c:pt>
                <c:pt idx="162">
                  <c:v>0.37772861563738253</c:v>
                </c:pt>
                <c:pt idx="163">
                  <c:v>0.36509939140634545</c:v>
                </c:pt>
                <c:pt idx="164">
                  <c:v>0.35432949785453588</c:v>
                </c:pt>
                <c:pt idx="165">
                  <c:v>0.33835971766954265</c:v>
                </c:pt>
                <c:pt idx="166">
                  <c:v>0.31861458825646588</c:v>
                </c:pt>
                <c:pt idx="167">
                  <c:v>0.30180326576052174</c:v>
                </c:pt>
                <c:pt idx="168">
                  <c:v>0.29225717706250032</c:v>
                </c:pt>
                <c:pt idx="169">
                  <c:v>0.28262988181808857</c:v>
                </c:pt>
                <c:pt idx="170">
                  <c:v>0.25999502115300355</c:v>
                </c:pt>
                <c:pt idx="171">
                  <c:v>0.2314406546679916</c:v>
                </c:pt>
                <c:pt idx="172">
                  <c:v>0.21642828787871646</c:v>
                </c:pt>
                <c:pt idx="173">
                  <c:v>0.20638780029671416</c:v>
                </c:pt>
                <c:pt idx="174">
                  <c:v>0.1934262476210751</c:v>
                </c:pt>
                <c:pt idx="175">
                  <c:v>0.17742643984148837</c:v>
                </c:pt>
                <c:pt idx="176">
                  <c:v>0.15660717049894088</c:v>
                </c:pt>
                <c:pt idx="177">
                  <c:v>0.13918621062883854</c:v>
                </c:pt>
                <c:pt idx="178">
                  <c:v>0.1277847869922209</c:v>
                </c:pt>
                <c:pt idx="179">
                  <c:v>0.12307141370152423</c:v>
                </c:pt>
                <c:pt idx="180">
                  <c:v>0.11857620905497299</c:v>
                </c:pt>
                <c:pt idx="181">
                  <c:v>0.11407188962268532</c:v>
                </c:pt>
                <c:pt idx="182">
                  <c:v>0.10989725505277917</c:v>
                </c:pt>
                <c:pt idx="183">
                  <c:v>0.10870380069926483</c:v>
                </c:pt>
                <c:pt idx="184">
                  <c:v>0.10408812805258894</c:v>
                </c:pt>
                <c:pt idx="185">
                  <c:v>9.9682738400570667E-2</c:v>
                </c:pt>
                <c:pt idx="186">
                  <c:v>9.5255907829252681E-2</c:v>
                </c:pt>
                <c:pt idx="187">
                  <c:v>8.9774065599916006E-2</c:v>
                </c:pt>
                <c:pt idx="188">
                  <c:v>8.7104930944661055E-2</c:v>
                </c:pt>
                <c:pt idx="189">
                  <c:v>8.464954177074531E-2</c:v>
                </c:pt>
                <c:pt idx="190">
                  <c:v>8.2385253616383811E-2</c:v>
                </c:pt>
                <c:pt idx="191">
                  <c:v>8.0238944403932949E-2</c:v>
                </c:pt>
                <c:pt idx="192">
                  <c:v>7.8252573141816023E-2</c:v>
                </c:pt>
                <c:pt idx="193">
                  <c:v>7.5736254585553345E-2</c:v>
                </c:pt>
                <c:pt idx="194">
                  <c:v>7.4468505748721381E-2</c:v>
                </c:pt>
                <c:pt idx="195">
                  <c:v>7.3287187170645265E-2</c:v>
                </c:pt>
                <c:pt idx="196">
                  <c:v>7.1371182277295067E-2</c:v>
                </c:pt>
                <c:pt idx="197">
                  <c:v>6.9033160788900927E-2</c:v>
                </c:pt>
                <c:pt idx="198">
                  <c:v>6.797832471572586E-2</c:v>
                </c:pt>
                <c:pt idx="199">
                  <c:v>6.6400055153503376E-2</c:v>
                </c:pt>
                <c:pt idx="200">
                  <c:v>6.5175094830541291E-2</c:v>
                </c:pt>
                <c:pt idx="201">
                  <c:v>6.3120178545815864E-2</c:v>
                </c:pt>
                <c:pt idx="202">
                  <c:v>6.1035416551162402E-2</c:v>
                </c:pt>
                <c:pt idx="203">
                  <c:v>5.952314161183727E-2</c:v>
                </c:pt>
                <c:pt idx="204">
                  <c:v>5.7189100807808001E-2</c:v>
                </c:pt>
                <c:pt idx="205">
                  <c:v>5.7136870337294567E-2</c:v>
                </c:pt>
                <c:pt idx="206">
                  <c:v>5.5623179441760609E-2</c:v>
                </c:pt>
                <c:pt idx="207">
                  <c:v>5.4803487951473294E-2</c:v>
                </c:pt>
                <c:pt idx="208">
                  <c:v>5.3226693303651859E-2</c:v>
                </c:pt>
                <c:pt idx="209">
                  <c:v>5.2315835508525282E-2</c:v>
                </c:pt>
                <c:pt idx="210">
                  <c:v>5.1538997296417713E-2</c:v>
                </c:pt>
                <c:pt idx="211">
                  <c:v>5.1152038415949785E-2</c:v>
                </c:pt>
                <c:pt idx="212">
                  <c:v>5.0781587076687985E-2</c:v>
                </c:pt>
                <c:pt idx="213">
                  <c:v>4.9749473631249194E-2</c:v>
                </c:pt>
                <c:pt idx="214">
                  <c:v>4.8721888565506771E-2</c:v>
                </c:pt>
                <c:pt idx="215">
                  <c:v>4.7808668425418616E-2</c:v>
                </c:pt>
                <c:pt idx="216">
                  <c:v>4.6740586152110818E-2</c:v>
                </c:pt>
                <c:pt idx="217">
                  <c:v>4.6141855696543776E-2</c:v>
                </c:pt>
                <c:pt idx="218">
                  <c:v>4.3082965169508658E-2</c:v>
                </c:pt>
                <c:pt idx="219">
                  <c:v>4.049150861795927E-2</c:v>
                </c:pt>
              </c:numCache>
            </c:numRef>
          </c:val>
          <c:smooth val="0"/>
          <c:extLst>
            <c:ext xmlns:c16="http://schemas.microsoft.com/office/drawing/2014/chart" uri="{C3380CC4-5D6E-409C-BE32-E72D297353CC}">
              <c16:uniqueId val="{0000000E-58FF-4DAC-A024-7CAF49B1BABE}"/>
            </c:ext>
          </c:extLst>
        </c:ser>
        <c:ser>
          <c:idx val="4"/>
          <c:order val="5"/>
          <c:tx>
            <c:strRef>
              <c:f>Sheet1!$G$1</c:f>
              <c:strCache>
                <c:ptCount val="1"/>
                <c:pt idx="0">
                  <c:v>Trendline</c:v>
                </c:pt>
              </c:strCache>
            </c:strRef>
          </c:tx>
          <c:spPr>
            <a:ln w="34238">
              <a:solidFill>
                <a:srgbClr val="FF0000"/>
              </a:solidFill>
              <a:prstDash val="solid"/>
            </a:ln>
          </c:spPr>
          <c:marker>
            <c:symbol val="none"/>
          </c:marker>
          <c:cat>
            <c:numRef>
              <c:f>Sheet1!$A$4:$A$225</c:f>
              <c:numCache>
                <c:formatCode>General</c:formatCode>
                <c:ptCount val="222"/>
                <c:pt idx="0">
                  <c:v>1803</c:v>
                </c:pt>
                <c:pt idx="1">
                  <c:v>1804</c:v>
                </c:pt>
                <c:pt idx="2">
                  <c:v>1805</c:v>
                </c:pt>
                <c:pt idx="3">
                  <c:v>1806</c:v>
                </c:pt>
                <c:pt idx="4">
                  <c:v>1807</c:v>
                </c:pt>
                <c:pt idx="5">
                  <c:v>1808</c:v>
                </c:pt>
                <c:pt idx="6">
                  <c:v>1809</c:v>
                </c:pt>
                <c:pt idx="7">
                  <c:v>1810</c:v>
                </c:pt>
                <c:pt idx="8">
                  <c:v>1811</c:v>
                </c:pt>
                <c:pt idx="9">
                  <c:v>1812</c:v>
                </c:pt>
                <c:pt idx="10">
                  <c:v>1813</c:v>
                </c:pt>
                <c:pt idx="11">
                  <c:v>1814</c:v>
                </c:pt>
                <c:pt idx="12">
                  <c:v>1815</c:v>
                </c:pt>
                <c:pt idx="13">
                  <c:v>1816</c:v>
                </c:pt>
                <c:pt idx="14">
                  <c:v>1817</c:v>
                </c:pt>
                <c:pt idx="15">
                  <c:v>1818</c:v>
                </c:pt>
                <c:pt idx="16">
                  <c:v>1819</c:v>
                </c:pt>
                <c:pt idx="17">
                  <c:v>1820</c:v>
                </c:pt>
                <c:pt idx="18">
                  <c:v>1821</c:v>
                </c:pt>
                <c:pt idx="19">
                  <c:v>1822</c:v>
                </c:pt>
                <c:pt idx="20">
                  <c:v>1823</c:v>
                </c:pt>
                <c:pt idx="21">
                  <c:v>1824</c:v>
                </c:pt>
                <c:pt idx="22">
                  <c:v>1825</c:v>
                </c:pt>
                <c:pt idx="23">
                  <c:v>1826</c:v>
                </c:pt>
                <c:pt idx="24">
                  <c:v>1827</c:v>
                </c:pt>
                <c:pt idx="25">
                  <c:v>1828</c:v>
                </c:pt>
                <c:pt idx="26">
                  <c:v>1829</c:v>
                </c:pt>
                <c:pt idx="27">
                  <c:v>1830</c:v>
                </c:pt>
                <c:pt idx="28">
                  <c:v>1831</c:v>
                </c:pt>
                <c:pt idx="29">
                  <c:v>1832</c:v>
                </c:pt>
                <c:pt idx="30">
                  <c:v>1833</c:v>
                </c:pt>
                <c:pt idx="31">
                  <c:v>1834</c:v>
                </c:pt>
                <c:pt idx="32">
                  <c:v>1835</c:v>
                </c:pt>
                <c:pt idx="33">
                  <c:v>1836</c:v>
                </c:pt>
                <c:pt idx="34">
                  <c:v>1837</c:v>
                </c:pt>
                <c:pt idx="35">
                  <c:v>1838</c:v>
                </c:pt>
                <c:pt idx="36">
                  <c:v>1839</c:v>
                </c:pt>
                <c:pt idx="37">
                  <c:v>1840</c:v>
                </c:pt>
                <c:pt idx="38">
                  <c:v>1841</c:v>
                </c:pt>
                <c:pt idx="39">
                  <c:v>1842</c:v>
                </c:pt>
                <c:pt idx="40">
                  <c:v>1843</c:v>
                </c:pt>
                <c:pt idx="41">
                  <c:v>1844</c:v>
                </c:pt>
                <c:pt idx="42">
                  <c:v>1845</c:v>
                </c:pt>
                <c:pt idx="43">
                  <c:v>1846</c:v>
                </c:pt>
                <c:pt idx="44">
                  <c:v>1847</c:v>
                </c:pt>
                <c:pt idx="45">
                  <c:v>1848</c:v>
                </c:pt>
                <c:pt idx="46">
                  <c:v>1849</c:v>
                </c:pt>
                <c:pt idx="47">
                  <c:v>1850</c:v>
                </c:pt>
                <c:pt idx="48">
                  <c:v>1851</c:v>
                </c:pt>
                <c:pt idx="49">
                  <c:v>1852</c:v>
                </c:pt>
                <c:pt idx="50">
                  <c:v>1853</c:v>
                </c:pt>
                <c:pt idx="51">
                  <c:v>1854</c:v>
                </c:pt>
                <c:pt idx="52">
                  <c:v>1855</c:v>
                </c:pt>
                <c:pt idx="53">
                  <c:v>1856</c:v>
                </c:pt>
                <c:pt idx="54">
                  <c:v>1857</c:v>
                </c:pt>
                <c:pt idx="55">
                  <c:v>1858</c:v>
                </c:pt>
                <c:pt idx="56">
                  <c:v>1859</c:v>
                </c:pt>
                <c:pt idx="57">
                  <c:v>1860</c:v>
                </c:pt>
                <c:pt idx="58">
                  <c:v>1861</c:v>
                </c:pt>
                <c:pt idx="59">
                  <c:v>1862</c:v>
                </c:pt>
                <c:pt idx="60">
                  <c:v>1863</c:v>
                </c:pt>
                <c:pt idx="61">
                  <c:v>1864</c:v>
                </c:pt>
                <c:pt idx="62">
                  <c:v>1865</c:v>
                </c:pt>
                <c:pt idx="63">
                  <c:v>1866</c:v>
                </c:pt>
                <c:pt idx="64">
                  <c:v>1867</c:v>
                </c:pt>
                <c:pt idx="65">
                  <c:v>1868</c:v>
                </c:pt>
                <c:pt idx="66">
                  <c:v>1869</c:v>
                </c:pt>
                <c:pt idx="67">
                  <c:v>1870</c:v>
                </c:pt>
                <c:pt idx="68">
                  <c:v>1871</c:v>
                </c:pt>
                <c:pt idx="69">
                  <c:v>1872</c:v>
                </c:pt>
                <c:pt idx="70">
                  <c:v>1873</c:v>
                </c:pt>
                <c:pt idx="71">
                  <c:v>1874</c:v>
                </c:pt>
                <c:pt idx="72">
                  <c:v>1875</c:v>
                </c:pt>
                <c:pt idx="73">
                  <c:v>1876</c:v>
                </c:pt>
                <c:pt idx="74">
                  <c:v>1877</c:v>
                </c:pt>
                <c:pt idx="75">
                  <c:v>1878</c:v>
                </c:pt>
                <c:pt idx="76">
                  <c:v>1879</c:v>
                </c:pt>
                <c:pt idx="77">
                  <c:v>1880</c:v>
                </c:pt>
                <c:pt idx="78">
                  <c:v>1881</c:v>
                </c:pt>
                <c:pt idx="79">
                  <c:v>1882</c:v>
                </c:pt>
                <c:pt idx="80">
                  <c:v>1883</c:v>
                </c:pt>
                <c:pt idx="81">
                  <c:v>1884</c:v>
                </c:pt>
                <c:pt idx="82">
                  <c:v>1885</c:v>
                </c:pt>
                <c:pt idx="83">
                  <c:v>1886</c:v>
                </c:pt>
                <c:pt idx="84">
                  <c:v>1887</c:v>
                </c:pt>
                <c:pt idx="85">
                  <c:v>1888</c:v>
                </c:pt>
                <c:pt idx="86">
                  <c:v>1889</c:v>
                </c:pt>
                <c:pt idx="87">
                  <c:v>1890</c:v>
                </c:pt>
                <c:pt idx="88">
                  <c:v>1891</c:v>
                </c:pt>
                <c:pt idx="89">
                  <c:v>1892</c:v>
                </c:pt>
                <c:pt idx="90">
                  <c:v>1893</c:v>
                </c:pt>
                <c:pt idx="91">
                  <c:v>1894</c:v>
                </c:pt>
                <c:pt idx="92">
                  <c:v>1895</c:v>
                </c:pt>
                <c:pt idx="93">
                  <c:v>1896</c:v>
                </c:pt>
                <c:pt idx="94">
                  <c:v>1897</c:v>
                </c:pt>
                <c:pt idx="95">
                  <c:v>1898</c:v>
                </c:pt>
                <c:pt idx="96">
                  <c:v>1899</c:v>
                </c:pt>
                <c:pt idx="97">
                  <c:v>1900</c:v>
                </c:pt>
                <c:pt idx="98">
                  <c:v>1901</c:v>
                </c:pt>
                <c:pt idx="99">
                  <c:v>1902</c:v>
                </c:pt>
                <c:pt idx="100">
                  <c:v>1903</c:v>
                </c:pt>
                <c:pt idx="101">
                  <c:v>1904</c:v>
                </c:pt>
                <c:pt idx="102">
                  <c:v>1905</c:v>
                </c:pt>
                <c:pt idx="103">
                  <c:v>1906</c:v>
                </c:pt>
                <c:pt idx="104">
                  <c:v>1907</c:v>
                </c:pt>
                <c:pt idx="105">
                  <c:v>1908</c:v>
                </c:pt>
                <c:pt idx="106">
                  <c:v>1909</c:v>
                </c:pt>
                <c:pt idx="107">
                  <c:v>1910</c:v>
                </c:pt>
                <c:pt idx="108">
                  <c:v>1911</c:v>
                </c:pt>
                <c:pt idx="109">
                  <c:v>1912</c:v>
                </c:pt>
                <c:pt idx="110">
                  <c:v>1913</c:v>
                </c:pt>
                <c:pt idx="111">
                  <c:v>1914</c:v>
                </c:pt>
                <c:pt idx="112">
                  <c:v>1915</c:v>
                </c:pt>
                <c:pt idx="113">
                  <c:v>1916</c:v>
                </c:pt>
                <c:pt idx="114">
                  <c:v>1917</c:v>
                </c:pt>
                <c:pt idx="115">
                  <c:v>1918</c:v>
                </c:pt>
                <c:pt idx="116">
                  <c:v>1919</c:v>
                </c:pt>
                <c:pt idx="117">
                  <c:v>1920</c:v>
                </c:pt>
                <c:pt idx="118">
                  <c:v>1921</c:v>
                </c:pt>
                <c:pt idx="119">
                  <c:v>1922</c:v>
                </c:pt>
                <c:pt idx="120">
                  <c:v>1923</c:v>
                </c:pt>
                <c:pt idx="121">
                  <c:v>1924</c:v>
                </c:pt>
                <c:pt idx="122">
                  <c:v>1925</c:v>
                </c:pt>
                <c:pt idx="123">
                  <c:v>1926</c:v>
                </c:pt>
                <c:pt idx="124">
                  <c:v>1927</c:v>
                </c:pt>
                <c:pt idx="125">
                  <c:v>1928</c:v>
                </c:pt>
                <c:pt idx="126">
                  <c:v>1929</c:v>
                </c:pt>
                <c:pt idx="127">
                  <c:v>1930</c:v>
                </c:pt>
                <c:pt idx="128">
                  <c:v>1931</c:v>
                </c:pt>
                <c:pt idx="129">
                  <c:v>1932</c:v>
                </c:pt>
                <c:pt idx="130">
                  <c:v>1933</c:v>
                </c:pt>
                <c:pt idx="131">
                  <c:v>1934</c:v>
                </c:pt>
                <c:pt idx="132">
                  <c:v>1935</c:v>
                </c:pt>
                <c:pt idx="133">
                  <c:v>1936</c:v>
                </c:pt>
                <c:pt idx="134">
                  <c:v>1937</c:v>
                </c:pt>
                <c:pt idx="135">
                  <c:v>1938</c:v>
                </c:pt>
                <c:pt idx="136">
                  <c:v>1939</c:v>
                </c:pt>
                <c:pt idx="137">
                  <c:v>1940</c:v>
                </c:pt>
                <c:pt idx="138">
                  <c:v>1941</c:v>
                </c:pt>
                <c:pt idx="139">
                  <c:v>1942</c:v>
                </c:pt>
                <c:pt idx="140">
                  <c:v>1943</c:v>
                </c:pt>
                <c:pt idx="141">
                  <c:v>1944</c:v>
                </c:pt>
                <c:pt idx="142">
                  <c:v>1945</c:v>
                </c:pt>
                <c:pt idx="143">
                  <c:v>1946</c:v>
                </c:pt>
                <c:pt idx="144">
                  <c:v>1947</c:v>
                </c:pt>
                <c:pt idx="145">
                  <c:v>1948</c:v>
                </c:pt>
                <c:pt idx="146">
                  <c:v>1949</c:v>
                </c:pt>
                <c:pt idx="147">
                  <c:v>1950</c:v>
                </c:pt>
                <c:pt idx="148">
                  <c:v>1951</c:v>
                </c:pt>
                <c:pt idx="149">
                  <c:v>1952</c:v>
                </c:pt>
                <c:pt idx="150">
                  <c:v>1953</c:v>
                </c:pt>
                <c:pt idx="151">
                  <c:v>1954</c:v>
                </c:pt>
                <c:pt idx="152">
                  <c:v>1955</c:v>
                </c:pt>
                <c:pt idx="153">
                  <c:v>1956</c:v>
                </c:pt>
                <c:pt idx="154">
                  <c:v>1957</c:v>
                </c:pt>
                <c:pt idx="155">
                  <c:v>1958</c:v>
                </c:pt>
                <c:pt idx="156">
                  <c:v>1959</c:v>
                </c:pt>
                <c:pt idx="157">
                  <c:v>1960</c:v>
                </c:pt>
                <c:pt idx="158">
                  <c:v>1961</c:v>
                </c:pt>
                <c:pt idx="159">
                  <c:v>1962</c:v>
                </c:pt>
                <c:pt idx="160">
                  <c:v>1963</c:v>
                </c:pt>
                <c:pt idx="161">
                  <c:v>1964</c:v>
                </c:pt>
                <c:pt idx="162">
                  <c:v>1965</c:v>
                </c:pt>
                <c:pt idx="163">
                  <c:v>1966</c:v>
                </c:pt>
                <c:pt idx="164">
                  <c:v>1967</c:v>
                </c:pt>
                <c:pt idx="165">
                  <c:v>1968</c:v>
                </c:pt>
                <c:pt idx="166">
                  <c:v>1969</c:v>
                </c:pt>
                <c:pt idx="167">
                  <c:v>1970</c:v>
                </c:pt>
                <c:pt idx="168">
                  <c:v>1971</c:v>
                </c:pt>
                <c:pt idx="169">
                  <c:v>1972</c:v>
                </c:pt>
                <c:pt idx="170">
                  <c:v>1973</c:v>
                </c:pt>
                <c:pt idx="171">
                  <c:v>1974</c:v>
                </c:pt>
                <c:pt idx="172">
                  <c:v>1975</c:v>
                </c:pt>
                <c:pt idx="173">
                  <c:v>1976</c:v>
                </c:pt>
                <c:pt idx="174">
                  <c:v>1977</c:v>
                </c:pt>
                <c:pt idx="175">
                  <c:v>1978</c:v>
                </c:pt>
                <c:pt idx="176">
                  <c:v>1979</c:v>
                </c:pt>
                <c:pt idx="177">
                  <c:v>1980</c:v>
                </c:pt>
                <c:pt idx="178">
                  <c:v>1981</c:v>
                </c:pt>
                <c:pt idx="179">
                  <c:v>1982</c:v>
                </c:pt>
                <c:pt idx="180">
                  <c:v>1983</c:v>
                </c:pt>
                <c:pt idx="181">
                  <c:v>1984</c:v>
                </c:pt>
                <c:pt idx="182">
                  <c:v>1985</c:v>
                </c:pt>
                <c:pt idx="183">
                  <c:v>1986</c:v>
                </c:pt>
                <c:pt idx="184">
                  <c:v>1987</c:v>
                </c:pt>
                <c:pt idx="185">
                  <c:v>1988</c:v>
                </c:pt>
                <c:pt idx="186">
                  <c:v>1989</c:v>
                </c:pt>
                <c:pt idx="187">
                  <c:v>1990</c:v>
                </c:pt>
                <c:pt idx="188">
                  <c:v>1991</c:v>
                </c:pt>
                <c:pt idx="189">
                  <c:v>1992</c:v>
                </c:pt>
                <c:pt idx="190">
                  <c:v>1993</c:v>
                </c:pt>
                <c:pt idx="191">
                  <c:v>1994</c:v>
                </c:pt>
                <c:pt idx="192">
                  <c:v>1995</c:v>
                </c:pt>
                <c:pt idx="193">
                  <c:v>1996</c:v>
                </c:pt>
                <c:pt idx="194">
                  <c:v>1997</c:v>
                </c:pt>
                <c:pt idx="195">
                  <c:v>1998</c:v>
                </c:pt>
                <c:pt idx="196">
                  <c:v>1999</c:v>
                </c:pt>
                <c:pt idx="197">
                  <c:v>2000</c:v>
                </c:pt>
                <c:pt idx="198">
                  <c:v>2001</c:v>
                </c:pt>
                <c:pt idx="199">
                  <c:v>2002</c:v>
                </c:pt>
                <c:pt idx="200">
                  <c:v>2003</c:v>
                </c:pt>
                <c:pt idx="201">
                  <c:v>2004</c:v>
                </c:pt>
                <c:pt idx="202">
                  <c:v>2005</c:v>
                </c:pt>
                <c:pt idx="203">
                  <c:v>2006</c:v>
                </c:pt>
                <c:pt idx="204">
                  <c:v>2007</c:v>
                </c:pt>
                <c:pt idx="205">
                  <c:v>2008</c:v>
                </c:pt>
                <c:pt idx="206">
                  <c:v>2009</c:v>
                </c:pt>
                <c:pt idx="207">
                  <c:v>2010</c:v>
                </c:pt>
                <c:pt idx="208">
                  <c:v>2011</c:v>
                </c:pt>
                <c:pt idx="209">
                  <c:v>2012</c:v>
                </c:pt>
                <c:pt idx="210">
                  <c:v>2013</c:v>
                </c:pt>
                <c:pt idx="211">
                  <c:v>2014</c:v>
                </c:pt>
                <c:pt idx="212">
                  <c:v>2015</c:v>
                </c:pt>
                <c:pt idx="213">
                  <c:v>2016</c:v>
                </c:pt>
                <c:pt idx="214">
                  <c:v>2017</c:v>
                </c:pt>
                <c:pt idx="215">
                  <c:v>2018</c:v>
                </c:pt>
                <c:pt idx="216">
                  <c:v>2019</c:v>
                </c:pt>
                <c:pt idx="217">
                  <c:v>2020</c:v>
                </c:pt>
                <c:pt idx="218">
                  <c:v>2021</c:v>
                </c:pt>
                <c:pt idx="219">
                  <c:v>2022</c:v>
                </c:pt>
              </c:numCache>
            </c:numRef>
          </c:cat>
          <c:val>
            <c:numRef>
              <c:f>Sheet1!$G$4:$G$225</c:f>
              <c:numCache>
                <c:formatCode>\$#,##0.00_);[Red]"($"#,##0.00\)</c:formatCode>
                <c:ptCount val="222"/>
                <c:pt idx="0">
                  <c:v>0.9317262933210585</c:v>
                </c:pt>
                <c:pt idx="1">
                  <c:v>0.99499637591950307</c:v>
                </c:pt>
                <c:pt idx="2">
                  <c:v>1.0625628955517736</c:v>
                </c:pt>
                <c:pt idx="3">
                  <c:v>1.13471760734806</c:v>
                </c:pt>
                <c:pt idx="4">
                  <c:v>1.211772078449137</c:v>
                </c:pt>
                <c:pt idx="5">
                  <c:v>1.294059033366644</c:v>
                </c:pt>
                <c:pt idx="6">
                  <c:v>1.3819337907017983</c:v>
                </c:pt>
                <c:pt idx="7">
                  <c:v>1.4757757974263588</c:v>
                </c:pt>
                <c:pt idx="8">
                  <c:v>1.5759902673509252</c:v>
                </c:pt>
                <c:pt idx="9">
                  <c:v>1.6830099308555575</c:v>
                </c:pt>
                <c:pt idx="10">
                  <c:v>1.7972969034381172</c:v>
                </c:pt>
                <c:pt idx="11">
                  <c:v>1.919344681148812</c:v>
                </c:pt>
                <c:pt idx="12">
                  <c:v>2.0496802715273108</c:v>
                </c:pt>
                <c:pt idx="13">
                  <c:v>2.1888664692439064</c:v>
                </c:pt>
                <c:pt idx="14">
                  <c:v>2.3375042862710429</c:v>
                </c:pt>
                <c:pt idx="15">
                  <c:v>2.4962355470787974</c:v>
                </c:pt>
                <c:pt idx="16">
                  <c:v>2.6657456600604714</c:v>
                </c:pt>
                <c:pt idx="17">
                  <c:v>2.8467665771554373</c:v>
                </c:pt>
                <c:pt idx="18">
                  <c:v>3.04007995444901</c:v>
                </c:pt>
                <c:pt idx="19">
                  <c:v>3.2465205273969557</c:v>
                </c:pt>
                <c:pt idx="20">
                  <c:v>3.4669797152489941</c:v>
                </c:pt>
                <c:pt idx="21">
                  <c:v>3.7024094702353647</c:v>
                </c:pt>
                <c:pt idx="22">
                  <c:v>3.9538263881373865</c:v>
                </c:pt>
                <c:pt idx="23">
                  <c:v>4.2223160979916523</c:v>
                </c:pt>
                <c:pt idx="24">
                  <c:v>4.5090379498827851</c:v>
                </c:pt>
                <c:pt idx="25">
                  <c:v>4.8152300210668271</c:v>
                </c:pt>
                <c:pt idx="26">
                  <c:v>5.1422144620419488</c:v>
                </c:pt>
                <c:pt idx="27">
                  <c:v>5.4914032056510118</c:v>
                </c:pt>
                <c:pt idx="28">
                  <c:v>5.8643040638681576</c:v>
                </c:pt>
                <c:pt idx="29">
                  <c:v>6.2625272385955872</c:v>
                </c:pt>
                <c:pt idx="30">
                  <c:v>6.6877922745844538</c:v>
                </c:pt>
                <c:pt idx="31">
                  <c:v>7.141935484502854</c:v>
                </c:pt>
                <c:pt idx="32">
                  <c:v>7.6269178782127103</c:v>
                </c:pt>
                <c:pt idx="33">
                  <c:v>8.1448336304944675</c:v>
                </c:pt>
                <c:pt idx="34">
                  <c:v>8.6979191237836453</c:v>
                </c:pt>
                <c:pt idx="35">
                  <c:v>9.2885626049661081</c:v>
                </c:pt>
                <c:pt idx="36">
                  <c:v>9.9193144979305821</c:v>
                </c:pt>
                <c:pt idx="37">
                  <c:v>10.592898416408403</c:v>
                </c:pt>
                <c:pt idx="38">
                  <c:v>11.312222924654462</c:v>
                </c:pt>
                <c:pt idx="39">
                  <c:v>12.080394096752403</c:v>
                </c:pt>
                <c:pt idx="40">
                  <c:v>12.900728928775772</c:v>
                </c:pt>
                <c:pt idx="41">
                  <c:v>13.776769661719356</c:v>
                </c:pt>
                <c:pt idx="42">
                  <c:v>14.712299077047733</c:v>
                </c:pt>
                <c:pt idx="43">
                  <c:v>15.711356830907938</c:v>
                </c:pt>
                <c:pt idx="44">
                  <c:v>16.778256897537965</c:v>
                </c:pt>
                <c:pt idx="45">
                  <c:v>17.91760619719259</c:v>
                </c:pt>
                <c:pt idx="46">
                  <c:v>19.134324489022681</c:v>
                </c:pt>
                <c:pt idx="47">
                  <c:v>20.433665614806213</c:v>
                </c:pt>
                <c:pt idx="48">
                  <c:v>21.821240185262489</c:v>
                </c:pt>
                <c:pt idx="49">
                  <c:v>23.303039806909869</c:v>
                </c:pt>
                <c:pt idx="50">
                  <c:v>24.885462954079745</c:v>
                </c:pt>
                <c:pt idx="51">
                  <c:v>26.575342597803182</c:v>
                </c:pt>
                <c:pt idx="52">
                  <c:v>28.379975710872987</c:v>
                </c:pt>
                <c:pt idx="53">
                  <c:v>30.307154776485181</c:v>
                </c:pt>
                <c:pt idx="54">
                  <c:v>32.365201436515747</c:v>
                </c:pt>
                <c:pt idx="55">
                  <c:v>34.563002424727237</c:v>
                </c:pt>
                <c:pt idx="56">
                  <c:v>36.910047940066349</c:v>
                </c:pt>
                <c:pt idx="57">
                  <c:v>39.416472625750131</c:v>
                </c:pt>
                <c:pt idx="58">
                  <c:v>42.093099331090073</c:v>
                </c:pt>
                <c:pt idx="59">
                  <c:v>44.951485845019761</c:v>
                </c:pt>
                <c:pt idx="60">
                  <c:v>48.003974803123221</c:v>
                </c:pt>
                <c:pt idx="61">
                  <c:v>51.263746983664987</c:v>
                </c:pt>
                <c:pt idx="62">
                  <c:v>54.744878222755808</c:v>
                </c:pt>
                <c:pt idx="63">
                  <c:v>58.462400194417064</c:v>
                </c:pt>
                <c:pt idx="64">
                  <c:v>62.432365317993899</c:v>
                </c:pt>
                <c:pt idx="65">
                  <c:v>66.671916073190374</c:v>
                </c:pt>
                <c:pt idx="66">
                  <c:v>71.199359022032638</c:v>
                </c:pt>
                <c:pt idx="67">
                  <c:v>76.034243857388475</c:v>
                </c:pt>
                <c:pt idx="68">
                  <c:v>81.197447819380272</c:v>
                </c:pt>
                <c:pt idx="69">
                  <c:v>86.711265844203226</c:v>
                </c:pt>
                <c:pt idx="70">
                  <c:v>92.59950683461598</c:v>
                </c:pt>
                <c:pt idx="71">
                  <c:v>98.887596467804642</c:v>
                </c:pt>
                <c:pt idx="72">
                  <c:v>105.60268698454686</c:v>
                </c:pt>
                <c:pt idx="73">
                  <c:v>112.77377443375293</c:v>
                </c:pt>
                <c:pt idx="74">
                  <c:v>120.43182387864853</c:v>
                </c:pt>
                <c:pt idx="75">
                  <c:v>128.60990310524576</c:v>
                </c:pt>
                <c:pt idx="76">
                  <c:v>137.34332541046223</c:v>
                </c:pt>
                <c:pt idx="77">
                  <c:v>146.66980208645182</c:v>
                </c:pt>
                <c:pt idx="78">
                  <c:v>156.62960525958135</c:v>
                </c:pt>
                <c:pt idx="79">
                  <c:v>167.26574178720077</c:v>
                </c:pt>
                <c:pt idx="80">
                  <c:v>178.6241389630971</c:v>
                </c:pt>
                <c:pt idx="81">
                  <c:v>190.75384283351988</c:v>
                </c:pt>
                <c:pt idx="82">
                  <c:v>203.70722998011277</c:v>
                </c:pt>
                <c:pt idx="83">
                  <c:v>217.54023368423898</c:v>
                </c:pt>
                <c:pt idx="84">
                  <c:v>232.31258544929119</c:v>
                </c:pt>
                <c:pt idx="85">
                  <c:v>248.0880729238836</c:v>
                </c:pt>
                <c:pt idx="86">
                  <c:v>264.93481533965678</c:v>
                </c:pt>
                <c:pt idx="87">
                  <c:v>282.9255576530411</c:v>
                </c:pt>
                <c:pt idx="88">
                  <c:v>302.13798466109853</c:v>
                </c:pt>
                <c:pt idx="89">
                  <c:v>322.65505644781081</c:v>
                </c:pt>
                <c:pt idx="90">
                  <c:v>344.56536660927816</c:v>
                </c:pt>
                <c:pt idx="91">
                  <c:v>367.96352480467004</c:v>
                </c:pt>
                <c:pt idx="92">
                  <c:v>392.9505652847912</c:v>
                </c:pt>
                <c:pt idx="93">
                  <c:v>419.63438316230929</c:v>
                </c:pt>
                <c:pt idx="94">
                  <c:v>448.13020030748243</c:v>
                </c:pt>
                <c:pt idx="95">
                  <c:v>478.56106288113489</c:v>
                </c:pt>
                <c:pt idx="96">
                  <c:v>511.05837265326045</c:v>
                </c:pt>
                <c:pt idx="97">
                  <c:v>545.76245440150046</c:v>
                </c:pt>
                <c:pt idx="98">
                  <c:v>582.82316183955277</c:v>
                </c:pt>
                <c:pt idx="99">
                  <c:v>622.40052469193745</c:v>
                </c:pt>
                <c:pt idx="100">
                  <c:v>664.66543970921168</c:v>
                </c:pt>
                <c:pt idx="101">
                  <c:v>709.80040860746738</c:v>
                </c:pt>
                <c:pt idx="102">
                  <c:v>758.00032611857443</c:v>
                </c:pt>
                <c:pt idx="103">
                  <c:v>809.4733215539884</c:v>
                </c:pt>
                <c:pt idx="104">
                  <c:v>864.44165751604953</c:v>
                </c:pt>
                <c:pt idx="105">
                  <c:v>923.14268963743325</c:v>
                </c:pt>
                <c:pt idx="106">
                  <c:v>985.82989149295088</c:v>
                </c:pt>
                <c:pt idx="107">
                  <c:v>1052.7739491093243</c:v>
                </c:pt>
                <c:pt idx="108">
                  <c:v>1124.2639297990556</c:v>
                </c:pt>
                <c:pt idx="109">
                  <c:v>1200.6085303654868</c:v>
                </c:pt>
                <c:pt idx="110">
                  <c:v>1282.1374100688383</c:v>
                </c:pt>
                <c:pt idx="111">
                  <c:v>1369.2026141090316</c:v>
                </c:pt>
                <c:pt idx="112">
                  <c:v>1462.1800937719718</c:v>
                </c:pt>
                <c:pt idx="113">
                  <c:v>1561.4713298033191</c:v>
                </c:pt>
                <c:pt idx="114">
                  <c:v>1667.5050660195791</c:v>
                </c:pt>
                <c:pt idx="115">
                  <c:v>1780.73916064229</c:v>
                </c:pt>
                <c:pt idx="116">
                  <c:v>1901.6625633494607</c:v>
                </c:pt>
                <c:pt idx="117">
                  <c:v>2030.7974265812638</c:v>
                </c:pt>
                <c:pt idx="118">
                  <c:v>2168.7013602166658</c:v>
                </c:pt>
                <c:pt idx="119">
                  <c:v>2315.9698393567996</c:v>
                </c:pt>
                <c:pt idx="120">
                  <c:v>2473.2387756120102</c:v>
                </c:pt>
                <c:pt idx="121">
                  <c:v>2641.1872629954455</c:v>
                </c:pt>
                <c:pt idx="122">
                  <c:v>2820.5405102801583</c:v>
                </c:pt>
                <c:pt idx="123">
                  <c:v>3012.0729724816847</c:v>
                </c:pt>
                <c:pt idx="124">
                  <c:v>3216.6116949880311</c:v>
                </c:pt>
                <c:pt idx="125">
                  <c:v>3435.0398847771185</c:v>
                </c:pt>
                <c:pt idx="126">
                  <c:v>3668.300724142427</c:v>
                </c:pt>
                <c:pt idx="127">
                  <c:v>3917.4014433945867</c:v>
                </c:pt>
                <c:pt idx="128">
                  <c:v>4183.4176701250626</c:v>
                </c:pt>
                <c:pt idx="129">
                  <c:v>4467.4980738122476</c:v>
                </c:pt>
                <c:pt idx="130">
                  <c:v>4770.8693258255171</c:v>
                </c:pt>
                <c:pt idx="131">
                  <c:v>5094.8413962448612</c:v>
                </c:pt>
                <c:pt idx="132">
                  <c:v>5440.8132103678608</c:v>
                </c:pt>
                <c:pt idx="133">
                  <c:v>5810.2786893291395</c:v>
                </c:pt>
                <c:pt idx="134">
                  <c:v>6204.833200915913</c:v>
                </c:pt>
                <c:pt idx="135">
                  <c:v>6626.1804484344957</c:v>
                </c:pt>
                <c:pt idx="136">
                  <c:v>7076.139827374318</c:v>
                </c:pt>
                <c:pt idx="137">
                  <c:v>7556.6542816356641</c:v>
                </c:pt>
                <c:pt idx="138">
                  <c:v>8069.7986932447784</c:v>
                </c:pt>
                <c:pt idx="139">
                  <c:v>8617.7888417834874</c:v>
                </c:pt>
                <c:pt idx="140">
                  <c:v>9202.9909722204229</c:v>
                </c:pt>
                <c:pt idx="141">
                  <c:v>9827.9320124583865</c:v>
                </c:pt>
                <c:pt idx="142">
                  <c:v>10495.310484717373</c:v>
                </c:pt>
                <c:pt idx="143">
                  <c:v>11208.008157869297</c:v>
                </c:pt>
                <c:pt idx="144">
                  <c:v>11969.102491039619</c:v>
                </c:pt>
                <c:pt idx="145">
                  <c:v>12781.87992220778</c:v>
                </c:pt>
                <c:pt idx="146">
                  <c:v>13649.850059187498</c:v>
                </c:pt>
                <c:pt idx="147">
                  <c:v>14576.760834263778</c:v>
                </c:pt>
                <c:pt idx="148">
                  <c:v>15566.614687925323</c:v>
                </c:pt>
                <c:pt idx="149">
                  <c:v>16623.685851574246</c:v>
                </c:pt>
                <c:pt idx="150">
                  <c:v>17752.53880384066</c:v>
                </c:pt>
                <c:pt idx="151">
                  <c:v>18958.047980197076</c:v>
                </c:pt>
                <c:pt idx="152">
                  <c:v>20245.418820980056</c:v>
                </c:pt>
                <c:pt idx="153">
                  <c:v>21620.21024870476</c:v>
                </c:pt>
                <c:pt idx="154">
                  <c:v>23088.358671730879</c:v>
                </c:pt>
                <c:pt idx="155">
                  <c:v>24656.203617928601</c:v>
                </c:pt>
                <c:pt idx="156">
                  <c:v>26330.515109031763</c:v>
                </c:pt>
                <c:pt idx="157">
                  <c:v>28118.522893882338</c:v>
                </c:pt>
                <c:pt idx="158">
                  <c:v>30027.947666795924</c:v>
                </c:pt>
                <c:pt idx="159">
                  <c:v>32067.034405851035</c:v>
                </c:pt>
                <c:pt idx="160">
                  <c:v>34244.587975058166</c:v>
                </c:pt>
                <c:pt idx="161">
                  <c:v>36570.01114414011</c:v>
                </c:pt>
                <c:pt idx="162">
                  <c:v>39053.34519009525</c:v>
                </c:pt>
                <c:pt idx="163">
                  <c:v>41705.313255862224</c:v>
                </c:pt>
                <c:pt idx="164">
                  <c:v>44537.366653311146</c:v>
                </c:pt>
                <c:pt idx="165">
                  <c:v>47561.734310499574</c:v>
                </c:pt>
                <c:pt idx="166">
                  <c:v>50791.475576708144</c:v>
                </c:pt>
                <c:pt idx="167">
                  <c:v>54240.536613271419</c:v>
                </c:pt>
                <c:pt idx="168">
                  <c:v>57923.810613700502</c:v>
                </c:pt>
                <c:pt idx="169">
                  <c:v>61857.202113131578</c:v>
                </c:pt>
                <c:pt idx="170">
                  <c:v>66057.695664790954</c:v>
                </c:pt>
                <c:pt idx="171">
                  <c:v>70543.429180024104</c:v>
                </c:pt>
                <c:pt idx="172">
                  <c:v>75333.772248575508</c:v>
                </c:pt>
                <c:pt idx="173">
                  <c:v>80449.409777307723</c:v>
                </c:pt>
                <c:pt idx="174">
                  <c:v>85912.431308516563</c:v>
                </c:pt>
                <c:pt idx="175">
                  <c:v>91746.42640352255</c:v>
                </c:pt>
                <c:pt idx="176">
                  <c:v>97976.586503407918</c:v>
                </c:pt>
                <c:pt idx="177">
                  <c:v>104629.81370674087</c:v>
                </c:pt>
                <c:pt idx="178">
                  <c:v>111734.8369339905</c:v>
                </c:pt>
                <c:pt idx="179">
                  <c:v>119322.33598023804</c:v>
                </c:pt>
                <c:pt idx="180">
                  <c:v>127425.07399184821</c:v>
                </c:pt>
                <c:pt idx="181">
                  <c:v>136078.03893913986</c:v>
                </c:pt>
                <c:pt idx="182">
                  <c:v>145318.59469594402</c:v>
                </c:pt>
                <c:pt idx="183">
                  <c:v>155186.64237841291</c:v>
                </c:pt>
                <c:pt idx="184">
                  <c:v>165724.7926397516</c:v>
                </c:pt>
                <c:pt idx="185">
                  <c:v>176978.54966484642</c:v>
                </c:pt>
                <c:pt idx="186">
                  <c:v>188996.50765928632</c:v>
                </c:pt>
                <c:pt idx="187">
                  <c:v>201830.56068122899</c:v>
                </c:pt>
                <c:pt idx="188">
                  <c:v>215536.12672216861</c:v>
                </c:pt>
                <c:pt idx="189">
                  <c:v>230172.38700420113</c:v>
                </c:pt>
                <c:pt idx="190">
                  <c:v>245802.54152707994</c:v>
                </c:pt>
                <c:pt idx="191">
                  <c:v>262494.08196852473</c:v>
                </c:pt>
                <c:pt idx="192">
                  <c:v>280319.08311618312</c:v>
                </c:pt>
                <c:pt idx="193">
                  <c:v>299354.51408965414</c:v>
                </c:pt>
                <c:pt idx="194">
                  <c:v>319682.57069644897</c:v>
                </c:pt>
                <c:pt idx="195">
                  <c:v>341391.03035701328</c:v>
                </c:pt>
                <c:pt idx="196">
                  <c:v>364573.63113139529</c:v>
                </c:pt>
                <c:pt idx="197">
                  <c:v>389330.4764842072</c:v>
                </c:pt>
                <c:pt idx="198">
                  <c:v>415768.46753568359</c:v>
                </c:pt>
                <c:pt idx="199">
                  <c:v>444001.76466530189</c:v>
                </c:pt>
                <c:pt idx="200">
                  <c:v>474152.28046119836</c:v>
                </c:pt>
                <c:pt idx="201">
                  <c:v>506350.20614395477</c:v>
                </c:pt>
                <c:pt idx="202">
                  <c:v>540734.57373786997</c:v>
                </c:pt>
                <c:pt idx="203">
                  <c:v>577453.85641720984</c:v>
                </c:pt>
                <c:pt idx="204">
                  <c:v>616666.60961974028</c:v>
                </c:pt>
                <c:pt idx="205">
                  <c:v>658542.15569590859</c:v>
                </c:pt>
                <c:pt idx="206">
                  <c:v>703261.31505001883</c:v>
                </c:pt>
                <c:pt idx="207">
                  <c:v>751017.18693048833</c:v>
                </c:pt>
                <c:pt idx="208">
                  <c:v>802015.98324069357</c:v>
                </c:pt>
                <c:pt idx="209">
                  <c:v>856477.91897081013</c:v>
                </c:pt>
                <c:pt idx="210">
                  <c:v>914638.16309558752</c:v>
                </c:pt>
                <c:pt idx="211">
                  <c:v>976747.85404407291</c:v>
                </c:pt>
                <c:pt idx="212">
                  <c:v>1043075.1841261131</c:v>
                </c:pt>
                <c:pt idx="213">
                  <c:v>1113906.557598264</c:v>
                </c:pt>
                <c:pt idx="214">
                  <c:v>1189547.827369649</c:v>
                </c:pt>
                <c:pt idx="215">
                  <c:v>1270325.6156879435</c:v>
                </c:pt>
                <c:pt idx="216">
                  <c:v>1356588.7245082529</c:v>
                </c:pt>
                <c:pt idx="217">
                  <c:v>1448709.6416349085</c:v>
                </c:pt>
                <c:pt idx="218">
                  <c:v>1547086.1491397994</c:v>
                </c:pt>
                <c:pt idx="219">
                  <c:v>1652143.041002413</c:v>
                </c:pt>
              </c:numCache>
            </c:numRef>
          </c:val>
          <c:smooth val="0"/>
          <c:extLst>
            <c:ext xmlns:c16="http://schemas.microsoft.com/office/drawing/2014/chart" uri="{C3380CC4-5D6E-409C-BE32-E72D297353CC}">
              <c16:uniqueId val="{0000000F-58FF-4DAC-A024-7CAF49B1BABE}"/>
            </c:ext>
          </c:extLst>
        </c:ser>
        <c:dLbls>
          <c:showLegendKey val="0"/>
          <c:showVal val="0"/>
          <c:showCatName val="0"/>
          <c:showSerName val="0"/>
          <c:showPercent val="0"/>
          <c:showBubbleSize val="0"/>
        </c:dLbls>
        <c:smooth val="0"/>
        <c:axId val="37656064"/>
        <c:axId val="37657600"/>
      </c:lineChart>
      <c:catAx>
        <c:axId val="37656064"/>
        <c:scaling>
          <c:orientation val="minMax"/>
        </c:scaling>
        <c:delete val="0"/>
        <c:axPos val="b"/>
        <c:numFmt formatCode="General" sourceLinked="1"/>
        <c:majorTickMark val="cross"/>
        <c:minorTickMark val="out"/>
        <c:tickLblPos val="none"/>
        <c:spPr>
          <a:ln>
            <a:solidFill>
              <a:schemeClr val="tx1"/>
            </a:solidFill>
          </a:ln>
        </c:spPr>
        <c:crossAx val="37657600"/>
        <c:crossesAt val="1"/>
        <c:auto val="1"/>
        <c:lblAlgn val="ctr"/>
        <c:lblOffset val="100"/>
        <c:tickLblSkip val="25"/>
        <c:tickMarkSkip val="10"/>
        <c:noMultiLvlLbl val="0"/>
      </c:catAx>
      <c:valAx>
        <c:axId val="37657600"/>
        <c:scaling>
          <c:logBase val="10"/>
          <c:orientation val="minMax"/>
        </c:scaling>
        <c:delete val="0"/>
        <c:axPos val="l"/>
        <c:numFmt formatCode="\$#,##0.00" sourceLinked="0"/>
        <c:majorTickMark val="cross"/>
        <c:minorTickMark val="out"/>
        <c:tickLblPos val="low"/>
        <c:spPr>
          <a:ln w="2853">
            <a:solidFill>
              <a:schemeClr val="tx1"/>
            </a:solidFill>
            <a:prstDash val="solid"/>
          </a:ln>
        </c:spPr>
        <c:txPr>
          <a:bodyPr rot="0" vert="horz"/>
          <a:lstStyle/>
          <a:p>
            <a:pPr>
              <a:defRPr sz="1000" b="0" i="0" u="none" strike="noStrike" baseline="0">
                <a:solidFill>
                  <a:schemeClr val="tx1"/>
                </a:solidFill>
                <a:latin typeface="+mn-lt"/>
                <a:ea typeface="Arial"/>
                <a:cs typeface="Arial"/>
              </a:defRPr>
            </a:pPr>
            <a:endParaRPr lang="en-US"/>
          </a:p>
        </c:txPr>
        <c:crossAx val="37656064"/>
        <c:crosses val="autoZero"/>
        <c:crossBetween val="midCat"/>
      </c:valAx>
      <c:spPr>
        <a:noFill/>
        <a:ln w="22826">
          <a:noFill/>
        </a:ln>
      </c:spPr>
    </c:plotArea>
    <c:plotVisOnly val="1"/>
    <c:dispBlanksAs val="gap"/>
    <c:showDLblsOverMax val="0"/>
  </c:chart>
  <c:spPr>
    <a:noFill/>
    <a:ln>
      <a:noFill/>
    </a:ln>
  </c:spPr>
  <c:txPr>
    <a:bodyPr/>
    <a:lstStyle/>
    <a:p>
      <a:pPr>
        <a:defRPr sz="1505" b="1" i="0" u="none" strike="noStrike" baseline="0">
          <a:solidFill>
            <a:schemeClr val="tx1"/>
          </a:solidFill>
          <a:latin typeface="Times New Roman"/>
          <a:ea typeface="Times New Roman"/>
          <a:cs typeface="Times New Roman"/>
        </a:defRPr>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spPr>
            <a:solidFill>
              <a:srgbClr val="57839B"/>
            </a:solidFill>
            <a:ln>
              <a:noFill/>
            </a:ln>
            <a:effectLst/>
          </c:spPr>
          <c:invertIfNegative val="0"/>
          <c:dPt>
            <c:idx val="0"/>
            <c:invertIfNegative val="0"/>
            <c:bubble3D val="0"/>
            <c:spPr>
              <a:solidFill>
                <a:srgbClr val="C09A4F"/>
              </a:solidFill>
              <a:ln>
                <a:noFill/>
              </a:ln>
              <a:effectLst/>
            </c:spPr>
            <c:extLst>
              <c:ext xmlns:c16="http://schemas.microsoft.com/office/drawing/2014/chart" uri="{C3380CC4-5D6E-409C-BE32-E72D297353CC}">
                <c16:uniqueId val="{00000001-B61E-45DB-BCC2-3B0642894B99}"/>
              </c:ext>
            </c:extLst>
          </c:dPt>
          <c:dPt>
            <c:idx val="1"/>
            <c:invertIfNegative val="0"/>
            <c:bubble3D val="0"/>
            <c:spPr>
              <a:solidFill>
                <a:srgbClr val="C09A4F"/>
              </a:solidFill>
              <a:ln>
                <a:noFill/>
              </a:ln>
              <a:effectLst/>
            </c:spPr>
            <c:extLst>
              <c:ext xmlns:c16="http://schemas.microsoft.com/office/drawing/2014/chart" uri="{C3380CC4-5D6E-409C-BE32-E72D297353CC}">
                <c16:uniqueId val="{00000003-B61E-45DB-BCC2-3B0642894B99}"/>
              </c:ext>
            </c:extLst>
          </c:dPt>
          <c:dLbls>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C$4:$C$14</c:f>
              <c:strCache>
                <c:ptCount val="11"/>
                <c:pt idx="0">
                  <c:v>Energy</c:v>
                </c:pt>
                <c:pt idx="1">
                  <c:v>Communication Services</c:v>
                </c:pt>
                <c:pt idx="2">
                  <c:v>Financials </c:v>
                </c:pt>
                <c:pt idx="3">
                  <c:v>Healthcare</c:v>
                </c:pt>
                <c:pt idx="4">
                  <c:v>Consumer Discretionary</c:v>
                </c:pt>
                <c:pt idx="5">
                  <c:v>Materials </c:v>
                </c:pt>
                <c:pt idx="6">
                  <c:v>Industrials </c:v>
                </c:pt>
                <c:pt idx="7">
                  <c:v>Information Technology</c:v>
                </c:pt>
                <c:pt idx="8">
                  <c:v>Consumer Staples</c:v>
                </c:pt>
                <c:pt idx="9">
                  <c:v>Real Estate</c:v>
                </c:pt>
                <c:pt idx="10">
                  <c:v>Utilities</c:v>
                </c:pt>
              </c:strCache>
            </c:strRef>
          </c:cat>
          <c:val>
            <c:numRef>
              <c:f>Sheet1!$D$4:$D$14</c:f>
              <c:numCache>
                <c:formatCode>0.0</c:formatCode>
                <c:ptCount val="11"/>
                <c:pt idx="0">
                  <c:v>11.951609510970499</c:v>
                </c:pt>
                <c:pt idx="1">
                  <c:v>2.9995791322420899</c:v>
                </c:pt>
                <c:pt idx="2">
                  <c:v>-1.2680902753532399</c:v>
                </c:pt>
                <c:pt idx="3">
                  <c:v>-2.7746007654657299</c:v>
                </c:pt>
                <c:pt idx="4">
                  <c:v>-4.86317971058683</c:v>
                </c:pt>
                <c:pt idx="5">
                  <c:v>-4.9070152649374403</c:v>
                </c:pt>
                <c:pt idx="6">
                  <c:v>-5.2836139197611702</c:v>
                </c:pt>
                <c:pt idx="7">
                  <c:v>-5.7033061584064297</c:v>
                </c:pt>
                <c:pt idx="8">
                  <c:v>-6.15960837281572</c:v>
                </c:pt>
                <c:pt idx="9">
                  <c:v>-9.1270087534638904</c:v>
                </c:pt>
                <c:pt idx="10">
                  <c:v>-9.5042636914351402</c:v>
                </c:pt>
              </c:numCache>
            </c:numRef>
          </c:val>
          <c:extLst>
            <c:ext xmlns:c16="http://schemas.microsoft.com/office/drawing/2014/chart" uri="{C3380CC4-5D6E-409C-BE32-E72D297353CC}">
              <c16:uniqueId val="{00000004-B61E-45DB-BCC2-3B0642894B99}"/>
            </c:ext>
          </c:extLst>
        </c:ser>
        <c:dLbls>
          <c:dLblPos val="outEnd"/>
          <c:showLegendKey val="0"/>
          <c:showVal val="1"/>
          <c:showCatName val="0"/>
          <c:showSerName val="0"/>
          <c:showPercent val="0"/>
          <c:showBubbleSize val="0"/>
        </c:dLbls>
        <c:gapWidth val="219"/>
        <c:overlap val="-27"/>
        <c:axId val="1230700671"/>
        <c:axId val="1032464975"/>
      </c:barChart>
      <c:catAx>
        <c:axId val="1230700671"/>
        <c:scaling>
          <c:orientation val="minMax"/>
        </c:scaling>
        <c:delete val="0"/>
        <c:axPos val="b"/>
        <c:numFmt formatCode="General" sourceLinked="1"/>
        <c:majorTickMark val="none"/>
        <c:minorTickMark val="none"/>
        <c:tickLblPos val="low"/>
        <c:spPr>
          <a:noFill/>
          <a:ln w="9525" cap="flat" cmpd="sng" algn="ctr">
            <a:solidFill>
              <a:schemeClr val="tx1"/>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032464975"/>
        <c:crosses val="autoZero"/>
        <c:auto val="1"/>
        <c:lblAlgn val="ctr"/>
        <c:lblOffset val="100"/>
        <c:noMultiLvlLbl val="0"/>
      </c:catAx>
      <c:valAx>
        <c:axId val="1032464975"/>
        <c:scaling>
          <c:orientation val="minMax"/>
        </c:scaling>
        <c:delete val="1"/>
        <c:axPos val="l"/>
        <c:numFmt formatCode="0.0" sourceLinked="1"/>
        <c:majorTickMark val="none"/>
        <c:minorTickMark val="none"/>
        <c:tickLblPos val="nextTo"/>
        <c:crossAx val="1230700671"/>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30012924051878476"/>
          <c:y val="9.2917760279965012E-2"/>
          <c:w val="0.4109240928233539"/>
          <c:h val="0.68048337707786521"/>
        </c:manualLayout>
      </c:layout>
      <c:doughnutChart>
        <c:varyColors val="1"/>
        <c:ser>
          <c:idx val="2"/>
          <c:order val="0"/>
          <c:tx>
            <c:strRef>
              <c:f>Inflation!$D$6</c:f>
              <c:strCache>
                <c:ptCount val="1"/>
                <c:pt idx="0">
                  <c:v>Speedometer</c:v>
                </c:pt>
              </c:strCache>
            </c:strRef>
          </c:tx>
          <c:dPt>
            <c:idx val="1"/>
            <c:bubble3D val="0"/>
            <c:spPr>
              <a:solidFill>
                <a:srgbClr val="CC0000"/>
              </a:solidFill>
            </c:spPr>
            <c:extLst>
              <c:ext xmlns:c16="http://schemas.microsoft.com/office/drawing/2014/chart" uri="{C3380CC4-5D6E-409C-BE32-E72D297353CC}">
                <c16:uniqueId val="{00000001-1FF9-42C2-870C-0A0F1366EA12}"/>
              </c:ext>
            </c:extLst>
          </c:dPt>
          <c:dPt>
            <c:idx val="2"/>
            <c:bubble3D val="0"/>
            <c:spPr>
              <a:solidFill>
                <a:srgbClr val="A6A6A6"/>
              </a:solidFill>
            </c:spPr>
            <c:extLst>
              <c:ext xmlns:c16="http://schemas.microsoft.com/office/drawing/2014/chart" uri="{C3380CC4-5D6E-409C-BE32-E72D297353CC}">
                <c16:uniqueId val="{00000003-1FF9-42C2-870C-0A0F1366EA12}"/>
              </c:ext>
            </c:extLst>
          </c:dPt>
          <c:dPt>
            <c:idx val="3"/>
            <c:bubble3D val="0"/>
            <c:spPr>
              <a:solidFill>
                <a:srgbClr val="1B9E77"/>
              </a:solidFill>
            </c:spPr>
            <c:extLst>
              <c:ext xmlns:c16="http://schemas.microsoft.com/office/drawing/2014/chart" uri="{C3380CC4-5D6E-409C-BE32-E72D297353CC}">
                <c16:uniqueId val="{00000005-1FF9-42C2-870C-0A0F1366EA12}"/>
              </c:ext>
            </c:extLst>
          </c:dPt>
          <c:dPt>
            <c:idx val="4"/>
            <c:bubble3D val="0"/>
            <c:spPr>
              <a:noFill/>
            </c:spPr>
            <c:extLst>
              <c:ext xmlns:c16="http://schemas.microsoft.com/office/drawing/2014/chart" uri="{C3380CC4-5D6E-409C-BE32-E72D297353CC}">
                <c16:uniqueId val="{00000007-1FF9-42C2-870C-0A0F1366EA12}"/>
              </c:ext>
            </c:extLst>
          </c:dPt>
          <c:cat>
            <c:strRef>
              <c:f>Inflation!$D$7:$D$11</c:f>
              <c:strCache>
                <c:ptCount val="5"/>
                <c:pt idx="0">
                  <c:v>Start</c:v>
                </c:pt>
                <c:pt idx="1">
                  <c:v>Low </c:v>
                </c:pt>
                <c:pt idx="2">
                  <c:v>Medium</c:v>
                </c:pt>
                <c:pt idx="3">
                  <c:v>End</c:v>
                </c:pt>
                <c:pt idx="4">
                  <c:v>Max</c:v>
                </c:pt>
              </c:strCache>
            </c:strRef>
          </c:cat>
          <c:val>
            <c:numRef>
              <c:f>Inflation!$E$7:$E$11</c:f>
              <c:numCache>
                <c:formatCode>General</c:formatCode>
                <c:ptCount val="5"/>
                <c:pt idx="0">
                  <c:v>0</c:v>
                </c:pt>
                <c:pt idx="1">
                  <c:v>33.33</c:v>
                </c:pt>
                <c:pt idx="2">
                  <c:v>33.33</c:v>
                </c:pt>
                <c:pt idx="3">
                  <c:v>33.33</c:v>
                </c:pt>
                <c:pt idx="4">
                  <c:v>100</c:v>
                </c:pt>
              </c:numCache>
            </c:numRef>
          </c:val>
          <c:extLst>
            <c:ext xmlns:c16="http://schemas.microsoft.com/office/drawing/2014/chart" uri="{C3380CC4-5D6E-409C-BE32-E72D297353CC}">
              <c16:uniqueId val="{00000008-1FF9-42C2-870C-0A0F1366EA12}"/>
            </c:ext>
          </c:extLst>
        </c:ser>
        <c:dLbls>
          <c:showLegendKey val="0"/>
          <c:showVal val="0"/>
          <c:showCatName val="0"/>
          <c:showSerName val="0"/>
          <c:showPercent val="0"/>
          <c:showBubbleSize val="0"/>
          <c:showLeaderLines val="1"/>
        </c:dLbls>
        <c:firstSliceAng val="270"/>
        <c:holeSize val="67"/>
        <c:extLst>
          <c:ext xmlns:c15="http://schemas.microsoft.com/office/drawing/2012/chart" uri="{02D57815-91ED-43cb-92C2-25804820EDAC}">
            <c15:filteredPieSeries>
              <c15:ser>
                <c:idx val="0"/>
                <c:order val="2"/>
                <c:tx>
                  <c:strRef>
                    <c:extLst>
                      <c:ext uri="{02D57815-91ED-43cb-92C2-25804820EDAC}">
                        <c15:formulaRef>
                          <c15:sqref>Inflation!$D$6</c15:sqref>
                        </c15:formulaRef>
                      </c:ext>
                    </c:extLst>
                    <c:strCache>
                      <c:ptCount val="1"/>
                      <c:pt idx="0">
                        <c:v>Speedometer</c:v>
                      </c:pt>
                    </c:strCache>
                  </c:strRef>
                </c:tx>
                <c:dPt>
                  <c:idx val="0"/>
                  <c:bubble3D val="0"/>
                  <c:spPr>
                    <a:solidFill>
                      <a:schemeClr val="accent1"/>
                    </a:solidFill>
                    <a:ln w="19050">
                      <a:solidFill>
                        <a:schemeClr val="lt1"/>
                      </a:solidFill>
                    </a:ln>
                    <a:effectLst/>
                  </c:spPr>
                  <c:extLst>
                    <c:ext xmlns:c16="http://schemas.microsoft.com/office/drawing/2014/chart" uri="{C3380CC4-5D6E-409C-BE32-E72D297353CC}">
                      <c16:uniqueId val="{00000011-1FF9-42C2-870C-0A0F1366EA12}"/>
                    </c:ext>
                  </c:extLst>
                </c:dPt>
                <c:dPt>
                  <c:idx val="1"/>
                  <c:bubble3D val="0"/>
                  <c:spPr>
                    <a:solidFill>
                      <a:srgbClr val="1B9E77"/>
                    </a:solidFill>
                    <a:ln w="19050">
                      <a:solidFill>
                        <a:schemeClr val="lt1"/>
                      </a:solidFill>
                    </a:ln>
                    <a:effectLst/>
                  </c:spPr>
                  <c:extLst>
                    <c:ext xmlns:c16="http://schemas.microsoft.com/office/drawing/2014/chart" uri="{C3380CC4-5D6E-409C-BE32-E72D297353CC}">
                      <c16:uniqueId val="{00000013-1FF9-42C2-870C-0A0F1366EA12}"/>
                    </c:ext>
                  </c:extLst>
                </c:dPt>
                <c:dPt>
                  <c:idx val="2"/>
                  <c:bubble3D val="0"/>
                  <c:spPr>
                    <a:solidFill>
                      <a:srgbClr val="D95F02"/>
                    </a:solidFill>
                    <a:ln w="19050">
                      <a:solidFill>
                        <a:schemeClr val="lt1"/>
                      </a:solidFill>
                    </a:ln>
                    <a:effectLst/>
                  </c:spPr>
                  <c:extLst>
                    <c:ext xmlns:c16="http://schemas.microsoft.com/office/drawing/2014/chart" uri="{C3380CC4-5D6E-409C-BE32-E72D297353CC}">
                      <c16:uniqueId val="{00000015-1FF9-42C2-870C-0A0F1366EA12}"/>
                    </c:ext>
                  </c:extLst>
                </c:dPt>
                <c:dPt>
                  <c:idx val="3"/>
                  <c:bubble3D val="0"/>
                  <c:spPr>
                    <a:solidFill>
                      <a:srgbClr val="7570B3"/>
                    </a:solidFill>
                    <a:ln w="19050">
                      <a:solidFill>
                        <a:schemeClr val="lt1"/>
                      </a:solidFill>
                    </a:ln>
                    <a:effectLst/>
                  </c:spPr>
                  <c:extLst>
                    <c:ext xmlns:c16="http://schemas.microsoft.com/office/drawing/2014/chart" uri="{C3380CC4-5D6E-409C-BE32-E72D297353CC}">
                      <c16:uniqueId val="{00000017-1FF9-42C2-870C-0A0F1366EA12}"/>
                    </c:ext>
                  </c:extLst>
                </c:dPt>
                <c:dPt>
                  <c:idx val="4"/>
                  <c:bubble3D val="0"/>
                  <c:spPr>
                    <a:noFill/>
                    <a:ln w="19050">
                      <a:solidFill>
                        <a:schemeClr val="lt1"/>
                      </a:solidFill>
                    </a:ln>
                    <a:effectLst/>
                  </c:spPr>
                  <c:extLst>
                    <c:ext xmlns:c16="http://schemas.microsoft.com/office/drawing/2014/chart" uri="{C3380CC4-5D6E-409C-BE32-E72D297353CC}">
                      <c16:uniqueId val="{00000019-1FF9-42C2-870C-0A0F1366EA12}"/>
                    </c:ext>
                  </c:extLst>
                </c:dPt>
                <c:cat>
                  <c:strRef>
                    <c:extLst>
                      <c:ext uri="{02D57815-91ED-43cb-92C2-25804820EDAC}">
                        <c15:formulaRef>
                          <c15:sqref>Inflation!$D$7:$D$11</c15:sqref>
                        </c15:formulaRef>
                      </c:ext>
                    </c:extLst>
                    <c:strCache>
                      <c:ptCount val="5"/>
                      <c:pt idx="0">
                        <c:v>Start</c:v>
                      </c:pt>
                      <c:pt idx="1">
                        <c:v>Low </c:v>
                      </c:pt>
                      <c:pt idx="2">
                        <c:v>Medium</c:v>
                      </c:pt>
                      <c:pt idx="3">
                        <c:v>End</c:v>
                      </c:pt>
                      <c:pt idx="4">
                        <c:v>Max</c:v>
                      </c:pt>
                    </c:strCache>
                  </c:strRef>
                </c:cat>
                <c:val>
                  <c:numRef>
                    <c:extLst>
                      <c:ext uri="{02D57815-91ED-43cb-92C2-25804820EDAC}">
                        <c15:formulaRef>
                          <c15:sqref>Inflation!$E$7:$E$11</c15:sqref>
                        </c15:formulaRef>
                      </c:ext>
                    </c:extLst>
                    <c:numCache>
                      <c:formatCode>General</c:formatCode>
                      <c:ptCount val="5"/>
                      <c:pt idx="0">
                        <c:v>0</c:v>
                      </c:pt>
                      <c:pt idx="1">
                        <c:v>33.33</c:v>
                      </c:pt>
                      <c:pt idx="2">
                        <c:v>33.33</c:v>
                      </c:pt>
                      <c:pt idx="3">
                        <c:v>33.33</c:v>
                      </c:pt>
                      <c:pt idx="4">
                        <c:v>100</c:v>
                      </c:pt>
                    </c:numCache>
                  </c:numRef>
                </c:val>
                <c:extLst>
                  <c:ext xmlns:c16="http://schemas.microsoft.com/office/drawing/2014/chart" uri="{C3380CC4-5D6E-409C-BE32-E72D297353CC}">
                    <c16:uniqueId val="{0000001A-1FF9-42C2-870C-0A0F1366EA12}"/>
                  </c:ext>
                </c:extLst>
              </c15:ser>
            </c15:filteredPieSeries>
            <c15:filteredPieSeries>
              <c15:ser>
                <c:idx val="1"/>
                <c:order val="3"/>
                <c:tx>
                  <c:strRef>
                    <c:extLst xmlns:c15="http://schemas.microsoft.com/office/drawing/2012/chart">
                      <c:ext xmlns:c15="http://schemas.microsoft.com/office/drawing/2012/chart" uri="{02D57815-91ED-43cb-92C2-25804820EDAC}">
                        <c15:formulaRef>
                          <c15:sqref>Inflation!$G$6</c15:sqref>
                        </c15:formulaRef>
                      </c:ext>
                    </c:extLst>
                    <c:strCache>
                      <c:ptCount val="1"/>
                      <c:pt idx="0">
                        <c:v>Pointer</c:v>
                      </c:pt>
                    </c:strCache>
                  </c:strRef>
                </c:tx>
                <c:dPt>
                  <c:idx val="0"/>
                  <c:bubble3D val="0"/>
                  <c:spPr>
                    <a:noFill/>
                    <a:ln w="19050">
                      <a:solidFill>
                        <a:schemeClr val="lt1"/>
                      </a:solidFill>
                    </a:ln>
                    <a:effectLst/>
                  </c:spPr>
                  <c:extLst xmlns:c15="http://schemas.microsoft.com/office/drawing/2012/chart">
                    <c:ext xmlns:c16="http://schemas.microsoft.com/office/drawing/2014/chart" uri="{C3380CC4-5D6E-409C-BE32-E72D297353CC}">
                      <c16:uniqueId val="{0000001C-1FF9-42C2-870C-0A0F1366EA12}"/>
                    </c:ext>
                  </c:extLst>
                </c:dPt>
                <c:dPt>
                  <c:idx val="1"/>
                  <c:bubble3D val="0"/>
                  <c:spPr>
                    <a:solidFill>
                      <a:schemeClr val="tx1">
                        <a:lumMod val="95000"/>
                        <a:lumOff val="5000"/>
                      </a:schemeClr>
                    </a:solidFill>
                    <a:ln w="19050">
                      <a:solidFill>
                        <a:schemeClr val="lt1"/>
                      </a:solidFill>
                    </a:ln>
                    <a:effectLst/>
                  </c:spPr>
                  <c:extLst xmlns:c15="http://schemas.microsoft.com/office/drawing/2012/chart">
                    <c:ext xmlns:c16="http://schemas.microsoft.com/office/drawing/2014/chart" uri="{C3380CC4-5D6E-409C-BE32-E72D297353CC}">
                      <c16:uniqueId val="{0000001E-1FF9-42C2-870C-0A0F1366EA12}"/>
                    </c:ext>
                  </c:extLst>
                </c:dPt>
                <c:dPt>
                  <c:idx val="2"/>
                  <c:bubble3D val="0"/>
                  <c:spPr>
                    <a:noFill/>
                    <a:ln w="19050">
                      <a:solidFill>
                        <a:schemeClr val="lt1"/>
                      </a:solidFill>
                    </a:ln>
                    <a:effectLst/>
                  </c:spPr>
                  <c:extLst xmlns:c15="http://schemas.microsoft.com/office/drawing/2012/chart">
                    <c:ext xmlns:c16="http://schemas.microsoft.com/office/drawing/2014/chart" uri="{C3380CC4-5D6E-409C-BE32-E72D297353CC}">
                      <c16:uniqueId val="{00000020-1FF9-42C2-870C-0A0F1366EA12}"/>
                    </c:ext>
                  </c:extLst>
                </c:dPt>
                <c:val>
                  <c:numRef>
                    <c:extLst xmlns:c15="http://schemas.microsoft.com/office/drawing/2012/chart">
                      <c:ext xmlns:c15="http://schemas.microsoft.com/office/drawing/2012/chart" uri="{02D57815-91ED-43cb-92C2-25804820EDAC}">
                        <c15:formulaRef>
                          <c15:sqref>Inflation!$H$7:$H$9</c15:sqref>
                        </c15:formulaRef>
                      </c:ext>
                    </c:extLst>
                    <c:numCache>
                      <c:formatCode>General</c:formatCode>
                      <c:ptCount val="3"/>
                      <c:pt idx="0">
                        <c:v>32</c:v>
                      </c:pt>
                      <c:pt idx="1">
                        <c:v>2.5</c:v>
                      </c:pt>
                      <c:pt idx="2">
                        <c:v>165.49</c:v>
                      </c:pt>
                    </c:numCache>
                  </c:numRef>
                </c:val>
                <c:extLst xmlns:c15="http://schemas.microsoft.com/office/drawing/2012/chart">
                  <c:ext xmlns:c16="http://schemas.microsoft.com/office/drawing/2014/chart" uri="{C3380CC4-5D6E-409C-BE32-E72D297353CC}">
                    <c16:uniqueId val="{00000021-1FF9-42C2-870C-0A0F1366EA12}"/>
                  </c:ext>
                </c:extLst>
              </c15:ser>
            </c15:filteredPieSeries>
          </c:ext>
        </c:extLst>
      </c:doughnutChart>
      <c:pieChart>
        <c:varyColors val="1"/>
        <c:ser>
          <c:idx val="3"/>
          <c:order val="1"/>
          <c:tx>
            <c:strRef>
              <c:f>Inflation!$G$6</c:f>
              <c:strCache>
                <c:ptCount val="1"/>
                <c:pt idx="0">
                  <c:v>Pointer</c:v>
                </c:pt>
              </c:strCache>
            </c:strRef>
          </c:tx>
          <c:dPt>
            <c:idx val="0"/>
            <c:bubble3D val="0"/>
            <c:spPr>
              <a:noFill/>
            </c:spPr>
            <c:extLst>
              <c:ext xmlns:c16="http://schemas.microsoft.com/office/drawing/2014/chart" uri="{C3380CC4-5D6E-409C-BE32-E72D297353CC}">
                <c16:uniqueId val="{0000000A-1FF9-42C2-870C-0A0F1366EA12}"/>
              </c:ext>
            </c:extLst>
          </c:dPt>
          <c:dPt>
            <c:idx val="1"/>
            <c:bubble3D val="0"/>
            <c:spPr>
              <a:solidFill>
                <a:schemeClr val="tx1">
                  <a:lumMod val="95000"/>
                  <a:lumOff val="5000"/>
                </a:schemeClr>
              </a:solidFill>
            </c:spPr>
            <c:extLst>
              <c:ext xmlns:c16="http://schemas.microsoft.com/office/drawing/2014/chart" uri="{C3380CC4-5D6E-409C-BE32-E72D297353CC}">
                <c16:uniqueId val="{0000000C-1FF9-42C2-870C-0A0F1366EA12}"/>
              </c:ext>
            </c:extLst>
          </c:dPt>
          <c:dPt>
            <c:idx val="2"/>
            <c:bubble3D val="0"/>
            <c:spPr>
              <a:noFill/>
            </c:spPr>
            <c:extLst>
              <c:ext xmlns:c16="http://schemas.microsoft.com/office/drawing/2014/chart" uri="{C3380CC4-5D6E-409C-BE32-E72D297353CC}">
                <c16:uniqueId val="{0000000E-1FF9-42C2-870C-0A0F1366EA12}"/>
              </c:ext>
            </c:extLst>
          </c:dPt>
          <c:val>
            <c:numRef>
              <c:f>Inflation!$H$7:$H$9</c:f>
              <c:numCache>
                <c:formatCode>General</c:formatCode>
                <c:ptCount val="3"/>
                <c:pt idx="0">
                  <c:v>32</c:v>
                </c:pt>
                <c:pt idx="1">
                  <c:v>2.5</c:v>
                </c:pt>
                <c:pt idx="2">
                  <c:v>165.49</c:v>
                </c:pt>
              </c:numCache>
            </c:numRef>
          </c:val>
          <c:extLst>
            <c:ext xmlns:c16="http://schemas.microsoft.com/office/drawing/2014/chart" uri="{C3380CC4-5D6E-409C-BE32-E72D297353CC}">
              <c16:uniqueId val="{0000000F-1FF9-42C2-870C-0A0F1366EA12}"/>
            </c:ext>
          </c:extLst>
        </c:ser>
        <c:dLbls>
          <c:showLegendKey val="0"/>
          <c:showVal val="0"/>
          <c:showCatName val="0"/>
          <c:showSerName val="0"/>
          <c:showPercent val="0"/>
          <c:showBubbleSize val="0"/>
          <c:showLeaderLines val="1"/>
        </c:dLbls>
        <c:firstSliceAng val="270"/>
      </c:pieChart>
    </c:plotArea>
    <c:plotVisOnly val="1"/>
    <c:dispBlanksAs val="gap"/>
    <c:showDLblsOverMax val="0"/>
    <c:extLst/>
  </c:chart>
  <c:spPr>
    <a:solidFill>
      <a:schemeClr val="bg1"/>
    </a:solidFill>
    <a:ln w="9525" cap="flat" cmpd="sng" algn="ctr">
      <a:solidFill>
        <a:schemeClr val="bg1"/>
      </a:solidFill>
      <a:round/>
    </a:ln>
    <a:effectLst/>
  </c:spPr>
  <c:txPr>
    <a:bodyPr/>
    <a:lstStyle/>
    <a:p>
      <a:pPr>
        <a:defRPr/>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Q3.2023 Market Outlook.xlsx]Fed Funds Future'!$H$97</c:f>
              <c:strCache>
                <c:ptCount val="1"/>
                <c:pt idx="0">
                  <c:v>9/20/2023</c:v>
                </c:pt>
              </c:strCache>
            </c:strRef>
          </c:tx>
          <c:spPr>
            <a:solidFill>
              <a:schemeClr val="accent1"/>
            </a:soli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1200" b="0" i="0" u="none" strike="noStrike" kern="1200" baseline="0">
                    <a:solidFill>
                      <a:srgbClr val="231F20"/>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Q3.2023 Market Outlook.xlsx]Fed Funds Future'!$I$96:$K$96</c:f>
              <c:strCache>
                <c:ptCount val="2"/>
                <c:pt idx="0">
                  <c:v>Implied Rate as of 4/28/2023</c:v>
                </c:pt>
                <c:pt idx="1">
                  <c:v>Implied Rate as of 9/29/2023</c:v>
                </c:pt>
              </c:strCache>
              <c:extLst/>
            </c:strRef>
          </c:cat>
          <c:val>
            <c:numRef>
              <c:f>'[Q3.2023 Market Outlook.xlsx]Fed Funds Future'!$I$97:$K$97</c:f>
              <c:numCache>
                <c:formatCode>General</c:formatCode>
                <c:ptCount val="2"/>
                <c:pt idx="0" formatCode="0.0">
                  <c:v>4.8940000000000001</c:v>
                </c:pt>
                <c:pt idx="1">
                  <c:v>5.5</c:v>
                </c:pt>
              </c:numCache>
              <c:extLst/>
            </c:numRef>
          </c:val>
          <c:extLst>
            <c:ext xmlns:c16="http://schemas.microsoft.com/office/drawing/2014/chart" uri="{C3380CC4-5D6E-409C-BE32-E72D297353CC}">
              <c16:uniqueId val="{00000000-059F-4B1F-AC19-0E127B598463}"/>
            </c:ext>
          </c:extLst>
        </c:ser>
        <c:ser>
          <c:idx val="1"/>
          <c:order val="1"/>
          <c:tx>
            <c:strRef>
              <c:f>'[Q3.2023 Market Outlook.xlsx]Fed Funds Future'!$H$98</c:f>
              <c:strCache>
                <c:ptCount val="1"/>
                <c:pt idx="0">
                  <c:v>12/13/2023</c:v>
                </c:pt>
              </c:strCache>
            </c:strRef>
          </c:tx>
          <c:spPr>
            <a:solidFill>
              <a:schemeClr val="accent2"/>
            </a:soli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1200" b="0" i="0" u="none" strike="noStrike" kern="1200" baseline="0">
                    <a:solidFill>
                      <a:srgbClr val="231F20"/>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Q3.2023 Market Outlook.xlsx]Fed Funds Future'!$I$96:$K$96</c:f>
              <c:strCache>
                <c:ptCount val="2"/>
                <c:pt idx="0">
                  <c:v>Implied Rate as of 4/28/2023</c:v>
                </c:pt>
                <c:pt idx="1">
                  <c:v>Implied Rate as of 9/29/2023</c:v>
                </c:pt>
              </c:strCache>
              <c:extLst/>
            </c:strRef>
          </c:cat>
          <c:val>
            <c:numRef>
              <c:f>'[Q3.2023 Market Outlook.xlsx]Fed Funds Future'!$I$98:$K$98</c:f>
              <c:numCache>
                <c:formatCode>General</c:formatCode>
                <c:ptCount val="2"/>
                <c:pt idx="0" formatCode="0.0">
                  <c:v>4.4740000000000002</c:v>
                </c:pt>
                <c:pt idx="1">
                  <c:v>5.5</c:v>
                </c:pt>
              </c:numCache>
              <c:extLst/>
            </c:numRef>
          </c:val>
          <c:extLst>
            <c:ext xmlns:c16="http://schemas.microsoft.com/office/drawing/2014/chart" uri="{C3380CC4-5D6E-409C-BE32-E72D297353CC}">
              <c16:uniqueId val="{00000001-059F-4B1F-AC19-0E127B598463}"/>
            </c:ext>
          </c:extLst>
        </c:ser>
        <c:dLbls>
          <c:dLblPos val="outEnd"/>
          <c:showLegendKey val="0"/>
          <c:showVal val="1"/>
          <c:showCatName val="0"/>
          <c:showSerName val="0"/>
          <c:showPercent val="0"/>
          <c:showBubbleSize val="0"/>
        </c:dLbls>
        <c:gapWidth val="219"/>
        <c:overlap val="-27"/>
        <c:axId val="1224144160"/>
        <c:axId val="1224142720"/>
      </c:barChart>
      <c:catAx>
        <c:axId val="1224144160"/>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00" b="0" i="0" u="none" strike="noStrike" kern="1200" baseline="0">
                <a:solidFill>
                  <a:srgbClr val="231F20"/>
                </a:solidFill>
                <a:latin typeface="+mn-lt"/>
                <a:ea typeface="+mn-ea"/>
                <a:cs typeface="+mn-cs"/>
              </a:defRPr>
            </a:pPr>
            <a:endParaRPr lang="en-US"/>
          </a:p>
        </c:txPr>
        <c:crossAx val="1224142720"/>
        <c:crosses val="autoZero"/>
        <c:auto val="1"/>
        <c:lblAlgn val="ctr"/>
        <c:lblOffset val="100"/>
        <c:noMultiLvlLbl val="0"/>
      </c:catAx>
      <c:valAx>
        <c:axId val="1224142720"/>
        <c:scaling>
          <c:orientation val="minMax"/>
        </c:scaling>
        <c:delete val="1"/>
        <c:axPos val="l"/>
        <c:numFmt formatCode="0" sourceLinked="0"/>
        <c:majorTickMark val="none"/>
        <c:minorTickMark val="none"/>
        <c:tickLblPos val="nextTo"/>
        <c:crossAx val="1224144160"/>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1100" b="0" i="0" u="none" strike="noStrike" kern="1200" baseline="0">
              <a:solidFill>
                <a:srgbClr val="231F20"/>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2"/>
          <c:order val="2"/>
          <c:tx>
            <c:v>Recession</c:v>
          </c:tx>
          <c:spPr>
            <a:solidFill>
              <a:schemeClr val="bg1">
                <a:lumMod val="75000"/>
              </a:schemeClr>
            </a:solidFill>
            <a:ln>
              <a:noFill/>
            </a:ln>
            <a:effectLst/>
          </c:spPr>
          <c:invertIfNegative val="0"/>
          <c:cat>
            <c:numRef>
              <c:f>'ISM Manu &amp; Ser'!$F$23:$F$336</c:f>
              <c:numCache>
                <c:formatCode>mm/dd/yy</c:formatCode>
                <c:ptCount val="314"/>
                <c:pt idx="0">
                  <c:v>35642</c:v>
                </c:pt>
                <c:pt idx="1">
                  <c:v>35673</c:v>
                </c:pt>
                <c:pt idx="2">
                  <c:v>35703</c:v>
                </c:pt>
                <c:pt idx="3">
                  <c:v>35734</c:v>
                </c:pt>
                <c:pt idx="4">
                  <c:v>35764</c:v>
                </c:pt>
                <c:pt idx="5">
                  <c:v>35795</c:v>
                </c:pt>
                <c:pt idx="6">
                  <c:v>35826</c:v>
                </c:pt>
                <c:pt idx="7">
                  <c:v>35854</c:v>
                </c:pt>
                <c:pt idx="8">
                  <c:v>35885</c:v>
                </c:pt>
                <c:pt idx="9">
                  <c:v>35915</c:v>
                </c:pt>
                <c:pt idx="10">
                  <c:v>35946</c:v>
                </c:pt>
                <c:pt idx="11">
                  <c:v>35976</c:v>
                </c:pt>
                <c:pt idx="12">
                  <c:v>36007</c:v>
                </c:pt>
                <c:pt idx="13">
                  <c:v>36038</c:v>
                </c:pt>
                <c:pt idx="14">
                  <c:v>36068</c:v>
                </c:pt>
                <c:pt idx="15">
                  <c:v>36099</c:v>
                </c:pt>
                <c:pt idx="16">
                  <c:v>36129</c:v>
                </c:pt>
                <c:pt idx="17">
                  <c:v>36160</c:v>
                </c:pt>
                <c:pt idx="18">
                  <c:v>36191</c:v>
                </c:pt>
                <c:pt idx="19">
                  <c:v>36219</c:v>
                </c:pt>
                <c:pt idx="20">
                  <c:v>36250</c:v>
                </c:pt>
                <c:pt idx="21">
                  <c:v>36280</c:v>
                </c:pt>
                <c:pt idx="22">
                  <c:v>36311</c:v>
                </c:pt>
                <c:pt idx="23">
                  <c:v>36341</c:v>
                </c:pt>
                <c:pt idx="24">
                  <c:v>36372</c:v>
                </c:pt>
                <c:pt idx="25">
                  <c:v>36403</c:v>
                </c:pt>
                <c:pt idx="26">
                  <c:v>36433</c:v>
                </c:pt>
                <c:pt idx="27">
                  <c:v>36464</c:v>
                </c:pt>
                <c:pt idx="28">
                  <c:v>36494</c:v>
                </c:pt>
                <c:pt idx="29">
                  <c:v>36525</c:v>
                </c:pt>
                <c:pt idx="30">
                  <c:v>36556</c:v>
                </c:pt>
                <c:pt idx="31">
                  <c:v>36585</c:v>
                </c:pt>
                <c:pt idx="32">
                  <c:v>36616</c:v>
                </c:pt>
                <c:pt idx="33">
                  <c:v>36646</c:v>
                </c:pt>
                <c:pt idx="34">
                  <c:v>36677</c:v>
                </c:pt>
                <c:pt idx="35">
                  <c:v>36707</c:v>
                </c:pt>
                <c:pt idx="36">
                  <c:v>36738</c:v>
                </c:pt>
                <c:pt idx="37">
                  <c:v>36769</c:v>
                </c:pt>
                <c:pt idx="38">
                  <c:v>36799</c:v>
                </c:pt>
                <c:pt idx="39">
                  <c:v>36830</c:v>
                </c:pt>
                <c:pt idx="40">
                  <c:v>36860</c:v>
                </c:pt>
                <c:pt idx="41">
                  <c:v>36891</c:v>
                </c:pt>
                <c:pt idx="42">
                  <c:v>36922</c:v>
                </c:pt>
                <c:pt idx="43">
                  <c:v>36950</c:v>
                </c:pt>
                <c:pt idx="44">
                  <c:v>36981</c:v>
                </c:pt>
                <c:pt idx="45">
                  <c:v>37011</c:v>
                </c:pt>
                <c:pt idx="46">
                  <c:v>37042</c:v>
                </c:pt>
                <c:pt idx="47">
                  <c:v>37072</c:v>
                </c:pt>
                <c:pt idx="48">
                  <c:v>37103</c:v>
                </c:pt>
                <c:pt idx="49">
                  <c:v>37134</c:v>
                </c:pt>
                <c:pt idx="50">
                  <c:v>37164</c:v>
                </c:pt>
                <c:pt idx="51">
                  <c:v>37195</c:v>
                </c:pt>
                <c:pt idx="52">
                  <c:v>37225</c:v>
                </c:pt>
                <c:pt idx="53">
                  <c:v>37256</c:v>
                </c:pt>
                <c:pt idx="54">
                  <c:v>37287</c:v>
                </c:pt>
                <c:pt idx="55">
                  <c:v>37315</c:v>
                </c:pt>
                <c:pt idx="56">
                  <c:v>37346</c:v>
                </c:pt>
                <c:pt idx="57">
                  <c:v>37376</c:v>
                </c:pt>
                <c:pt idx="58">
                  <c:v>37407</c:v>
                </c:pt>
                <c:pt idx="59">
                  <c:v>37437</c:v>
                </c:pt>
                <c:pt idx="60">
                  <c:v>37468</c:v>
                </c:pt>
                <c:pt idx="61">
                  <c:v>37499</c:v>
                </c:pt>
                <c:pt idx="62">
                  <c:v>37529</c:v>
                </c:pt>
                <c:pt idx="63">
                  <c:v>37560</c:v>
                </c:pt>
                <c:pt idx="64">
                  <c:v>37590</c:v>
                </c:pt>
                <c:pt idx="65">
                  <c:v>37621</c:v>
                </c:pt>
                <c:pt idx="66">
                  <c:v>37652</c:v>
                </c:pt>
                <c:pt idx="67">
                  <c:v>37680</c:v>
                </c:pt>
                <c:pt idx="68">
                  <c:v>37711</c:v>
                </c:pt>
                <c:pt idx="69">
                  <c:v>37741</c:v>
                </c:pt>
                <c:pt idx="70">
                  <c:v>37772</c:v>
                </c:pt>
                <c:pt idx="71">
                  <c:v>37802</c:v>
                </c:pt>
                <c:pt idx="72">
                  <c:v>37833</c:v>
                </c:pt>
                <c:pt idx="73">
                  <c:v>37864</c:v>
                </c:pt>
                <c:pt idx="74">
                  <c:v>37894</c:v>
                </c:pt>
                <c:pt idx="75">
                  <c:v>37925</c:v>
                </c:pt>
                <c:pt idx="76">
                  <c:v>37955</c:v>
                </c:pt>
                <c:pt idx="77">
                  <c:v>37986</c:v>
                </c:pt>
                <c:pt idx="78">
                  <c:v>38017</c:v>
                </c:pt>
                <c:pt idx="79">
                  <c:v>38046</c:v>
                </c:pt>
                <c:pt idx="80">
                  <c:v>38077</c:v>
                </c:pt>
                <c:pt idx="81">
                  <c:v>38107</c:v>
                </c:pt>
                <c:pt idx="82">
                  <c:v>38138</c:v>
                </c:pt>
                <c:pt idx="83">
                  <c:v>38168</c:v>
                </c:pt>
                <c:pt idx="84">
                  <c:v>38199</c:v>
                </c:pt>
                <c:pt idx="85">
                  <c:v>38230</c:v>
                </c:pt>
                <c:pt idx="86">
                  <c:v>38260</c:v>
                </c:pt>
                <c:pt idx="87">
                  <c:v>38291</c:v>
                </c:pt>
                <c:pt idx="88">
                  <c:v>38321</c:v>
                </c:pt>
                <c:pt idx="89">
                  <c:v>38352</c:v>
                </c:pt>
                <c:pt idx="90">
                  <c:v>38383</c:v>
                </c:pt>
                <c:pt idx="91">
                  <c:v>38411</c:v>
                </c:pt>
                <c:pt idx="92">
                  <c:v>38442</c:v>
                </c:pt>
                <c:pt idx="93">
                  <c:v>38472</c:v>
                </c:pt>
                <c:pt idx="94">
                  <c:v>38503</c:v>
                </c:pt>
                <c:pt idx="95">
                  <c:v>38533</c:v>
                </c:pt>
                <c:pt idx="96">
                  <c:v>38564</c:v>
                </c:pt>
                <c:pt idx="97">
                  <c:v>38595</c:v>
                </c:pt>
                <c:pt idx="98">
                  <c:v>38625</c:v>
                </c:pt>
                <c:pt idx="99">
                  <c:v>38656</c:v>
                </c:pt>
                <c:pt idx="100">
                  <c:v>38686</c:v>
                </c:pt>
                <c:pt idx="101">
                  <c:v>38717</c:v>
                </c:pt>
                <c:pt idx="102">
                  <c:v>38748</c:v>
                </c:pt>
                <c:pt idx="103">
                  <c:v>38776</c:v>
                </c:pt>
                <c:pt idx="104">
                  <c:v>38807</c:v>
                </c:pt>
                <c:pt idx="105">
                  <c:v>38837</c:v>
                </c:pt>
                <c:pt idx="106">
                  <c:v>38868</c:v>
                </c:pt>
                <c:pt idx="107">
                  <c:v>38898</c:v>
                </c:pt>
                <c:pt idx="108">
                  <c:v>38929</c:v>
                </c:pt>
                <c:pt idx="109">
                  <c:v>38960</c:v>
                </c:pt>
                <c:pt idx="110">
                  <c:v>38990</c:v>
                </c:pt>
                <c:pt idx="111">
                  <c:v>39021</c:v>
                </c:pt>
                <c:pt idx="112">
                  <c:v>39051</c:v>
                </c:pt>
                <c:pt idx="113">
                  <c:v>39082</c:v>
                </c:pt>
                <c:pt idx="114">
                  <c:v>39113</c:v>
                </c:pt>
                <c:pt idx="115">
                  <c:v>39141</c:v>
                </c:pt>
                <c:pt idx="116">
                  <c:v>39172</c:v>
                </c:pt>
                <c:pt idx="117">
                  <c:v>39202</c:v>
                </c:pt>
                <c:pt idx="118">
                  <c:v>39233</c:v>
                </c:pt>
                <c:pt idx="119">
                  <c:v>39263</c:v>
                </c:pt>
                <c:pt idx="120">
                  <c:v>39294</c:v>
                </c:pt>
                <c:pt idx="121">
                  <c:v>39325</c:v>
                </c:pt>
                <c:pt idx="122">
                  <c:v>39355</c:v>
                </c:pt>
                <c:pt idx="123">
                  <c:v>39386</c:v>
                </c:pt>
                <c:pt idx="124">
                  <c:v>39416</c:v>
                </c:pt>
                <c:pt idx="125">
                  <c:v>39447</c:v>
                </c:pt>
                <c:pt idx="126">
                  <c:v>39478</c:v>
                </c:pt>
                <c:pt idx="127">
                  <c:v>39507</c:v>
                </c:pt>
                <c:pt idx="128">
                  <c:v>39538</c:v>
                </c:pt>
                <c:pt idx="129">
                  <c:v>39568</c:v>
                </c:pt>
                <c:pt idx="130">
                  <c:v>39599</c:v>
                </c:pt>
                <c:pt idx="131">
                  <c:v>39629</c:v>
                </c:pt>
                <c:pt idx="132">
                  <c:v>39660</c:v>
                </c:pt>
                <c:pt idx="133">
                  <c:v>39691</c:v>
                </c:pt>
                <c:pt idx="134">
                  <c:v>39721</c:v>
                </c:pt>
                <c:pt idx="135">
                  <c:v>39752</c:v>
                </c:pt>
                <c:pt idx="136">
                  <c:v>39782</c:v>
                </c:pt>
                <c:pt idx="137">
                  <c:v>39813</c:v>
                </c:pt>
                <c:pt idx="138">
                  <c:v>39844</c:v>
                </c:pt>
                <c:pt idx="139">
                  <c:v>39872</c:v>
                </c:pt>
                <c:pt idx="140">
                  <c:v>39903</c:v>
                </c:pt>
                <c:pt idx="141">
                  <c:v>39933</c:v>
                </c:pt>
                <c:pt idx="142">
                  <c:v>39964</c:v>
                </c:pt>
                <c:pt idx="143">
                  <c:v>39994</c:v>
                </c:pt>
                <c:pt idx="144">
                  <c:v>40025</c:v>
                </c:pt>
                <c:pt idx="145">
                  <c:v>40056</c:v>
                </c:pt>
                <c:pt idx="146">
                  <c:v>40086</c:v>
                </c:pt>
                <c:pt idx="147">
                  <c:v>40117</c:v>
                </c:pt>
                <c:pt idx="148">
                  <c:v>40147</c:v>
                </c:pt>
                <c:pt idx="149">
                  <c:v>40178</c:v>
                </c:pt>
                <c:pt idx="150">
                  <c:v>40209</c:v>
                </c:pt>
                <c:pt idx="151">
                  <c:v>40237</c:v>
                </c:pt>
                <c:pt idx="152">
                  <c:v>40268</c:v>
                </c:pt>
                <c:pt idx="153">
                  <c:v>40298</c:v>
                </c:pt>
                <c:pt idx="154">
                  <c:v>40329</c:v>
                </c:pt>
                <c:pt idx="155">
                  <c:v>40359</c:v>
                </c:pt>
                <c:pt idx="156">
                  <c:v>40390</c:v>
                </c:pt>
                <c:pt idx="157">
                  <c:v>40421</c:v>
                </c:pt>
                <c:pt idx="158">
                  <c:v>40451</c:v>
                </c:pt>
                <c:pt idx="159">
                  <c:v>40482</c:v>
                </c:pt>
                <c:pt idx="160">
                  <c:v>40512</c:v>
                </c:pt>
                <c:pt idx="161">
                  <c:v>40543</c:v>
                </c:pt>
                <c:pt idx="162">
                  <c:v>40574</c:v>
                </c:pt>
                <c:pt idx="163">
                  <c:v>40602</c:v>
                </c:pt>
                <c:pt idx="164">
                  <c:v>40633</c:v>
                </c:pt>
                <c:pt idx="165">
                  <c:v>40663</c:v>
                </c:pt>
                <c:pt idx="166">
                  <c:v>40694</c:v>
                </c:pt>
                <c:pt idx="167">
                  <c:v>40724</c:v>
                </c:pt>
                <c:pt idx="168">
                  <c:v>40755</c:v>
                </c:pt>
                <c:pt idx="169">
                  <c:v>40786</c:v>
                </c:pt>
                <c:pt idx="170">
                  <c:v>40816</c:v>
                </c:pt>
                <c:pt idx="171">
                  <c:v>40847</c:v>
                </c:pt>
                <c:pt idx="172">
                  <c:v>40877</c:v>
                </c:pt>
                <c:pt idx="173">
                  <c:v>40908</c:v>
                </c:pt>
                <c:pt idx="174">
                  <c:v>40939</c:v>
                </c:pt>
                <c:pt idx="175">
                  <c:v>40968</c:v>
                </c:pt>
                <c:pt idx="176">
                  <c:v>40999</c:v>
                </c:pt>
                <c:pt idx="177">
                  <c:v>41029</c:v>
                </c:pt>
                <c:pt idx="178">
                  <c:v>41060</c:v>
                </c:pt>
                <c:pt idx="179">
                  <c:v>41090</c:v>
                </c:pt>
                <c:pt idx="180">
                  <c:v>41121</c:v>
                </c:pt>
                <c:pt idx="181">
                  <c:v>41152</c:v>
                </c:pt>
                <c:pt idx="182">
                  <c:v>41182</c:v>
                </c:pt>
                <c:pt idx="183">
                  <c:v>41213</c:v>
                </c:pt>
                <c:pt idx="184">
                  <c:v>41243</c:v>
                </c:pt>
                <c:pt idx="185">
                  <c:v>41274</c:v>
                </c:pt>
                <c:pt idx="186">
                  <c:v>41305</c:v>
                </c:pt>
                <c:pt idx="187">
                  <c:v>41333</c:v>
                </c:pt>
                <c:pt idx="188">
                  <c:v>41364</c:v>
                </c:pt>
                <c:pt idx="189">
                  <c:v>41394</c:v>
                </c:pt>
                <c:pt idx="190">
                  <c:v>41425</c:v>
                </c:pt>
                <c:pt idx="191">
                  <c:v>41455</c:v>
                </c:pt>
                <c:pt idx="192">
                  <c:v>41486</c:v>
                </c:pt>
                <c:pt idx="193">
                  <c:v>41517</c:v>
                </c:pt>
                <c:pt idx="194">
                  <c:v>41547</c:v>
                </c:pt>
                <c:pt idx="195">
                  <c:v>41578</c:v>
                </c:pt>
                <c:pt idx="196">
                  <c:v>41608</c:v>
                </c:pt>
                <c:pt idx="197">
                  <c:v>41639</c:v>
                </c:pt>
                <c:pt idx="198">
                  <c:v>41670</c:v>
                </c:pt>
                <c:pt idx="199">
                  <c:v>41698</c:v>
                </c:pt>
                <c:pt idx="200">
                  <c:v>41729</c:v>
                </c:pt>
                <c:pt idx="201">
                  <c:v>41759</c:v>
                </c:pt>
                <c:pt idx="202">
                  <c:v>41790</c:v>
                </c:pt>
                <c:pt idx="203">
                  <c:v>41820</c:v>
                </c:pt>
                <c:pt idx="204">
                  <c:v>41851</c:v>
                </c:pt>
                <c:pt idx="205">
                  <c:v>41882</c:v>
                </c:pt>
                <c:pt idx="206">
                  <c:v>41912</c:v>
                </c:pt>
                <c:pt idx="207">
                  <c:v>41943</c:v>
                </c:pt>
                <c:pt idx="208">
                  <c:v>41973</c:v>
                </c:pt>
                <c:pt idx="209">
                  <c:v>42004</c:v>
                </c:pt>
                <c:pt idx="210">
                  <c:v>42035</c:v>
                </c:pt>
                <c:pt idx="211">
                  <c:v>42063</c:v>
                </c:pt>
                <c:pt idx="212">
                  <c:v>42094</c:v>
                </c:pt>
                <c:pt idx="213">
                  <c:v>42124</c:v>
                </c:pt>
                <c:pt idx="214">
                  <c:v>42155</c:v>
                </c:pt>
                <c:pt idx="215">
                  <c:v>42185</c:v>
                </c:pt>
                <c:pt idx="216">
                  <c:v>42216</c:v>
                </c:pt>
                <c:pt idx="217">
                  <c:v>42247</c:v>
                </c:pt>
                <c:pt idx="218">
                  <c:v>42277</c:v>
                </c:pt>
                <c:pt idx="219">
                  <c:v>42308</c:v>
                </c:pt>
                <c:pt idx="220">
                  <c:v>42338</c:v>
                </c:pt>
                <c:pt idx="221">
                  <c:v>42369</c:v>
                </c:pt>
                <c:pt idx="222">
                  <c:v>42400</c:v>
                </c:pt>
                <c:pt idx="223">
                  <c:v>42429</c:v>
                </c:pt>
                <c:pt idx="224">
                  <c:v>42460</c:v>
                </c:pt>
                <c:pt idx="225">
                  <c:v>42490</c:v>
                </c:pt>
                <c:pt idx="226">
                  <c:v>42521</c:v>
                </c:pt>
                <c:pt idx="227">
                  <c:v>42551</c:v>
                </c:pt>
                <c:pt idx="228">
                  <c:v>42582</c:v>
                </c:pt>
                <c:pt idx="229">
                  <c:v>42613</c:v>
                </c:pt>
                <c:pt idx="230">
                  <c:v>42643</c:v>
                </c:pt>
                <c:pt idx="231">
                  <c:v>42674</c:v>
                </c:pt>
                <c:pt idx="232">
                  <c:v>42704</c:v>
                </c:pt>
                <c:pt idx="233">
                  <c:v>42735</c:v>
                </c:pt>
                <c:pt idx="234">
                  <c:v>42766</c:v>
                </c:pt>
                <c:pt idx="235">
                  <c:v>42794</c:v>
                </c:pt>
                <c:pt idx="236">
                  <c:v>42825</c:v>
                </c:pt>
                <c:pt idx="237">
                  <c:v>42855</c:v>
                </c:pt>
                <c:pt idx="238">
                  <c:v>42886</c:v>
                </c:pt>
                <c:pt idx="239">
                  <c:v>42916</c:v>
                </c:pt>
                <c:pt idx="240">
                  <c:v>42947</c:v>
                </c:pt>
                <c:pt idx="241">
                  <c:v>42978</c:v>
                </c:pt>
                <c:pt idx="242">
                  <c:v>43008</c:v>
                </c:pt>
                <c:pt idx="243">
                  <c:v>43039</c:v>
                </c:pt>
                <c:pt idx="244">
                  <c:v>43069</c:v>
                </c:pt>
                <c:pt idx="245">
                  <c:v>43100</c:v>
                </c:pt>
                <c:pt idx="246">
                  <c:v>43131</c:v>
                </c:pt>
                <c:pt idx="247">
                  <c:v>43159</c:v>
                </c:pt>
                <c:pt idx="248">
                  <c:v>43190</c:v>
                </c:pt>
                <c:pt idx="249">
                  <c:v>43220</c:v>
                </c:pt>
                <c:pt idx="250">
                  <c:v>43251</c:v>
                </c:pt>
                <c:pt idx="251">
                  <c:v>43281</c:v>
                </c:pt>
                <c:pt idx="252">
                  <c:v>43312</c:v>
                </c:pt>
                <c:pt idx="253">
                  <c:v>43343</c:v>
                </c:pt>
                <c:pt idx="254">
                  <c:v>43373</c:v>
                </c:pt>
                <c:pt idx="255">
                  <c:v>43404</c:v>
                </c:pt>
                <c:pt idx="256">
                  <c:v>43434</c:v>
                </c:pt>
                <c:pt idx="257">
                  <c:v>43465</c:v>
                </c:pt>
                <c:pt idx="258">
                  <c:v>43496</c:v>
                </c:pt>
                <c:pt idx="259">
                  <c:v>43524</c:v>
                </c:pt>
                <c:pt idx="260">
                  <c:v>43555</c:v>
                </c:pt>
                <c:pt idx="261">
                  <c:v>43585</c:v>
                </c:pt>
                <c:pt idx="262">
                  <c:v>43616</c:v>
                </c:pt>
                <c:pt idx="263">
                  <c:v>43646</c:v>
                </c:pt>
                <c:pt idx="264">
                  <c:v>43677</c:v>
                </c:pt>
                <c:pt idx="265">
                  <c:v>43708</c:v>
                </c:pt>
                <c:pt idx="266">
                  <c:v>43738</c:v>
                </c:pt>
                <c:pt idx="267">
                  <c:v>43769</c:v>
                </c:pt>
                <c:pt idx="268">
                  <c:v>43799</c:v>
                </c:pt>
                <c:pt idx="269">
                  <c:v>43830</c:v>
                </c:pt>
                <c:pt idx="270">
                  <c:v>43861</c:v>
                </c:pt>
                <c:pt idx="271">
                  <c:v>43890</c:v>
                </c:pt>
                <c:pt idx="272">
                  <c:v>43921</c:v>
                </c:pt>
                <c:pt idx="273">
                  <c:v>43951</c:v>
                </c:pt>
                <c:pt idx="274">
                  <c:v>43982</c:v>
                </c:pt>
                <c:pt idx="275">
                  <c:v>44012</c:v>
                </c:pt>
                <c:pt idx="276">
                  <c:v>44043</c:v>
                </c:pt>
                <c:pt idx="277">
                  <c:v>44074</c:v>
                </c:pt>
                <c:pt idx="278">
                  <c:v>44104</c:v>
                </c:pt>
                <c:pt idx="279">
                  <c:v>44135</c:v>
                </c:pt>
                <c:pt idx="280">
                  <c:v>44165</c:v>
                </c:pt>
                <c:pt idx="281">
                  <c:v>44196</c:v>
                </c:pt>
                <c:pt idx="282">
                  <c:v>44227</c:v>
                </c:pt>
                <c:pt idx="283">
                  <c:v>44255</c:v>
                </c:pt>
                <c:pt idx="284">
                  <c:v>44286</c:v>
                </c:pt>
                <c:pt idx="285">
                  <c:v>44316</c:v>
                </c:pt>
                <c:pt idx="286">
                  <c:v>44347</c:v>
                </c:pt>
                <c:pt idx="287">
                  <c:v>44377</c:v>
                </c:pt>
                <c:pt idx="288">
                  <c:v>44408</c:v>
                </c:pt>
                <c:pt idx="289">
                  <c:v>44439</c:v>
                </c:pt>
                <c:pt idx="290">
                  <c:v>44469</c:v>
                </c:pt>
                <c:pt idx="291">
                  <c:v>44500</c:v>
                </c:pt>
                <c:pt idx="292">
                  <c:v>44530</c:v>
                </c:pt>
                <c:pt idx="293">
                  <c:v>44561</c:v>
                </c:pt>
                <c:pt idx="294">
                  <c:v>44592</c:v>
                </c:pt>
                <c:pt idx="295">
                  <c:v>44620</c:v>
                </c:pt>
                <c:pt idx="296">
                  <c:v>44651</c:v>
                </c:pt>
                <c:pt idx="297">
                  <c:v>44681</c:v>
                </c:pt>
                <c:pt idx="298">
                  <c:v>44712</c:v>
                </c:pt>
                <c:pt idx="299">
                  <c:v>44742</c:v>
                </c:pt>
                <c:pt idx="300">
                  <c:v>44773</c:v>
                </c:pt>
                <c:pt idx="301">
                  <c:v>44804</c:v>
                </c:pt>
                <c:pt idx="302">
                  <c:v>44834</c:v>
                </c:pt>
                <c:pt idx="303">
                  <c:v>44865</c:v>
                </c:pt>
                <c:pt idx="304">
                  <c:v>44895</c:v>
                </c:pt>
                <c:pt idx="305">
                  <c:v>44926</c:v>
                </c:pt>
                <c:pt idx="306">
                  <c:v>44957</c:v>
                </c:pt>
                <c:pt idx="307">
                  <c:v>44985</c:v>
                </c:pt>
                <c:pt idx="308">
                  <c:v>45016</c:v>
                </c:pt>
                <c:pt idx="309">
                  <c:v>45046</c:v>
                </c:pt>
                <c:pt idx="310">
                  <c:v>45077</c:v>
                </c:pt>
                <c:pt idx="311">
                  <c:v>45107</c:v>
                </c:pt>
                <c:pt idx="312">
                  <c:v>45138</c:v>
                </c:pt>
                <c:pt idx="313">
                  <c:v>45169</c:v>
                </c:pt>
              </c:numCache>
            </c:numRef>
          </c:cat>
          <c:val>
            <c:numRef>
              <c:f>'ISM Manu &amp; Ser'!$I$23:$I$336</c:f>
              <c:numCache>
                <c:formatCode>0.00</c:formatCode>
                <c:ptCount val="314"/>
                <c:pt idx="0">
                  <c:v>0</c:v>
                </c:pt>
                <c:pt idx="1">
                  <c:v>0</c:v>
                </c:pt>
                <c:pt idx="2">
                  <c:v>0</c:v>
                </c:pt>
                <c:pt idx="3">
                  <c:v>0</c:v>
                </c:pt>
                <c:pt idx="4">
                  <c:v>0</c:v>
                </c:pt>
                <c:pt idx="5">
                  <c:v>0</c:v>
                </c:pt>
                <c:pt idx="6">
                  <c:v>0</c:v>
                </c:pt>
                <c:pt idx="7">
                  <c:v>0</c:v>
                </c:pt>
                <c:pt idx="8">
                  <c:v>0</c:v>
                </c:pt>
                <c:pt idx="9">
                  <c:v>0</c:v>
                </c:pt>
                <c:pt idx="10">
                  <c:v>0</c:v>
                </c:pt>
                <c:pt idx="11">
                  <c:v>0</c:v>
                </c:pt>
                <c:pt idx="12">
                  <c:v>0</c:v>
                </c:pt>
                <c:pt idx="13">
                  <c:v>0</c:v>
                </c:pt>
                <c:pt idx="14">
                  <c:v>0</c:v>
                </c:pt>
                <c:pt idx="15">
                  <c:v>0</c:v>
                </c:pt>
                <c:pt idx="16">
                  <c:v>0</c:v>
                </c:pt>
                <c:pt idx="17">
                  <c:v>0</c:v>
                </c:pt>
                <c:pt idx="18">
                  <c:v>0</c:v>
                </c:pt>
                <c:pt idx="19">
                  <c:v>0</c:v>
                </c:pt>
                <c:pt idx="20">
                  <c:v>0</c:v>
                </c:pt>
                <c:pt idx="21">
                  <c:v>0</c:v>
                </c:pt>
                <c:pt idx="22">
                  <c:v>0</c:v>
                </c:pt>
                <c:pt idx="23">
                  <c:v>0</c:v>
                </c:pt>
                <c:pt idx="24">
                  <c:v>0</c:v>
                </c:pt>
                <c:pt idx="25">
                  <c:v>0</c:v>
                </c:pt>
                <c:pt idx="26">
                  <c:v>0</c:v>
                </c:pt>
                <c:pt idx="27">
                  <c:v>0</c:v>
                </c:pt>
                <c:pt idx="28">
                  <c:v>0</c:v>
                </c:pt>
                <c:pt idx="29">
                  <c:v>0</c:v>
                </c:pt>
                <c:pt idx="30">
                  <c:v>0</c:v>
                </c:pt>
                <c:pt idx="31">
                  <c:v>0</c:v>
                </c:pt>
                <c:pt idx="32">
                  <c:v>0</c:v>
                </c:pt>
                <c:pt idx="33">
                  <c:v>0</c:v>
                </c:pt>
                <c:pt idx="34">
                  <c:v>0</c:v>
                </c:pt>
                <c:pt idx="35">
                  <c:v>0</c:v>
                </c:pt>
                <c:pt idx="36">
                  <c:v>0</c:v>
                </c:pt>
                <c:pt idx="37">
                  <c:v>0</c:v>
                </c:pt>
                <c:pt idx="38">
                  <c:v>0</c:v>
                </c:pt>
                <c:pt idx="39">
                  <c:v>0</c:v>
                </c:pt>
                <c:pt idx="40">
                  <c:v>0</c:v>
                </c:pt>
                <c:pt idx="41">
                  <c:v>0</c:v>
                </c:pt>
                <c:pt idx="42">
                  <c:v>0</c:v>
                </c:pt>
                <c:pt idx="43">
                  <c:v>0</c:v>
                </c:pt>
                <c:pt idx="44">
                  <c:v>1</c:v>
                </c:pt>
                <c:pt idx="45">
                  <c:v>1</c:v>
                </c:pt>
                <c:pt idx="46">
                  <c:v>1</c:v>
                </c:pt>
                <c:pt idx="47">
                  <c:v>1</c:v>
                </c:pt>
                <c:pt idx="48">
                  <c:v>1</c:v>
                </c:pt>
                <c:pt idx="49">
                  <c:v>1</c:v>
                </c:pt>
                <c:pt idx="50">
                  <c:v>1</c:v>
                </c:pt>
                <c:pt idx="51">
                  <c:v>1</c:v>
                </c:pt>
                <c:pt idx="52">
                  <c:v>1</c:v>
                </c:pt>
                <c:pt idx="53">
                  <c:v>0</c:v>
                </c:pt>
                <c:pt idx="54">
                  <c:v>0</c:v>
                </c:pt>
                <c:pt idx="55">
                  <c:v>0</c:v>
                </c:pt>
                <c:pt idx="56">
                  <c:v>0</c:v>
                </c:pt>
                <c:pt idx="57">
                  <c:v>0</c:v>
                </c:pt>
                <c:pt idx="58">
                  <c:v>0</c:v>
                </c:pt>
                <c:pt idx="59">
                  <c:v>0</c:v>
                </c:pt>
                <c:pt idx="60">
                  <c:v>0</c:v>
                </c:pt>
                <c:pt idx="61">
                  <c:v>0</c:v>
                </c:pt>
                <c:pt idx="62">
                  <c:v>0</c:v>
                </c:pt>
                <c:pt idx="63">
                  <c:v>0</c:v>
                </c:pt>
                <c:pt idx="64">
                  <c:v>0</c:v>
                </c:pt>
                <c:pt idx="65">
                  <c:v>0</c:v>
                </c:pt>
                <c:pt idx="66">
                  <c:v>0</c:v>
                </c:pt>
                <c:pt idx="67">
                  <c:v>0</c:v>
                </c:pt>
                <c:pt idx="68">
                  <c:v>0</c:v>
                </c:pt>
                <c:pt idx="69">
                  <c:v>0</c:v>
                </c:pt>
                <c:pt idx="70">
                  <c:v>0</c:v>
                </c:pt>
                <c:pt idx="71">
                  <c:v>0</c:v>
                </c:pt>
                <c:pt idx="72">
                  <c:v>0</c:v>
                </c:pt>
                <c:pt idx="73">
                  <c:v>0</c:v>
                </c:pt>
                <c:pt idx="74">
                  <c:v>0</c:v>
                </c:pt>
                <c:pt idx="75">
                  <c:v>0</c:v>
                </c:pt>
                <c:pt idx="76">
                  <c:v>0</c:v>
                </c:pt>
                <c:pt idx="77">
                  <c:v>0</c:v>
                </c:pt>
                <c:pt idx="78">
                  <c:v>0</c:v>
                </c:pt>
                <c:pt idx="79">
                  <c:v>0</c:v>
                </c:pt>
                <c:pt idx="80">
                  <c:v>0</c:v>
                </c:pt>
                <c:pt idx="81">
                  <c:v>0</c:v>
                </c:pt>
                <c:pt idx="82">
                  <c:v>0</c:v>
                </c:pt>
                <c:pt idx="83">
                  <c:v>0</c:v>
                </c:pt>
                <c:pt idx="84">
                  <c:v>0</c:v>
                </c:pt>
                <c:pt idx="85">
                  <c:v>0</c:v>
                </c:pt>
                <c:pt idx="86">
                  <c:v>0</c:v>
                </c:pt>
                <c:pt idx="87">
                  <c:v>0</c:v>
                </c:pt>
                <c:pt idx="88">
                  <c:v>0</c:v>
                </c:pt>
                <c:pt idx="89">
                  <c:v>0</c:v>
                </c:pt>
                <c:pt idx="90">
                  <c:v>0</c:v>
                </c:pt>
                <c:pt idx="91">
                  <c:v>0</c:v>
                </c:pt>
                <c:pt idx="92">
                  <c:v>0</c:v>
                </c:pt>
                <c:pt idx="93">
                  <c:v>0</c:v>
                </c:pt>
                <c:pt idx="94">
                  <c:v>0</c:v>
                </c:pt>
                <c:pt idx="95">
                  <c:v>0</c:v>
                </c:pt>
                <c:pt idx="96">
                  <c:v>0</c:v>
                </c:pt>
                <c:pt idx="97">
                  <c:v>0</c:v>
                </c:pt>
                <c:pt idx="98">
                  <c:v>0</c:v>
                </c:pt>
                <c:pt idx="99">
                  <c:v>0</c:v>
                </c:pt>
                <c:pt idx="100">
                  <c:v>0</c:v>
                </c:pt>
                <c:pt idx="101">
                  <c:v>0</c:v>
                </c:pt>
                <c:pt idx="102">
                  <c:v>0</c:v>
                </c:pt>
                <c:pt idx="103">
                  <c:v>0</c:v>
                </c:pt>
                <c:pt idx="104">
                  <c:v>0</c:v>
                </c:pt>
                <c:pt idx="105">
                  <c:v>0</c:v>
                </c:pt>
                <c:pt idx="106">
                  <c:v>0</c:v>
                </c:pt>
                <c:pt idx="107">
                  <c:v>0</c:v>
                </c:pt>
                <c:pt idx="108">
                  <c:v>0</c:v>
                </c:pt>
                <c:pt idx="109">
                  <c:v>0</c:v>
                </c:pt>
                <c:pt idx="110">
                  <c:v>0</c:v>
                </c:pt>
                <c:pt idx="111">
                  <c:v>0</c:v>
                </c:pt>
                <c:pt idx="112">
                  <c:v>0</c:v>
                </c:pt>
                <c:pt idx="113">
                  <c:v>0</c:v>
                </c:pt>
                <c:pt idx="114">
                  <c:v>0</c:v>
                </c:pt>
                <c:pt idx="115">
                  <c:v>0</c:v>
                </c:pt>
                <c:pt idx="116">
                  <c:v>0</c:v>
                </c:pt>
                <c:pt idx="117">
                  <c:v>0</c:v>
                </c:pt>
                <c:pt idx="118">
                  <c:v>0</c:v>
                </c:pt>
                <c:pt idx="119">
                  <c:v>0</c:v>
                </c:pt>
                <c:pt idx="120">
                  <c:v>0</c:v>
                </c:pt>
                <c:pt idx="121">
                  <c:v>0</c:v>
                </c:pt>
                <c:pt idx="122">
                  <c:v>0</c:v>
                </c:pt>
                <c:pt idx="123">
                  <c:v>0</c:v>
                </c:pt>
                <c:pt idx="124">
                  <c:v>0</c:v>
                </c:pt>
                <c:pt idx="125">
                  <c:v>1</c:v>
                </c:pt>
                <c:pt idx="126">
                  <c:v>1</c:v>
                </c:pt>
                <c:pt idx="127">
                  <c:v>1</c:v>
                </c:pt>
                <c:pt idx="128">
                  <c:v>1</c:v>
                </c:pt>
                <c:pt idx="129">
                  <c:v>1</c:v>
                </c:pt>
                <c:pt idx="130">
                  <c:v>1</c:v>
                </c:pt>
                <c:pt idx="131">
                  <c:v>1</c:v>
                </c:pt>
                <c:pt idx="132">
                  <c:v>1</c:v>
                </c:pt>
                <c:pt idx="133">
                  <c:v>1</c:v>
                </c:pt>
                <c:pt idx="134">
                  <c:v>1</c:v>
                </c:pt>
                <c:pt idx="135">
                  <c:v>1</c:v>
                </c:pt>
                <c:pt idx="136">
                  <c:v>1</c:v>
                </c:pt>
                <c:pt idx="137">
                  <c:v>1</c:v>
                </c:pt>
                <c:pt idx="138">
                  <c:v>1</c:v>
                </c:pt>
                <c:pt idx="139">
                  <c:v>1</c:v>
                </c:pt>
                <c:pt idx="140">
                  <c:v>1</c:v>
                </c:pt>
                <c:pt idx="141">
                  <c:v>1</c:v>
                </c:pt>
                <c:pt idx="142">
                  <c:v>1</c:v>
                </c:pt>
                <c:pt idx="143">
                  <c:v>1</c:v>
                </c:pt>
                <c:pt idx="144">
                  <c:v>0</c:v>
                </c:pt>
                <c:pt idx="145">
                  <c:v>0</c:v>
                </c:pt>
                <c:pt idx="146">
                  <c:v>0</c:v>
                </c:pt>
                <c:pt idx="147">
                  <c:v>0</c:v>
                </c:pt>
                <c:pt idx="148">
                  <c:v>0</c:v>
                </c:pt>
                <c:pt idx="149">
                  <c:v>0</c:v>
                </c:pt>
                <c:pt idx="150">
                  <c:v>0</c:v>
                </c:pt>
                <c:pt idx="151">
                  <c:v>0</c:v>
                </c:pt>
                <c:pt idx="152">
                  <c:v>0</c:v>
                </c:pt>
                <c:pt idx="153">
                  <c:v>0</c:v>
                </c:pt>
                <c:pt idx="154">
                  <c:v>0</c:v>
                </c:pt>
                <c:pt idx="155">
                  <c:v>0</c:v>
                </c:pt>
                <c:pt idx="156">
                  <c:v>0</c:v>
                </c:pt>
                <c:pt idx="157">
                  <c:v>0</c:v>
                </c:pt>
                <c:pt idx="158">
                  <c:v>0</c:v>
                </c:pt>
                <c:pt idx="159">
                  <c:v>0</c:v>
                </c:pt>
                <c:pt idx="160">
                  <c:v>0</c:v>
                </c:pt>
                <c:pt idx="161">
                  <c:v>0</c:v>
                </c:pt>
                <c:pt idx="162">
                  <c:v>0</c:v>
                </c:pt>
                <c:pt idx="163">
                  <c:v>0</c:v>
                </c:pt>
                <c:pt idx="164">
                  <c:v>0</c:v>
                </c:pt>
                <c:pt idx="165">
                  <c:v>0</c:v>
                </c:pt>
                <c:pt idx="166">
                  <c:v>0</c:v>
                </c:pt>
                <c:pt idx="167">
                  <c:v>0</c:v>
                </c:pt>
                <c:pt idx="168">
                  <c:v>0</c:v>
                </c:pt>
                <c:pt idx="169">
                  <c:v>0</c:v>
                </c:pt>
                <c:pt idx="170">
                  <c:v>0</c:v>
                </c:pt>
                <c:pt idx="171">
                  <c:v>0</c:v>
                </c:pt>
                <c:pt idx="172">
                  <c:v>0</c:v>
                </c:pt>
                <c:pt idx="173">
                  <c:v>0</c:v>
                </c:pt>
                <c:pt idx="174">
                  <c:v>0</c:v>
                </c:pt>
                <c:pt idx="175">
                  <c:v>0</c:v>
                </c:pt>
                <c:pt idx="176">
                  <c:v>0</c:v>
                </c:pt>
                <c:pt idx="177">
                  <c:v>0</c:v>
                </c:pt>
                <c:pt idx="178">
                  <c:v>0</c:v>
                </c:pt>
                <c:pt idx="179">
                  <c:v>0</c:v>
                </c:pt>
                <c:pt idx="180">
                  <c:v>0</c:v>
                </c:pt>
                <c:pt idx="181">
                  <c:v>0</c:v>
                </c:pt>
                <c:pt idx="182">
                  <c:v>0</c:v>
                </c:pt>
                <c:pt idx="183">
                  <c:v>0</c:v>
                </c:pt>
                <c:pt idx="184">
                  <c:v>0</c:v>
                </c:pt>
                <c:pt idx="185">
                  <c:v>0</c:v>
                </c:pt>
                <c:pt idx="186">
                  <c:v>0</c:v>
                </c:pt>
                <c:pt idx="187">
                  <c:v>0</c:v>
                </c:pt>
                <c:pt idx="188">
                  <c:v>0</c:v>
                </c:pt>
                <c:pt idx="189">
                  <c:v>0</c:v>
                </c:pt>
                <c:pt idx="190">
                  <c:v>0</c:v>
                </c:pt>
                <c:pt idx="191">
                  <c:v>0</c:v>
                </c:pt>
                <c:pt idx="192">
                  <c:v>0</c:v>
                </c:pt>
                <c:pt idx="193">
                  <c:v>0</c:v>
                </c:pt>
                <c:pt idx="194">
                  <c:v>0</c:v>
                </c:pt>
                <c:pt idx="195">
                  <c:v>0</c:v>
                </c:pt>
                <c:pt idx="196">
                  <c:v>0</c:v>
                </c:pt>
                <c:pt idx="197">
                  <c:v>0</c:v>
                </c:pt>
                <c:pt idx="198">
                  <c:v>0</c:v>
                </c:pt>
                <c:pt idx="199">
                  <c:v>0</c:v>
                </c:pt>
                <c:pt idx="200">
                  <c:v>0</c:v>
                </c:pt>
                <c:pt idx="201">
                  <c:v>0</c:v>
                </c:pt>
                <c:pt idx="202">
                  <c:v>0</c:v>
                </c:pt>
                <c:pt idx="203">
                  <c:v>0</c:v>
                </c:pt>
                <c:pt idx="204">
                  <c:v>0</c:v>
                </c:pt>
                <c:pt idx="205">
                  <c:v>0</c:v>
                </c:pt>
                <c:pt idx="206">
                  <c:v>0</c:v>
                </c:pt>
                <c:pt idx="207">
                  <c:v>0</c:v>
                </c:pt>
                <c:pt idx="208">
                  <c:v>0</c:v>
                </c:pt>
                <c:pt idx="209">
                  <c:v>0</c:v>
                </c:pt>
                <c:pt idx="210">
                  <c:v>0</c:v>
                </c:pt>
                <c:pt idx="211">
                  <c:v>0</c:v>
                </c:pt>
                <c:pt idx="212">
                  <c:v>0</c:v>
                </c:pt>
                <c:pt idx="213">
                  <c:v>0</c:v>
                </c:pt>
                <c:pt idx="214">
                  <c:v>0</c:v>
                </c:pt>
                <c:pt idx="215">
                  <c:v>0</c:v>
                </c:pt>
                <c:pt idx="216">
                  <c:v>0</c:v>
                </c:pt>
                <c:pt idx="217">
                  <c:v>0</c:v>
                </c:pt>
                <c:pt idx="218">
                  <c:v>0</c:v>
                </c:pt>
                <c:pt idx="219">
                  <c:v>0</c:v>
                </c:pt>
                <c:pt idx="220">
                  <c:v>0</c:v>
                </c:pt>
                <c:pt idx="221">
                  <c:v>0</c:v>
                </c:pt>
                <c:pt idx="222">
                  <c:v>0</c:v>
                </c:pt>
                <c:pt idx="223">
                  <c:v>0</c:v>
                </c:pt>
                <c:pt idx="224">
                  <c:v>0</c:v>
                </c:pt>
                <c:pt idx="225">
                  <c:v>0</c:v>
                </c:pt>
                <c:pt idx="226">
                  <c:v>0</c:v>
                </c:pt>
                <c:pt idx="227">
                  <c:v>0</c:v>
                </c:pt>
                <c:pt idx="228">
                  <c:v>0</c:v>
                </c:pt>
                <c:pt idx="229">
                  <c:v>0</c:v>
                </c:pt>
                <c:pt idx="230">
                  <c:v>0</c:v>
                </c:pt>
                <c:pt idx="231">
                  <c:v>0</c:v>
                </c:pt>
                <c:pt idx="232">
                  <c:v>0</c:v>
                </c:pt>
                <c:pt idx="233">
                  <c:v>0</c:v>
                </c:pt>
                <c:pt idx="234">
                  <c:v>0</c:v>
                </c:pt>
                <c:pt idx="235">
                  <c:v>0</c:v>
                </c:pt>
                <c:pt idx="236">
                  <c:v>0</c:v>
                </c:pt>
                <c:pt idx="237">
                  <c:v>0</c:v>
                </c:pt>
                <c:pt idx="238">
                  <c:v>0</c:v>
                </c:pt>
                <c:pt idx="239">
                  <c:v>0</c:v>
                </c:pt>
                <c:pt idx="240">
                  <c:v>0</c:v>
                </c:pt>
                <c:pt idx="241">
                  <c:v>0</c:v>
                </c:pt>
                <c:pt idx="242">
                  <c:v>0</c:v>
                </c:pt>
                <c:pt idx="243">
                  <c:v>0</c:v>
                </c:pt>
                <c:pt idx="244">
                  <c:v>0</c:v>
                </c:pt>
                <c:pt idx="245">
                  <c:v>0</c:v>
                </c:pt>
                <c:pt idx="246">
                  <c:v>0</c:v>
                </c:pt>
                <c:pt idx="247">
                  <c:v>0</c:v>
                </c:pt>
                <c:pt idx="248">
                  <c:v>0</c:v>
                </c:pt>
                <c:pt idx="249">
                  <c:v>0</c:v>
                </c:pt>
                <c:pt idx="250">
                  <c:v>0</c:v>
                </c:pt>
                <c:pt idx="251">
                  <c:v>0</c:v>
                </c:pt>
                <c:pt idx="252">
                  <c:v>0</c:v>
                </c:pt>
                <c:pt idx="253">
                  <c:v>0</c:v>
                </c:pt>
                <c:pt idx="254">
                  <c:v>0</c:v>
                </c:pt>
                <c:pt idx="255">
                  <c:v>0</c:v>
                </c:pt>
                <c:pt idx="256">
                  <c:v>0</c:v>
                </c:pt>
                <c:pt idx="257">
                  <c:v>0</c:v>
                </c:pt>
                <c:pt idx="258">
                  <c:v>0</c:v>
                </c:pt>
                <c:pt idx="259">
                  <c:v>0</c:v>
                </c:pt>
                <c:pt idx="260">
                  <c:v>0</c:v>
                </c:pt>
                <c:pt idx="261">
                  <c:v>0</c:v>
                </c:pt>
                <c:pt idx="262">
                  <c:v>0</c:v>
                </c:pt>
                <c:pt idx="263">
                  <c:v>0</c:v>
                </c:pt>
                <c:pt idx="264">
                  <c:v>0</c:v>
                </c:pt>
                <c:pt idx="265">
                  <c:v>0</c:v>
                </c:pt>
                <c:pt idx="266">
                  <c:v>0</c:v>
                </c:pt>
                <c:pt idx="267">
                  <c:v>0</c:v>
                </c:pt>
                <c:pt idx="268">
                  <c:v>0</c:v>
                </c:pt>
                <c:pt idx="269">
                  <c:v>0</c:v>
                </c:pt>
                <c:pt idx="270">
                  <c:v>0</c:v>
                </c:pt>
                <c:pt idx="271">
                  <c:v>1</c:v>
                </c:pt>
                <c:pt idx="272">
                  <c:v>1</c:v>
                </c:pt>
                <c:pt idx="273">
                  <c:v>1</c:v>
                </c:pt>
                <c:pt idx="274">
                  <c:v>0</c:v>
                </c:pt>
                <c:pt idx="275">
                  <c:v>0</c:v>
                </c:pt>
                <c:pt idx="276">
                  <c:v>0</c:v>
                </c:pt>
                <c:pt idx="277">
                  <c:v>0</c:v>
                </c:pt>
                <c:pt idx="278">
                  <c:v>0</c:v>
                </c:pt>
                <c:pt idx="279">
                  <c:v>0</c:v>
                </c:pt>
                <c:pt idx="280">
                  <c:v>0</c:v>
                </c:pt>
                <c:pt idx="281">
                  <c:v>0</c:v>
                </c:pt>
                <c:pt idx="282">
                  <c:v>0</c:v>
                </c:pt>
                <c:pt idx="283">
                  <c:v>0</c:v>
                </c:pt>
                <c:pt idx="284">
                  <c:v>0</c:v>
                </c:pt>
                <c:pt idx="285">
                  <c:v>0</c:v>
                </c:pt>
                <c:pt idx="286">
                  <c:v>0</c:v>
                </c:pt>
                <c:pt idx="287">
                  <c:v>0</c:v>
                </c:pt>
                <c:pt idx="288">
                  <c:v>0</c:v>
                </c:pt>
                <c:pt idx="289">
                  <c:v>0</c:v>
                </c:pt>
                <c:pt idx="290">
                  <c:v>0</c:v>
                </c:pt>
                <c:pt idx="291">
                  <c:v>0</c:v>
                </c:pt>
                <c:pt idx="292">
                  <c:v>0</c:v>
                </c:pt>
                <c:pt idx="293">
                  <c:v>0</c:v>
                </c:pt>
                <c:pt idx="294">
                  <c:v>0</c:v>
                </c:pt>
                <c:pt idx="295">
                  <c:v>0</c:v>
                </c:pt>
                <c:pt idx="296">
                  <c:v>0</c:v>
                </c:pt>
                <c:pt idx="297">
                  <c:v>0</c:v>
                </c:pt>
                <c:pt idx="298">
                  <c:v>0</c:v>
                </c:pt>
                <c:pt idx="299">
                  <c:v>0</c:v>
                </c:pt>
                <c:pt idx="300">
                  <c:v>0</c:v>
                </c:pt>
                <c:pt idx="301">
                  <c:v>0</c:v>
                </c:pt>
                <c:pt idx="302">
                  <c:v>0</c:v>
                </c:pt>
                <c:pt idx="303">
                  <c:v>0</c:v>
                </c:pt>
                <c:pt idx="304">
                  <c:v>0</c:v>
                </c:pt>
                <c:pt idx="305">
                  <c:v>0</c:v>
                </c:pt>
                <c:pt idx="306">
                  <c:v>0</c:v>
                </c:pt>
                <c:pt idx="307">
                  <c:v>0</c:v>
                </c:pt>
                <c:pt idx="308">
                  <c:v>0</c:v>
                </c:pt>
                <c:pt idx="309">
                  <c:v>0</c:v>
                </c:pt>
                <c:pt idx="310">
                  <c:v>0</c:v>
                </c:pt>
                <c:pt idx="311">
                  <c:v>0</c:v>
                </c:pt>
                <c:pt idx="312">
                  <c:v>0</c:v>
                </c:pt>
                <c:pt idx="313">
                  <c:v>0</c:v>
                </c:pt>
              </c:numCache>
            </c:numRef>
          </c:val>
          <c:extLst>
            <c:ext xmlns:c16="http://schemas.microsoft.com/office/drawing/2014/chart" uri="{C3380CC4-5D6E-409C-BE32-E72D297353CC}">
              <c16:uniqueId val="{00000000-5CEB-423D-9431-9E95ADB2E648}"/>
            </c:ext>
          </c:extLst>
        </c:ser>
        <c:dLbls>
          <c:showLegendKey val="0"/>
          <c:showVal val="0"/>
          <c:showCatName val="0"/>
          <c:showSerName val="0"/>
          <c:showPercent val="0"/>
          <c:showBubbleSize val="0"/>
        </c:dLbls>
        <c:gapWidth val="0"/>
        <c:axId val="1924032319"/>
        <c:axId val="1098126160"/>
      </c:barChart>
      <c:lineChart>
        <c:grouping val="standard"/>
        <c:varyColors val="0"/>
        <c:ser>
          <c:idx val="0"/>
          <c:order val="0"/>
          <c:tx>
            <c:v>ISM Manufacturing</c:v>
          </c:tx>
          <c:spPr>
            <a:ln w="19050" cap="rnd">
              <a:solidFill>
                <a:schemeClr val="accent1"/>
              </a:solidFill>
              <a:round/>
            </a:ln>
            <a:effectLst/>
          </c:spPr>
          <c:marker>
            <c:symbol val="none"/>
          </c:marker>
          <c:cat>
            <c:numRef>
              <c:f>'ISM Manu &amp; Ser'!$F$23:$F$336</c:f>
              <c:numCache>
                <c:formatCode>mm/dd/yy</c:formatCode>
                <c:ptCount val="314"/>
                <c:pt idx="0">
                  <c:v>35642</c:v>
                </c:pt>
                <c:pt idx="1">
                  <c:v>35673</c:v>
                </c:pt>
                <c:pt idx="2">
                  <c:v>35703</c:v>
                </c:pt>
                <c:pt idx="3">
                  <c:v>35734</c:v>
                </c:pt>
                <c:pt idx="4">
                  <c:v>35764</c:v>
                </c:pt>
                <c:pt idx="5">
                  <c:v>35795</c:v>
                </c:pt>
                <c:pt idx="6">
                  <c:v>35826</c:v>
                </c:pt>
                <c:pt idx="7">
                  <c:v>35854</c:v>
                </c:pt>
                <c:pt idx="8">
                  <c:v>35885</c:v>
                </c:pt>
                <c:pt idx="9">
                  <c:v>35915</c:v>
                </c:pt>
                <c:pt idx="10">
                  <c:v>35946</c:v>
                </c:pt>
                <c:pt idx="11">
                  <c:v>35976</c:v>
                </c:pt>
                <c:pt idx="12">
                  <c:v>36007</c:v>
                </c:pt>
                <c:pt idx="13">
                  <c:v>36038</c:v>
                </c:pt>
                <c:pt idx="14">
                  <c:v>36068</c:v>
                </c:pt>
                <c:pt idx="15">
                  <c:v>36099</c:v>
                </c:pt>
                <c:pt idx="16">
                  <c:v>36129</c:v>
                </c:pt>
                <c:pt idx="17">
                  <c:v>36160</c:v>
                </c:pt>
                <c:pt idx="18">
                  <c:v>36191</c:v>
                </c:pt>
                <c:pt idx="19">
                  <c:v>36219</c:v>
                </c:pt>
                <c:pt idx="20">
                  <c:v>36250</c:v>
                </c:pt>
                <c:pt idx="21">
                  <c:v>36280</c:v>
                </c:pt>
                <c:pt idx="22">
                  <c:v>36311</c:v>
                </c:pt>
                <c:pt idx="23">
                  <c:v>36341</c:v>
                </c:pt>
                <c:pt idx="24">
                  <c:v>36372</c:v>
                </c:pt>
                <c:pt idx="25">
                  <c:v>36403</c:v>
                </c:pt>
                <c:pt idx="26">
                  <c:v>36433</c:v>
                </c:pt>
                <c:pt idx="27">
                  <c:v>36464</c:v>
                </c:pt>
                <c:pt idx="28">
                  <c:v>36494</c:v>
                </c:pt>
                <c:pt idx="29">
                  <c:v>36525</c:v>
                </c:pt>
                <c:pt idx="30">
                  <c:v>36556</c:v>
                </c:pt>
                <c:pt idx="31">
                  <c:v>36585</c:v>
                </c:pt>
                <c:pt idx="32">
                  <c:v>36616</c:v>
                </c:pt>
                <c:pt idx="33">
                  <c:v>36646</c:v>
                </c:pt>
                <c:pt idx="34">
                  <c:v>36677</c:v>
                </c:pt>
                <c:pt idx="35">
                  <c:v>36707</c:v>
                </c:pt>
                <c:pt idx="36">
                  <c:v>36738</c:v>
                </c:pt>
                <c:pt idx="37">
                  <c:v>36769</c:v>
                </c:pt>
                <c:pt idx="38">
                  <c:v>36799</c:v>
                </c:pt>
                <c:pt idx="39">
                  <c:v>36830</c:v>
                </c:pt>
                <c:pt idx="40">
                  <c:v>36860</c:v>
                </c:pt>
                <c:pt idx="41">
                  <c:v>36891</c:v>
                </c:pt>
                <c:pt idx="42">
                  <c:v>36922</c:v>
                </c:pt>
                <c:pt idx="43">
                  <c:v>36950</c:v>
                </c:pt>
                <c:pt idx="44">
                  <c:v>36981</c:v>
                </c:pt>
                <c:pt idx="45">
                  <c:v>37011</c:v>
                </c:pt>
                <c:pt idx="46">
                  <c:v>37042</c:v>
                </c:pt>
                <c:pt idx="47">
                  <c:v>37072</c:v>
                </c:pt>
                <c:pt idx="48">
                  <c:v>37103</c:v>
                </c:pt>
                <c:pt idx="49">
                  <c:v>37134</c:v>
                </c:pt>
                <c:pt idx="50">
                  <c:v>37164</c:v>
                </c:pt>
                <c:pt idx="51">
                  <c:v>37195</c:v>
                </c:pt>
                <c:pt idx="52">
                  <c:v>37225</c:v>
                </c:pt>
                <c:pt idx="53">
                  <c:v>37256</c:v>
                </c:pt>
                <c:pt idx="54">
                  <c:v>37287</c:v>
                </c:pt>
                <c:pt idx="55">
                  <c:v>37315</c:v>
                </c:pt>
                <c:pt idx="56">
                  <c:v>37346</c:v>
                </c:pt>
                <c:pt idx="57">
                  <c:v>37376</c:v>
                </c:pt>
                <c:pt idx="58">
                  <c:v>37407</c:v>
                </c:pt>
                <c:pt idx="59">
                  <c:v>37437</c:v>
                </c:pt>
                <c:pt idx="60">
                  <c:v>37468</c:v>
                </c:pt>
                <c:pt idx="61">
                  <c:v>37499</c:v>
                </c:pt>
                <c:pt idx="62">
                  <c:v>37529</c:v>
                </c:pt>
                <c:pt idx="63">
                  <c:v>37560</c:v>
                </c:pt>
                <c:pt idx="64">
                  <c:v>37590</c:v>
                </c:pt>
                <c:pt idx="65">
                  <c:v>37621</c:v>
                </c:pt>
                <c:pt idx="66">
                  <c:v>37652</c:v>
                </c:pt>
                <c:pt idx="67">
                  <c:v>37680</c:v>
                </c:pt>
                <c:pt idx="68">
                  <c:v>37711</c:v>
                </c:pt>
                <c:pt idx="69">
                  <c:v>37741</c:v>
                </c:pt>
                <c:pt idx="70">
                  <c:v>37772</c:v>
                </c:pt>
                <c:pt idx="71">
                  <c:v>37802</c:v>
                </c:pt>
                <c:pt idx="72">
                  <c:v>37833</c:v>
                </c:pt>
                <c:pt idx="73">
                  <c:v>37864</c:v>
                </c:pt>
                <c:pt idx="74">
                  <c:v>37894</c:v>
                </c:pt>
                <c:pt idx="75">
                  <c:v>37925</c:v>
                </c:pt>
                <c:pt idx="76">
                  <c:v>37955</c:v>
                </c:pt>
                <c:pt idx="77">
                  <c:v>37986</c:v>
                </c:pt>
                <c:pt idx="78">
                  <c:v>38017</c:v>
                </c:pt>
                <c:pt idx="79">
                  <c:v>38046</c:v>
                </c:pt>
                <c:pt idx="80">
                  <c:v>38077</c:v>
                </c:pt>
                <c:pt idx="81">
                  <c:v>38107</c:v>
                </c:pt>
                <c:pt idx="82">
                  <c:v>38138</c:v>
                </c:pt>
                <c:pt idx="83">
                  <c:v>38168</c:v>
                </c:pt>
                <c:pt idx="84">
                  <c:v>38199</c:v>
                </c:pt>
                <c:pt idx="85">
                  <c:v>38230</c:v>
                </c:pt>
                <c:pt idx="86">
                  <c:v>38260</c:v>
                </c:pt>
                <c:pt idx="87">
                  <c:v>38291</c:v>
                </c:pt>
                <c:pt idx="88">
                  <c:v>38321</c:v>
                </c:pt>
                <c:pt idx="89">
                  <c:v>38352</c:v>
                </c:pt>
                <c:pt idx="90">
                  <c:v>38383</c:v>
                </c:pt>
                <c:pt idx="91">
                  <c:v>38411</c:v>
                </c:pt>
                <c:pt idx="92">
                  <c:v>38442</c:v>
                </c:pt>
                <c:pt idx="93">
                  <c:v>38472</c:v>
                </c:pt>
                <c:pt idx="94">
                  <c:v>38503</c:v>
                </c:pt>
                <c:pt idx="95">
                  <c:v>38533</c:v>
                </c:pt>
                <c:pt idx="96">
                  <c:v>38564</c:v>
                </c:pt>
                <c:pt idx="97">
                  <c:v>38595</c:v>
                </c:pt>
                <c:pt idx="98">
                  <c:v>38625</c:v>
                </c:pt>
                <c:pt idx="99">
                  <c:v>38656</c:v>
                </c:pt>
                <c:pt idx="100">
                  <c:v>38686</c:v>
                </c:pt>
                <c:pt idx="101">
                  <c:v>38717</c:v>
                </c:pt>
                <c:pt idx="102">
                  <c:v>38748</c:v>
                </c:pt>
                <c:pt idx="103">
                  <c:v>38776</c:v>
                </c:pt>
                <c:pt idx="104">
                  <c:v>38807</c:v>
                </c:pt>
                <c:pt idx="105">
                  <c:v>38837</c:v>
                </c:pt>
                <c:pt idx="106">
                  <c:v>38868</c:v>
                </c:pt>
                <c:pt idx="107">
                  <c:v>38898</c:v>
                </c:pt>
                <c:pt idx="108">
                  <c:v>38929</c:v>
                </c:pt>
                <c:pt idx="109">
                  <c:v>38960</c:v>
                </c:pt>
                <c:pt idx="110">
                  <c:v>38990</c:v>
                </c:pt>
                <c:pt idx="111">
                  <c:v>39021</c:v>
                </c:pt>
                <c:pt idx="112">
                  <c:v>39051</c:v>
                </c:pt>
                <c:pt idx="113">
                  <c:v>39082</c:v>
                </c:pt>
                <c:pt idx="114">
                  <c:v>39113</c:v>
                </c:pt>
                <c:pt idx="115">
                  <c:v>39141</c:v>
                </c:pt>
                <c:pt idx="116">
                  <c:v>39172</c:v>
                </c:pt>
                <c:pt idx="117">
                  <c:v>39202</c:v>
                </c:pt>
                <c:pt idx="118">
                  <c:v>39233</c:v>
                </c:pt>
                <c:pt idx="119">
                  <c:v>39263</c:v>
                </c:pt>
                <c:pt idx="120">
                  <c:v>39294</c:v>
                </c:pt>
                <c:pt idx="121">
                  <c:v>39325</c:v>
                </c:pt>
                <c:pt idx="122">
                  <c:v>39355</c:v>
                </c:pt>
                <c:pt idx="123">
                  <c:v>39386</c:v>
                </c:pt>
                <c:pt idx="124">
                  <c:v>39416</c:v>
                </c:pt>
                <c:pt idx="125">
                  <c:v>39447</c:v>
                </c:pt>
                <c:pt idx="126">
                  <c:v>39478</c:v>
                </c:pt>
                <c:pt idx="127">
                  <c:v>39507</c:v>
                </c:pt>
                <c:pt idx="128">
                  <c:v>39538</c:v>
                </c:pt>
                <c:pt idx="129">
                  <c:v>39568</c:v>
                </c:pt>
                <c:pt idx="130">
                  <c:v>39599</c:v>
                </c:pt>
                <c:pt idx="131">
                  <c:v>39629</c:v>
                </c:pt>
                <c:pt idx="132">
                  <c:v>39660</c:v>
                </c:pt>
                <c:pt idx="133">
                  <c:v>39691</c:v>
                </c:pt>
                <c:pt idx="134">
                  <c:v>39721</c:v>
                </c:pt>
                <c:pt idx="135">
                  <c:v>39752</c:v>
                </c:pt>
                <c:pt idx="136">
                  <c:v>39782</c:v>
                </c:pt>
                <c:pt idx="137">
                  <c:v>39813</c:v>
                </c:pt>
                <c:pt idx="138">
                  <c:v>39844</c:v>
                </c:pt>
                <c:pt idx="139">
                  <c:v>39872</c:v>
                </c:pt>
                <c:pt idx="140">
                  <c:v>39903</c:v>
                </c:pt>
                <c:pt idx="141">
                  <c:v>39933</c:v>
                </c:pt>
                <c:pt idx="142">
                  <c:v>39964</c:v>
                </c:pt>
                <c:pt idx="143">
                  <c:v>39994</c:v>
                </c:pt>
                <c:pt idx="144">
                  <c:v>40025</c:v>
                </c:pt>
                <c:pt idx="145">
                  <c:v>40056</c:v>
                </c:pt>
                <c:pt idx="146">
                  <c:v>40086</c:v>
                </c:pt>
                <c:pt idx="147">
                  <c:v>40117</c:v>
                </c:pt>
                <c:pt idx="148">
                  <c:v>40147</c:v>
                </c:pt>
                <c:pt idx="149">
                  <c:v>40178</c:v>
                </c:pt>
                <c:pt idx="150">
                  <c:v>40209</c:v>
                </c:pt>
                <c:pt idx="151">
                  <c:v>40237</c:v>
                </c:pt>
                <c:pt idx="152">
                  <c:v>40268</c:v>
                </c:pt>
                <c:pt idx="153">
                  <c:v>40298</c:v>
                </c:pt>
                <c:pt idx="154">
                  <c:v>40329</c:v>
                </c:pt>
                <c:pt idx="155">
                  <c:v>40359</c:v>
                </c:pt>
                <c:pt idx="156">
                  <c:v>40390</c:v>
                </c:pt>
                <c:pt idx="157">
                  <c:v>40421</c:v>
                </c:pt>
                <c:pt idx="158">
                  <c:v>40451</c:v>
                </c:pt>
                <c:pt idx="159">
                  <c:v>40482</c:v>
                </c:pt>
                <c:pt idx="160">
                  <c:v>40512</c:v>
                </c:pt>
                <c:pt idx="161">
                  <c:v>40543</c:v>
                </c:pt>
                <c:pt idx="162">
                  <c:v>40574</c:v>
                </c:pt>
                <c:pt idx="163">
                  <c:v>40602</c:v>
                </c:pt>
                <c:pt idx="164">
                  <c:v>40633</c:v>
                </c:pt>
                <c:pt idx="165">
                  <c:v>40663</c:v>
                </c:pt>
                <c:pt idx="166">
                  <c:v>40694</c:v>
                </c:pt>
                <c:pt idx="167">
                  <c:v>40724</c:v>
                </c:pt>
                <c:pt idx="168">
                  <c:v>40755</c:v>
                </c:pt>
                <c:pt idx="169">
                  <c:v>40786</c:v>
                </c:pt>
                <c:pt idx="170">
                  <c:v>40816</c:v>
                </c:pt>
                <c:pt idx="171">
                  <c:v>40847</c:v>
                </c:pt>
                <c:pt idx="172">
                  <c:v>40877</c:v>
                </c:pt>
                <c:pt idx="173">
                  <c:v>40908</c:v>
                </c:pt>
                <c:pt idx="174">
                  <c:v>40939</c:v>
                </c:pt>
                <c:pt idx="175">
                  <c:v>40968</c:v>
                </c:pt>
                <c:pt idx="176">
                  <c:v>40999</c:v>
                </c:pt>
                <c:pt idx="177">
                  <c:v>41029</c:v>
                </c:pt>
                <c:pt idx="178">
                  <c:v>41060</c:v>
                </c:pt>
                <c:pt idx="179">
                  <c:v>41090</c:v>
                </c:pt>
                <c:pt idx="180">
                  <c:v>41121</c:v>
                </c:pt>
                <c:pt idx="181">
                  <c:v>41152</c:v>
                </c:pt>
                <c:pt idx="182">
                  <c:v>41182</c:v>
                </c:pt>
                <c:pt idx="183">
                  <c:v>41213</c:v>
                </c:pt>
                <c:pt idx="184">
                  <c:v>41243</c:v>
                </c:pt>
                <c:pt idx="185">
                  <c:v>41274</c:v>
                </c:pt>
                <c:pt idx="186">
                  <c:v>41305</c:v>
                </c:pt>
                <c:pt idx="187">
                  <c:v>41333</c:v>
                </c:pt>
                <c:pt idx="188">
                  <c:v>41364</c:v>
                </c:pt>
                <c:pt idx="189">
                  <c:v>41394</c:v>
                </c:pt>
                <c:pt idx="190">
                  <c:v>41425</c:v>
                </c:pt>
                <c:pt idx="191">
                  <c:v>41455</c:v>
                </c:pt>
                <c:pt idx="192">
                  <c:v>41486</c:v>
                </c:pt>
                <c:pt idx="193">
                  <c:v>41517</c:v>
                </c:pt>
                <c:pt idx="194">
                  <c:v>41547</c:v>
                </c:pt>
                <c:pt idx="195">
                  <c:v>41578</c:v>
                </c:pt>
                <c:pt idx="196">
                  <c:v>41608</c:v>
                </c:pt>
                <c:pt idx="197">
                  <c:v>41639</c:v>
                </c:pt>
                <c:pt idx="198">
                  <c:v>41670</c:v>
                </c:pt>
                <c:pt idx="199">
                  <c:v>41698</c:v>
                </c:pt>
                <c:pt idx="200">
                  <c:v>41729</c:v>
                </c:pt>
                <c:pt idx="201">
                  <c:v>41759</c:v>
                </c:pt>
                <c:pt idx="202">
                  <c:v>41790</c:v>
                </c:pt>
                <c:pt idx="203">
                  <c:v>41820</c:v>
                </c:pt>
                <c:pt idx="204">
                  <c:v>41851</c:v>
                </c:pt>
                <c:pt idx="205">
                  <c:v>41882</c:v>
                </c:pt>
                <c:pt idx="206">
                  <c:v>41912</c:v>
                </c:pt>
                <c:pt idx="207">
                  <c:v>41943</c:v>
                </c:pt>
                <c:pt idx="208">
                  <c:v>41973</c:v>
                </c:pt>
                <c:pt idx="209">
                  <c:v>42004</c:v>
                </c:pt>
                <c:pt idx="210">
                  <c:v>42035</c:v>
                </c:pt>
                <c:pt idx="211">
                  <c:v>42063</c:v>
                </c:pt>
                <c:pt idx="212">
                  <c:v>42094</c:v>
                </c:pt>
                <c:pt idx="213">
                  <c:v>42124</c:v>
                </c:pt>
                <c:pt idx="214">
                  <c:v>42155</c:v>
                </c:pt>
                <c:pt idx="215">
                  <c:v>42185</c:v>
                </c:pt>
                <c:pt idx="216">
                  <c:v>42216</c:v>
                </c:pt>
                <c:pt idx="217">
                  <c:v>42247</c:v>
                </c:pt>
                <c:pt idx="218">
                  <c:v>42277</c:v>
                </c:pt>
                <c:pt idx="219">
                  <c:v>42308</c:v>
                </c:pt>
                <c:pt idx="220">
                  <c:v>42338</c:v>
                </c:pt>
                <c:pt idx="221">
                  <c:v>42369</c:v>
                </c:pt>
                <c:pt idx="222">
                  <c:v>42400</c:v>
                </c:pt>
                <c:pt idx="223">
                  <c:v>42429</c:v>
                </c:pt>
                <c:pt idx="224">
                  <c:v>42460</c:v>
                </c:pt>
                <c:pt idx="225">
                  <c:v>42490</c:v>
                </c:pt>
                <c:pt idx="226">
                  <c:v>42521</c:v>
                </c:pt>
                <c:pt idx="227">
                  <c:v>42551</c:v>
                </c:pt>
                <c:pt idx="228">
                  <c:v>42582</c:v>
                </c:pt>
                <c:pt idx="229">
                  <c:v>42613</c:v>
                </c:pt>
                <c:pt idx="230">
                  <c:v>42643</c:v>
                </c:pt>
                <c:pt idx="231">
                  <c:v>42674</c:v>
                </c:pt>
                <c:pt idx="232">
                  <c:v>42704</c:v>
                </c:pt>
                <c:pt idx="233">
                  <c:v>42735</c:v>
                </c:pt>
                <c:pt idx="234">
                  <c:v>42766</c:v>
                </c:pt>
                <c:pt idx="235">
                  <c:v>42794</c:v>
                </c:pt>
                <c:pt idx="236">
                  <c:v>42825</c:v>
                </c:pt>
                <c:pt idx="237">
                  <c:v>42855</c:v>
                </c:pt>
                <c:pt idx="238">
                  <c:v>42886</c:v>
                </c:pt>
                <c:pt idx="239">
                  <c:v>42916</c:v>
                </c:pt>
                <c:pt idx="240">
                  <c:v>42947</c:v>
                </c:pt>
                <c:pt idx="241">
                  <c:v>42978</c:v>
                </c:pt>
                <c:pt idx="242">
                  <c:v>43008</c:v>
                </c:pt>
                <c:pt idx="243">
                  <c:v>43039</c:v>
                </c:pt>
                <c:pt idx="244">
                  <c:v>43069</c:v>
                </c:pt>
                <c:pt idx="245">
                  <c:v>43100</c:v>
                </c:pt>
                <c:pt idx="246">
                  <c:v>43131</c:v>
                </c:pt>
                <c:pt idx="247">
                  <c:v>43159</c:v>
                </c:pt>
                <c:pt idx="248">
                  <c:v>43190</c:v>
                </c:pt>
                <c:pt idx="249">
                  <c:v>43220</c:v>
                </c:pt>
                <c:pt idx="250">
                  <c:v>43251</c:v>
                </c:pt>
                <c:pt idx="251">
                  <c:v>43281</c:v>
                </c:pt>
                <c:pt idx="252">
                  <c:v>43312</c:v>
                </c:pt>
                <c:pt idx="253">
                  <c:v>43343</c:v>
                </c:pt>
                <c:pt idx="254">
                  <c:v>43373</c:v>
                </c:pt>
                <c:pt idx="255">
                  <c:v>43404</c:v>
                </c:pt>
                <c:pt idx="256">
                  <c:v>43434</c:v>
                </c:pt>
                <c:pt idx="257">
                  <c:v>43465</c:v>
                </c:pt>
                <c:pt idx="258">
                  <c:v>43496</c:v>
                </c:pt>
                <c:pt idx="259">
                  <c:v>43524</c:v>
                </c:pt>
                <c:pt idx="260">
                  <c:v>43555</c:v>
                </c:pt>
                <c:pt idx="261">
                  <c:v>43585</c:v>
                </c:pt>
                <c:pt idx="262">
                  <c:v>43616</c:v>
                </c:pt>
                <c:pt idx="263">
                  <c:v>43646</c:v>
                </c:pt>
                <c:pt idx="264">
                  <c:v>43677</c:v>
                </c:pt>
                <c:pt idx="265">
                  <c:v>43708</c:v>
                </c:pt>
                <c:pt idx="266">
                  <c:v>43738</c:v>
                </c:pt>
                <c:pt idx="267">
                  <c:v>43769</c:v>
                </c:pt>
                <c:pt idx="268">
                  <c:v>43799</c:v>
                </c:pt>
                <c:pt idx="269">
                  <c:v>43830</c:v>
                </c:pt>
                <c:pt idx="270">
                  <c:v>43861</c:v>
                </c:pt>
                <c:pt idx="271">
                  <c:v>43890</c:v>
                </c:pt>
                <c:pt idx="272">
                  <c:v>43921</c:v>
                </c:pt>
                <c:pt idx="273">
                  <c:v>43951</c:v>
                </c:pt>
                <c:pt idx="274">
                  <c:v>43982</c:v>
                </c:pt>
                <c:pt idx="275">
                  <c:v>44012</c:v>
                </c:pt>
                <c:pt idx="276">
                  <c:v>44043</c:v>
                </c:pt>
                <c:pt idx="277">
                  <c:v>44074</c:v>
                </c:pt>
                <c:pt idx="278">
                  <c:v>44104</c:v>
                </c:pt>
                <c:pt idx="279">
                  <c:v>44135</c:v>
                </c:pt>
                <c:pt idx="280">
                  <c:v>44165</c:v>
                </c:pt>
                <c:pt idx="281">
                  <c:v>44196</c:v>
                </c:pt>
                <c:pt idx="282">
                  <c:v>44227</c:v>
                </c:pt>
                <c:pt idx="283">
                  <c:v>44255</c:v>
                </c:pt>
                <c:pt idx="284">
                  <c:v>44286</c:v>
                </c:pt>
                <c:pt idx="285">
                  <c:v>44316</c:v>
                </c:pt>
                <c:pt idx="286">
                  <c:v>44347</c:v>
                </c:pt>
                <c:pt idx="287">
                  <c:v>44377</c:v>
                </c:pt>
                <c:pt idx="288">
                  <c:v>44408</c:v>
                </c:pt>
                <c:pt idx="289">
                  <c:v>44439</c:v>
                </c:pt>
                <c:pt idx="290">
                  <c:v>44469</c:v>
                </c:pt>
                <c:pt idx="291">
                  <c:v>44500</c:v>
                </c:pt>
                <c:pt idx="292">
                  <c:v>44530</c:v>
                </c:pt>
                <c:pt idx="293">
                  <c:v>44561</c:v>
                </c:pt>
                <c:pt idx="294">
                  <c:v>44592</c:v>
                </c:pt>
                <c:pt idx="295">
                  <c:v>44620</c:v>
                </c:pt>
                <c:pt idx="296">
                  <c:v>44651</c:v>
                </c:pt>
                <c:pt idx="297">
                  <c:v>44681</c:v>
                </c:pt>
                <c:pt idx="298">
                  <c:v>44712</c:v>
                </c:pt>
                <c:pt idx="299">
                  <c:v>44742</c:v>
                </c:pt>
                <c:pt idx="300">
                  <c:v>44773</c:v>
                </c:pt>
                <c:pt idx="301">
                  <c:v>44804</c:v>
                </c:pt>
                <c:pt idx="302">
                  <c:v>44834</c:v>
                </c:pt>
                <c:pt idx="303">
                  <c:v>44865</c:v>
                </c:pt>
                <c:pt idx="304">
                  <c:v>44895</c:v>
                </c:pt>
                <c:pt idx="305">
                  <c:v>44926</c:v>
                </c:pt>
                <c:pt idx="306">
                  <c:v>44957</c:v>
                </c:pt>
                <c:pt idx="307">
                  <c:v>44985</c:v>
                </c:pt>
                <c:pt idx="308">
                  <c:v>45016</c:v>
                </c:pt>
                <c:pt idx="309">
                  <c:v>45046</c:v>
                </c:pt>
                <c:pt idx="310">
                  <c:v>45077</c:v>
                </c:pt>
                <c:pt idx="311">
                  <c:v>45107</c:v>
                </c:pt>
                <c:pt idx="312">
                  <c:v>45138</c:v>
                </c:pt>
                <c:pt idx="313">
                  <c:v>45169</c:v>
                </c:pt>
              </c:numCache>
            </c:numRef>
          </c:cat>
          <c:val>
            <c:numRef>
              <c:f>'ISM Manu &amp; Ser'!$G$23:$G$336</c:f>
              <c:numCache>
                <c:formatCode>#,##0.00</c:formatCode>
                <c:ptCount val="314"/>
                <c:pt idx="0">
                  <c:v>57.7</c:v>
                </c:pt>
                <c:pt idx="1">
                  <c:v>56.3</c:v>
                </c:pt>
                <c:pt idx="2">
                  <c:v>53.9</c:v>
                </c:pt>
                <c:pt idx="3">
                  <c:v>56.4</c:v>
                </c:pt>
                <c:pt idx="4">
                  <c:v>55.7</c:v>
                </c:pt>
                <c:pt idx="5">
                  <c:v>54.5</c:v>
                </c:pt>
                <c:pt idx="6">
                  <c:v>53.8</c:v>
                </c:pt>
                <c:pt idx="7">
                  <c:v>52.9</c:v>
                </c:pt>
                <c:pt idx="8">
                  <c:v>52.9</c:v>
                </c:pt>
                <c:pt idx="9">
                  <c:v>52.2</c:v>
                </c:pt>
                <c:pt idx="10">
                  <c:v>50.9</c:v>
                </c:pt>
                <c:pt idx="11">
                  <c:v>48.9</c:v>
                </c:pt>
                <c:pt idx="12">
                  <c:v>49.2</c:v>
                </c:pt>
                <c:pt idx="13">
                  <c:v>49.3</c:v>
                </c:pt>
                <c:pt idx="14">
                  <c:v>48.7</c:v>
                </c:pt>
                <c:pt idx="15">
                  <c:v>48.7</c:v>
                </c:pt>
                <c:pt idx="16">
                  <c:v>48.2</c:v>
                </c:pt>
                <c:pt idx="17">
                  <c:v>46.8</c:v>
                </c:pt>
                <c:pt idx="18">
                  <c:v>50.6</c:v>
                </c:pt>
                <c:pt idx="19">
                  <c:v>51.7</c:v>
                </c:pt>
                <c:pt idx="20">
                  <c:v>52.4</c:v>
                </c:pt>
                <c:pt idx="21">
                  <c:v>52.3</c:v>
                </c:pt>
                <c:pt idx="22">
                  <c:v>54.3</c:v>
                </c:pt>
                <c:pt idx="23">
                  <c:v>55.8</c:v>
                </c:pt>
                <c:pt idx="24">
                  <c:v>53.6</c:v>
                </c:pt>
                <c:pt idx="25">
                  <c:v>54.8</c:v>
                </c:pt>
                <c:pt idx="26">
                  <c:v>57</c:v>
                </c:pt>
                <c:pt idx="27">
                  <c:v>57.2</c:v>
                </c:pt>
                <c:pt idx="28">
                  <c:v>58.1</c:v>
                </c:pt>
                <c:pt idx="29">
                  <c:v>57.8</c:v>
                </c:pt>
                <c:pt idx="30">
                  <c:v>56.7</c:v>
                </c:pt>
                <c:pt idx="31">
                  <c:v>55.8</c:v>
                </c:pt>
                <c:pt idx="32">
                  <c:v>54.9</c:v>
                </c:pt>
                <c:pt idx="33">
                  <c:v>54.7</c:v>
                </c:pt>
                <c:pt idx="34">
                  <c:v>53.2</c:v>
                </c:pt>
                <c:pt idx="35">
                  <c:v>51.4</c:v>
                </c:pt>
                <c:pt idx="36">
                  <c:v>52.5</c:v>
                </c:pt>
                <c:pt idx="37">
                  <c:v>49.9</c:v>
                </c:pt>
                <c:pt idx="38">
                  <c:v>49.7</c:v>
                </c:pt>
                <c:pt idx="39">
                  <c:v>48.7</c:v>
                </c:pt>
                <c:pt idx="40">
                  <c:v>48.5</c:v>
                </c:pt>
                <c:pt idx="41">
                  <c:v>43.9</c:v>
                </c:pt>
                <c:pt idx="42">
                  <c:v>42.3</c:v>
                </c:pt>
                <c:pt idx="43">
                  <c:v>42.1</c:v>
                </c:pt>
                <c:pt idx="44">
                  <c:v>43.1</c:v>
                </c:pt>
                <c:pt idx="45">
                  <c:v>42.7</c:v>
                </c:pt>
                <c:pt idx="46">
                  <c:v>41.3</c:v>
                </c:pt>
                <c:pt idx="47">
                  <c:v>43.2</c:v>
                </c:pt>
                <c:pt idx="48">
                  <c:v>43.5</c:v>
                </c:pt>
                <c:pt idx="49">
                  <c:v>46.3</c:v>
                </c:pt>
                <c:pt idx="50">
                  <c:v>46.2</c:v>
                </c:pt>
                <c:pt idx="51">
                  <c:v>40.799999999999997</c:v>
                </c:pt>
                <c:pt idx="52">
                  <c:v>44.1</c:v>
                </c:pt>
                <c:pt idx="53">
                  <c:v>45.3</c:v>
                </c:pt>
                <c:pt idx="54">
                  <c:v>47.5</c:v>
                </c:pt>
                <c:pt idx="55">
                  <c:v>50.7</c:v>
                </c:pt>
                <c:pt idx="56">
                  <c:v>52.4</c:v>
                </c:pt>
                <c:pt idx="57">
                  <c:v>52.4</c:v>
                </c:pt>
                <c:pt idx="58">
                  <c:v>53.1</c:v>
                </c:pt>
                <c:pt idx="59">
                  <c:v>53.6</c:v>
                </c:pt>
                <c:pt idx="60">
                  <c:v>50.2</c:v>
                </c:pt>
                <c:pt idx="61">
                  <c:v>50.3</c:v>
                </c:pt>
                <c:pt idx="62">
                  <c:v>50.5</c:v>
                </c:pt>
                <c:pt idx="63">
                  <c:v>49</c:v>
                </c:pt>
                <c:pt idx="64">
                  <c:v>48.5</c:v>
                </c:pt>
                <c:pt idx="65">
                  <c:v>51.6</c:v>
                </c:pt>
                <c:pt idx="66">
                  <c:v>51.3</c:v>
                </c:pt>
                <c:pt idx="67">
                  <c:v>48.8</c:v>
                </c:pt>
                <c:pt idx="68">
                  <c:v>46.3</c:v>
                </c:pt>
                <c:pt idx="69">
                  <c:v>46.1</c:v>
                </c:pt>
                <c:pt idx="70">
                  <c:v>49</c:v>
                </c:pt>
                <c:pt idx="71">
                  <c:v>49</c:v>
                </c:pt>
                <c:pt idx="72">
                  <c:v>51</c:v>
                </c:pt>
                <c:pt idx="73">
                  <c:v>53.2</c:v>
                </c:pt>
                <c:pt idx="74">
                  <c:v>52.4</c:v>
                </c:pt>
                <c:pt idx="75">
                  <c:v>55.2</c:v>
                </c:pt>
                <c:pt idx="76">
                  <c:v>58.4</c:v>
                </c:pt>
                <c:pt idx="77">
                  <c:v>60.1</c:v>
                </c:pt>
                <c:pt idx="78">
                  <c:v>60.8</c:v>
                </c:pt>
                <c:pt idx="79">
                  <c:v>59.9</c:v>
                </c:pt>
                <c:pt idx="80">
                  <c:v>60.6</c:v>
                </c:pt>
                <c:pt idx="81">
                  <c:v>60.6</c:v>
                </c:pt>
                <c:pt idx="82">
                  <c:v>61.4</c:v>
                </c:pt>
                <c:pt idx="83">
                  <c:v>60.5</c:v>
                </c:pt>
                <c:pt idx="84">
                  <c:v>59.9</c:v>
                </c:pt>
                <c:pt idx="85">
                  <c:v>58.5</c:v>
                </c:pt>
                <c:pt idx="86">
                  <c:v>57.4</c:v>
                </c:pt>
                <c:pt idx="87">
                  <c:v>56.3</c:v>
                </c:pt>
                <c:pt idx="88">
                  <c:v>56.2</c:v>
                </c:pt>
                <c:pt idx="89">
                  <c:v>57.2</c:v>
                </c:pt>
                <c:pt idx="90">
                  <c:v>56.8</c:v>
                </c:pt>
                <c:pt idx="91">
                  <c:v>55.5</c:v>
                </c:pt>
                <c:pt idx="92">
                  <c:v>55.2</c:v>
                </c:pt>
                <c:pt idx="93">
                  <c:v>52.2</c:v>
                </c:pt>
                <c:pt idx="94">
                  <c:v>50.8</c:v>
                </c:pt>
                <c:pt idx="95">
                  <c:v>52.4</c:v>
                </c:pt>
                <c:pt idx="96">
                  <c:v>52.8</c:v>
                </c:pt>
                <c:pt idx="97">
                  <c:v>52.4</c:v>
                </c:pt>
                <c:pt idx="98">
                  <c:v>56.8</c:v>
                </c:pt>
                <c:pt idx="99">
                  <c:v>57.2</c:v>
                </c:pt>
                <c:pt idx="100">
                  <c:v>56.7</c:v>
                </c:pt>
                <c:pt idx="101">
                  <c:v>55.1</c:v>
                </c:pt>
                <c:pt idx="102">
                  <c:v>55</c:v>
                </c:pt>
                <c:pt idx="103">
                  <c:v>55.8</c:v>
                </c:pt>
                <c:pt idx="104">
                  <c:v>54.3</c:v>
                </c:pt>
                <c:pt idx="105">
                  <c:v>55.2</c:v>
                </c:pt>
                <c:pt idx="106">
                  <c:v>53.7</c:v>
                </c:pt>
                <c:pt idx="107">
                  <c:v>52</c:v>
                </c:pt>
                <c:pt idx="108">
                  <c:v>53</c:v>
                </c:pt>
                <c:pt idx="109">
                  <c:v>53.7</c:v>
                </c:pt>
                <c:pt idx="110">
                  <c:v>52.2</c:v>
                </c:pt>
                <c:pt idx="111">
                  <c:v>51.4</c:v>
                </c:pt>
                <c:pt idx="112">
                  <c:v>50.3</c:v>
                </c:pt>
                <c:pt idx="113">
                  <c:v>51.4</c:v>
                </c:pt>
                <c:pt idx="114">
                  <c:v>50.4</c:v>
                </c:pt>
                <c:pt idx="115">
                  <c:v>54.1</c:v>
                </c:pt>
                <c:pt idx="116">
                  <c:v>52.8</c:v>
                </c:pt>
                <c:pt idx="117">
                  <c:v>52.7</c:v>
                </c:pt>
                <c:pt idx="118">
                  <c:v>53.1</c:v>
                </c:pt>
                <c:pt idx="119">
                  <c:v>54</c:v>
                </c:pt>
                <c:pt idx="120">
                  <c:v>51.8</c:v>
                </c:pt>
                <c:pt idx="121">
                  <c:v>52.2</c:v>
                </c:pt>
                <c:pt idx="122">
                  <c:v>53.8</c:v>
                </c:pt>
                <c:pt idx="123">
                  <c:v>52.8</c:v>
                </c:pt>
                <c:pt idx="124">
                  <c:v>51.5</c:v>
                </c:pt>
                <c:pt idx="125">
                  <c:v>50.1</c:v>
                </c:pt>
                <c:pt idx="126">
                  <c:v>50.9</c:v>
                </c:pt>
                <c:pt idx="127">
                  <c:v>48.8</c:v>
                </c:pt>
                <c:pt idx="128">
                  <c:v>49.7</c:v>
                </c:pt>
                <c:pt idx="129">
                  <c:v>48.5</c:v>
                </c:pt>
                <c:pt idx="130">
                  <c:v>48.9</c:v>
                </c:pt>
                <c:pt idx="131">
                  <c:v>49.9</c:v>
                </c:pt>
                <c:pt idx="132">
                  <c:v>50.8</c:v>
                </c:pt>
                <c:pt idx="133">
                  <c:v>50.1</c:v>
                </c:pt>
                <c:pt idx="134">
                  <c:v>47.2</c:v>
                </c:pt>
                <c:pt idx="135">
                  <c:v>38.200000000000003</c:v>
                </c:pt>
                <c:pt idx="136">
                  <c:v>39</c:v>
                </c:pt>
                <c:pt idx="137">
                  <c:v>34.5</c:v>
                </c:pt>
                <c:pt idx="138">
                  <c:v>36.4</c:v>
                </c:pt>
                <c:pt idx="139">
                  <c:v>36.6</c:v>
                </c:pt>
                <c:pt idx="140">
                  <c:v>37.200000000000003</c:v>
                </c:pt>
                <c:pt idx="141">
                  <c:v>39.9</c:v>
                </c:pt>
                <c:pt idx="142">
                  <c:v>44.1</c:v>
                </c:pt>
                <c:pt idx="143">
                  <c:v>46.3</c:v>
                </c:pt>
                <c:pt idx="144">
                  <c:v>49.7</c:v>
                </c:pt>
                <c:pt idx="145">
                  <c:v>53.4</c:v>
                </c:pt>
                <c:pt idx="146">
                  <c:v>54.9</c:v>
                </c:pt>
                <c:pt idx="147">
                  <c:v>57.6</c:v>
                </c:pt>
                <c:pt idx="148">
                  <c:v>55.4</c:v>
                </c:pt>
                <c:pt idx="149">
                  <c:v>55.8</c:v>
                </c:pt>
                <c:pt idx="150">
                  <c:v>56.3</c:v>
                </c:pt>
                <c:pt idx="151">
                  <c:v>55.5</c:v>
                </c:pt>
                <c:pt idx="152">
                  <c:v>58.8</c:v>
                </c:pt>
                <c:pt idx="153">
                  <c:v>58.1</c:v>
                </c:pt>
                <c:pt idx="154">
                  <c:v>57.4</c:v>
                </c:pt>
                <c:pt idx="155">
                  <c:v>56.5</c:v>
                </c:pt>
                <c:pt idx="156">
                  <c:v>56.1</c:v>
                </c:pt>
                <c:pt idx="157">
                  <c:v>56.4</c:v>
                </c:pt>
                <c:pt idx="158">
                  <c:v>55.3</c:v>
                </c:pt>
                <c:pt idx="159">
                  <c:v>56.9</c:v>
                </c:pt>
                <c:pt idx="160">
                  <c:v>57.3</c:v>
                </c:pt>
                <c:pt idx="161">
                  <c:v>56.6</c:v>
                </c:pt>
                <c:pt idx="162">
                  <c:v>59.1</c:v>
                </c:pt>
                <c:pt idx="163">
                  <c:v>59.2</c:v>
                </c:pt>
                <c:pt idx="164">
                  <c:v>58.4</c:v>
                </c:pt>
                <c:pt idx="165">
                  <c:v>57.9</c:v>
                </c:pt>
                <c:pt idx="166">
                  <c:v>54.8</c:v>
                </c:pt>
                <c:pt idx="167">
                  <c:v>55.8</c:v>
                </c:pt>
                <c:pt idx="168">
                  <c:v>52.9</c:v>
                </c:pt>
                <c:pt idx="169">
                  <c:v>52.6</c:v>
                </c:pt>
                <c:pt idx="170">
                  <c:v>53.7</c:v>
                </c:pt>
                <c:pt idx="171">
                  <c:v>51.4</c:v>
                </c:pt>
                <c:pt idx="172">
                  <c:v>51.8</c:v>
                </c:pt>
                <c:pt idx="173">
                  <c:v>53</c:v>
                </c:pt>
                <c:pt idx="174">
                  <c:v>54.2</c:v>
                </c:pt>
                <c:pt idx="175">
                  <c:v>53.3</c:v>
                </c:pt>
                <c:pt idx="176">
                  <c:v>53.5</c:v>
                </c:pt>
                <c:pt idx="177">
                  <c:v>55.2</c:v>
                </c:pt>
                <c:pt idx="178">
                  <c:v>53.2</c:v>
                </c:pt>
                <c:pt idx="179">
                  <c:v>49.5</c:v>
                </c:pt>
                <c:pt idx="180">
                  <c:v>49.6</c:v>
                </c:pt>
                <c:pt idx="181">
                  <c:v>49</c:v>
                </c:pt>
                <c:pt idx="182">
                  <c:v>50.8</c:v>
                </c:pt>
                <c:pt idx="183">
                  <c:v>50.5</c:v>
                </c:pt>
                <c:pt idx="184">
                  <c:v>48</c:v>
                </c:pt>
                <c:pt idx="185">
                  <c:v>50.1</c:v>
                </c:pt>
                <c:pt idx="186">
                  <c:v>53.3</c:v>
                </c:pt>
                <c:pt idx="187">
                  <c:v>54.2</c:v>
                </c:pt>
                <c:pt idx="188">
                  <c:v>51.9</c:v>
                </c:pt>
                <c:pt idx="189">
                  <c:v>51</c:v>
                </c:pt>
                <c:pt idx="190">
                  <c:v>50.8</c:v>
                </c:pt>
                <c:pt idx="191">
                  <c:v>51.1</c:v>
                </c:pt>
                <c:pt idx="192">
                  <c:v>53.8</c:v>
                </c:pt>
                <c:pt idx="193">
                  <c:v>54</c:v>
                </c:pt>
                <c:pt idx="194">
                  <c:v>54.6</c:v>
                </c:pt>
                <c:pt idx="195">
                  <c:v>54.6</c:v>
                </c:pt>
                <c:pt idx="196">
                  <c:v>55.5</c:v>
                </c:pt>
                <c:pt idx="197">
                  <c:v>56.5</c:v>
                </c:pt>
                <c:pt idx="198">
                  <c:v>52.5</c:v>
                </c:pt>
                <c:pt idx="199">
                  <c:v>55</c:v>
                </c:pt>
                <c:pt idx="200">
                  <c:v>55.9</c:v>
                </c:pt>
                <c:pt idx="201">
                  <c:v>56.6</c:v>
                </c:pt>
                <c:pt idx="202">
                  <c:v>55.7</c:v>
                </c:pt>
                <c:pt idx="203">
                  <c:v>55</c:v>
                </c:pt>
                <c:pt idx="204">
                  <c:v>55.1</c:v>
                </c:pt>
                <c:pt idx="205">
                  <c:v>56.3</c:v>
                </c:pt>
                <c:pt idx="206">
                  <c:v>55.7</c:v>
                </c:pt>
                <c:pt idx="207">
                  <c:v>56.2</c:v>
                </c:pt>
                <c:pt idx="208">
                  <c:v>56.3</c:v>
                </c:pt>
                <c:pt idx="209">
                  <c:v>55.7</c:v>
                </c:pt>
                <c:pt idx="210">
                  <c:v>53.9</c:v>
                </c:pt>
                <c:pt idx="211">
                  <c:v>53</c:v>
                </c:pt>
                <c:pt idx="212">
                  <c:v>52.1</c:v>
                </c:pt>
                <c:pt idx="213">
                  <c:v>51.9</c:v>
                </c:pt>
                <c:pt idx="214">
                  <c:v>52.9</c:v>
                </c:pt>
                <c:pt idx="215">
                  <c:v>52.5</c:v>
                </c:pt>
                <c:pt idx="216">
                  <c:v>52</c:v>
                </c:pt>
                <c:pt idx="217">
                  <c:v>50.2</c:v>
                </c:pt>
                <c:pt idx="218">
                  <c:v>50.1</c:v>
                </c:pt>
                <c:pt idx="219">
                  <c:v>49.1</c:v>
                </c:pt>
                <c:pt idx="220">
                  <c:v>49.1</c:v>
                </c:pt>
                <c:pt idx="221">
                  <c:v>48.7</c:v>
                </c:pt>
                <c:pt idx="222">
                  <c:v>47.6</c:v>
                </c:pt>
                <c:pt idx="223">
                  <c:v>49.2</c:v>
                </c:pt>
                <c:pt idx="224">
                  <c:v>51</c:v>
                </c:pt>
                <c:pt idx="225">
                  <c:v>51.3</c:v>
                </c:pt>
                <c:pt idx="226">
                  <c:v>51.4</c:v>
                </c:pt>
                <c:pt idx="227">
                  <c:v>52.2</c:v>
                </c:pt>
                <c:pt idx="228">
                  <c:v>52.7</c:v>
                </c:pt>
                <c:pt idx="229">
                  <c:v>49.8</c:v>
                </c:pt>
                <c:pt idx="230">
                  <c:v>51.1</c:v>
                </c:pt>
                <c:pt idx="231">
                  <c:v>51.8</c:v>
                </c:pt>
                <c:pt idx="232">
                  <c:v>53.2</c:v>
                </c:pt>
                <c:pt idx="233">
                  <c:v>54.4</c:v>
                </c:pt>
                <c:pt idx="234">
                  <c:v>55.7</c:v>
                </c:pt>
                <c:pt idx="235">
                  <c:v>57.7</c:v>
                </c:pt>
                <c:pt idx="236">
                  <c:v>56.5</c:v>
                </c:pt>
                <c:pt idx="237">
                  <c:v>55.8</c:v>
                </c:pt>
                <c:pt idx="238">
                  <c:v>56.4</c:v>
                </c:pt>
                <c:pt idx="239">
                  <c:v>56.2</c:v>
                </c:pt>
                <c:pt idx="240">
                  <c:v>56.5</c:v>
                </c:pt>
                <c:pt idx="241">
                  <c:v>58.4</c:v>
                </c:pt>
                <c:pt idx="242">
                  <c:v>60</c:v>
                </c:pt>
                <c:pt idx="243">
                  <c:v>58.6</c:v>
                </c:pt>
                <c:pt idx="244">
                  <c:v>57.6</c:v>
                </c:pt>
                <c:pt idx="245">
                  <c:v>59.7</c:v>
                </c:pt>
                <c:pt idx="246">
                  <c:v>59.4</c:v>
                </c:pt>
                <c:pt idx="247">
                  <c:v>60.9</c:v>
                </c:pt>
                <c:pt idx="248">
                  <c:v>58.8</c:v>
                </c:pt>
                <c:pt idx="249">
                  <c:v>58.6</c:v>
                </c:pt>
                <c:pt idx="250">
                  <c:v>59</c:v>
                </c:pt>
                <c:pt idx="251">
                  <c:v>59.9</c:v>
                </c:pt>
                <c:pt idx="252">
                  <c:v>58.1</c:v>
                </c:pt>
                <c:pt idx="253">
                  <c:v>60.5</c:v>
                </c:pt>
                <c:pt idx="254">
                  <c:v>59.3</c:v>
                </c:pt>
                <c:pt idx="255">
                  <c:v>58.1</c:v>
                </c:pt>
                <c:pt idx="256">
                  <c:v>58.6</c:v>
                </c:pt>
                <c:pt idx="257">
                  <c:v>54.9</c:v>
                </c:pt>
                <c:pt idx="258">
                  <c:v>55.7</c:v>
                </c:pt>
                <c:pt idx="259">
                  <c:v>54.4</c:v>
                </c:pt>
                <c:pt idx="260">
                  <c:v>54.9</c:v>
                </c:pt>
                <c:pt idx="261">
                  <c:v>53.6</c:v>
                </c:pt>
                <c:pt idx="262">
                  <c:v>52.6</c:v>
                </c:pt>
                <c:pt idx="263">
                  <c:v>51.5</c:v>
                </c:pt>
                <c:pt idx="264">
                  <c:v>51</c:v>
                </c:pt>
                <c:pt idx="265">
                  <c:v>48.5</c:v>
                </c:pt>
                <c:pt idx="266">
                  <c:v>48.1</c:v>
                </c:pt>
                <c:pt idx="267">
                  <c:v>48.1</c:v>
                </c:pt>
                <c:pt idx="268">
                  <c:v>48.1</c:v>
                </c:pt>
                <c:pt idx="269">
                  <c:v>47.9</c:v>
                </c:pt>
                <c:pt idx="270">
                  <c:v>51.4</c:v>
                </c:pt>
                <c:pt idx="271">
                  <c:v>50.1</c:v>
                </c:pt>
                <c:pt idx="272">
                  <c:v>49</c:v>
                </c:pt>
                <c:pt idx="273">
                  <c:v>41.8</c:v>
                </c:pt>
                <c:pt idx="274">
                  <c:v>43.5</c:v>
                </c:pt>
                <c:pt idx="275">
                  <c:v>52.6</c:v>
                </c:pt>
                <c:pt idx="276">
                  <c:v>53.8</c:v>
                </c:pt>
                <c:pt idx="277">
                  <c:v>55.4</c:v>
                </c:pt>
                <c:pt idx="278">
                  <c:v>55.5</c:v>
                </c:pt>
                <c:pt idx="279">
                  <c:v>58.7</c:v>
                </c:pt>
                <c:pt idx="280">
                  <c:v>57.3</c:v>
                </c:pt>
                <c:pt idx="281">
                  <c:v>60.2</c:v>
                </c:pt>
                <c:pt idx="282">
                  <c:v>59.3</c:v>
                </c:pt>
                <c:pt idx="283">
                  <c:v>60.8</c:v>
                </c:pt>
                <c:pt idx="284">
                  <c:v>63.8</c:v>
                </c:pt>
                <c:pt idx="285">
                  <c:v>61</c:v>
                </c:pt>
                <c:pt idx="286">
                  <c:v>61.9</c:v>
                </c:pt>
                <c:pt idx="287">
                  <c:v>61.1</c:v>
                </c:pt>
                <c:pt idx="288">
                  <c:v>60</c:v>
                </c:pt>
                <c:pt idx="289">
                  <c:v>59.6</c:v>
                </c:pt>
                <c:pt idx="290">
                  <c:v>60.7</c:v>
                </c:pt>
                <c:pt idx="291">
                  <c:v>60.4</c:v>
                </c:pt>
                <c:pt idx="292">
                  <c:v>60.8</c:v>
                </c:pt>
                <c:pt idx="293">
                  <c:v>58.6</c:v>
                </c:pt>
                <c:pt idx="294">
                  <c:v>57.6</c:v>
                </c:pt>
                <c:pt idx="295">
                  <c:v>58.4</c:v>
                </c:pt>
                <c:pt idx="296">
                  <c:v>57</c:v>
                </c:pt>
                <c:pt idx="297">
                  <c:v>55.9</c:v>
                </c:pt>
                <c:pt idx="298">
                  <c:v>56.1</c:v>
                </c:pt>
                <c:pt idx="299">
                  <c:v>53.1</c:v>
                </c:pt>
                <c:pt idx="300">
                  <c:v>52.7</c:v>
                </c:pt>
                <c:pt idx="301">
                  <c:v>52.9</c:v>
                </c:pt>
                <c:pt idx="302">
                  <c:v>51</c:v>
                </c:pt>
                <c:pt idx="303">
                  <c:v>50</c:v>
                </c:pt>
                <c:pt idx="304">
                  <c:v>49</c:v>
                </c:pt>
                <c:pt idx="305">
                  <c:v>48.4</c:v>
                </c:pt>
                <c:pt idx="306">
                  <c:v>47.4</c:v>
                </c:pt>
                <c:pt idx="307">
                  <c:v>47.7</c:v>
                </c:pt>
                <c:pt idx="308">
                  <c:v>46.3</c:v>
                </c:pt>
                <c:pt idx="309">
                  <c:v>47.1</c:v>
                </c:pt>
                <c:pt idx="310">
                  <c:v>46.9</c:v>
                </c:pt>
                <c:pt idx="311">
                  <c:v>46</c:v>
                </c:pt>
                <c:pt idx="312">
                  <c:v>46.4</c:v>
                </c:pt>
                <c:pt idx="313">
                  <c:v>47.6</c:v>
                </c:pt>
              </c:numCache>
            </c:numRef>
          </c:val>
          <c:smooth val="0"/>
          <c:extLst>
            <c:ext xmlns:c16="http://schemas.microsoft.com/office/drawing/2014/chart" uri="{C3380CC4-5D6E-409C-BE32-E72D297353CC}">
              <c16:uniqueId val="{00000001-5CEB-423D-9431-9E95ADB2E648}"/>
            </c:ext>
          </c:extLst>
        </c:ser>
        <c:ser>
          <c:idx val="1"/>
          <c:order val="1"/>
          <c:tx>
            <c:v>ISM Services</c:v>
          </c:tx>
          <c:spPr>
            <a:ln w="19050" cap="rnd">
              <a:solidFill>
                <a:schemeClr val="accent2"/>
              </a:solidFill>
              <a:round/>
            </a:ln>
            <a:effectLst/>
          </c:spPr>
          <c:marker>
            <c:symbol val="none"/>
          </c:marker>
          <c:cat>
            <c:numRef>
              <c:f>'ISM Manu &amp; Ser'!$F$23:$F$336</c:f>
              <c:numCache>
                <c:formatCode>mm/dd/yy</c:formatCode>
                <c:ptCount val="314"/>
                <c:pt idx="0">
                  <c:v>35642</c:v>
                </c:pt>
                <c:pt idx="1">
                  <c:v>35673</c:v>
                </c:pt>
                <c:pt idx="2">
                  <c:v>35703</c:v>
                </c:pt>
                <c:pt idx="3">
                  <c:v>35734</c:v>
                </c:pt>
                <c:pt idx="4">
                  <c:v>35764</c:v>
                </c:pt>
                <c:pt idx="5">
                  <c:v>35795</c:v>
                </c:pt>
                <c:pt idx="6">
                  <c:v>35826</c:v>
                </c:pt>
                <c:pt idx="7">
                  <c:v>35854</c:v>
                </c:pt>
                <c:pt idx="8">
                  <c:v>35885</c:v>
                </c:pt>
                <c:pt idx="9">
                  <c:v>35915</c:v>
                </c:pt>
                <c:pt idx="10">
                  <c:v>35946</c:v>
                </c:pt>
                <c:pt idx="11">
                  <c:v>35976</c:v>
                </c:pt>
                <c:pt idx="12">
                  <c:v>36007</c:v>
                </c:pt>
                <c:pt idx="13">
                  <c:v>36038</c:v>
                </c:pt>
                <c:pt idx="14">
                  <c:v>36068</c:v>
                </c:pt>
                <c:pt idx="15">
                  <c:v>36099</c:v>
                </c:pt>
                <c:pt idx="16">
                  <c:v>36129</c:v>
                </c:pt>
                <c:pt idx="17">
                  <c:v>36160</c:v>
                </c:pt>
                <c:pt idx="18">
                  <c:v>36191</c:v>
                </c:pt>
                <c:pt idx="19">
                  <c:v>36219</c:v>
                </c:pt>
                <c:pt idx="20">
                  <c:v>36250</c:v>
                </c:pt>
                <c:pt idx="21">
                  <c:v>36280</c:v>
                </c:pt>
                <c:pt idx="22">
                  <c:v>36311</c:v>
                </c:pt>
                <c:pt idx="23">
                  <c:v>36341</c:v>
                </c:pt>
                <c:pt idx="24">
                  <c:v>36372</c:v>
                </c:pt>
                <c:pt idx="25">
                  <c:v>36403</c:v>
                </c:pt>
                <c:pt idx="26">
                  <c:v>36433</c:v>
                </c:pt>
                <c:pt idx="27">
                  <c:v>36464</c:v>
                </c:pt>
                <c:pt idx="28">
                  <c:v>36494</c:v>
                </c:pt>
                <c:pt idx="29">
                  <c:v>36525</c:v>
                </c:pt>
                <c:pt idx="30">
                  <c:v>36556</c:v>
                </c:pt>
                <c:pt idx="31">
                  <c:v>36585</c:v>
                </c:pt>
                <c:pt idx="32">
                  <c:v>36616</c:v>
                </c:pt>
                <c:pt idx="33">
                  <c:v>36646</c:v>
                </c:pt>
                <c:pt idx="34">
                  <c:v>36677</c:v>
                </c:pt>
                <c:pt idx="35">
                  <c:v>36707</c:v>
                </c:pt>
                <c:pt idx="36">
                  <c:v>36738</c:v>
                </c:pt>
                <c:pt idx="37">
                  <c:v>36769</c:v>
                </c:pt>
                <c:pt idx="38">
                  <c:v>36799</c:v>
                </c:pt>
                <c:pt idx="39">
                  <c:v>36830</c:v>
                </c:pt>
                <c:pt idx="40">
                  <c:v>36860</c:v>
                </c:pt>
                <c:pt idx="41">
                  <c:v>36891</c:v>
                </c:pt>
                <c:pt idx="42">
                  <c:v>36922</c:v>
                </c:pt>
                <c:pt idx="43">
                  <c:v>36950</c:v>
                </c:pt>
                <c:pt idx="44">
                  <c:v>36981</c:v>
                </c:pt>
                <c:pt idx="45">
                  <c:v>37011</c:v>
                </c:pt>
                <c:pt idx="46">
                  <c:v>37042</c:v>
                </c:pt>
                <c:pt idx="47">
                  <c:v>37072</c:v>
                </c:pt>
                <c:pt idx="48">
                  <c:v>37103</c:v>
                </c:pt>
                <c:pt idx="49">
                  <c:v>37134</c:v>
                </c:pt>
                <c:pt idx="50">
                  <c:v>37164</c:v>
                </c:pt>
                <c:pt idx="51">
                  <c:v>37195</c:v>
                </c:pt>
                <c:pt idx="52">
                  <c:v>37225</c:v>
                </c:pt>
                <c:pt idx="53">
                  <c:v>37256</c:v>
                </c:pt>
                <c:pt idx="54">
                  <c:v>37287</c:v>
                </c:pt>
                <c:pt idx="55">
                  <c:v>37315</c:v>
                </c:pt>
                <c:pt idx="56">
                  <c:v>37346</c:v>
                </c:pt>
                <c:pt idx="57">
                  <c:v>37376</c:v>
                </c:pt>
                <c:pt idx="58">
                  <c:v>37407</c:v>
                </c:pt>
                <c:pt idx="59">
                  <c:v>37437</c:v>
                </c:pt>
                <c:pt idx="60">
                  <c:v>37468</c:v>
                </c:pt>
                <c:pt idx="61">
                  <c:v>37499</c:v>
                </c:pt>
                <c:pt idx="62">
                  <c:v>37529</c:v>
                </c:pt>
                <c:pt idx="63">
                  <c:v>37560</c:v>
                </c:pt>
                <c:pt idx="64">
                  <c:v>37590</c:v>
                </c:pt>
                <c:pt idx="65">
                  <c:v>37621</c:v>
                </c:pt>
                <c:pt idx="66">
                  <c:v>37652</c:v>
                </c:pt>
                <c:pt idx="67">
                  <c:v>37680</c:v>
                </c:pt>
                <c:pt idx="68">
                  <c:v>37711</c:v>
                </c:pt>
                <c:pt idx="69">
                  <c:v>37741</c:v>
                </c:pt>
                <c:pt idx="70">
                  <c:v>37772</c:v>
                </c:pt>
                <c:pt idx="71">
                  <c:v>37802</c:v>
                </c:pt>
                <c:pt idx="72">
                  <c:v>37833</c:v>
                </c:pt>
                <c:pt idx="73">
                  <c:v>37864</c:v>
                </c:pt>
                <c:pt idx="74">
                  <c:v>37894</c:v>
                </c:pt>
                <c:pt idx="75">
                  <c:v>37925</c:v>
                </c:pt>
                <c:pt idx="76">
                  <c:v>37955</c:v>
                </c:pt>
                <c:pt idx="77">
                  <c:v>37986</c:v>
                </c:pt>
                <c:pt idx="78">
                  <c:v>38017</c:v>
                </c:pt>
                <c:pt idx="79">
                  <c:v>38046</c:v>
                </c:pt>
                <c:pt idx="80">
                  <c:v>38077</c:v>
                </c:pt>
                <c:pt idx="81">
                  <c:v>38107</c:v>
                </c:pt>
                <c:pt idx="82">
                  <c:v>38138</c:v>
                </c:pt>
                <c:pt idx="83">
                  <c:v>38168</c:v>
                </c:pt>
                <c:pt idx="84">
                  <c:v>38199</c:v>
                </c:pt>
                <c:pt idx="85">
                  <c:v>38230</c:v>
                </c:pt>
                <c:pt idx="86">
                  <c:v>38260</c:v>
                </c:pt>
                <c:pt idx="87">
                  <c:v>38291</c:v>
                </c:pt>
                <c:pt idx="88">
                  <c:v>38321</c:v>
                </c:pt>
                <c:pt idx="89">
                  <c:v>38352</c:v>
                </c:pt>
                <c:pt idx="90">
                  <c:v>38383</c:v>
                </c:pt>
                <c:pt idx="91">
                  <c:v>38411</c:v>
                </c:pt>
                <c:pt idx="92">
                  <c:v>38442</c:v>
                </c:pt>
                <c:pt idx="93">
                  <c:v>38472</c:v>
                </c:pt>
                <c:pt idx="94">
                  <c:v>38503</c:v>
                </c:pt>
                <c:pt idx="95">
                  <c:v>38533</c:v>
                </c:pt>
                <c:pt idx="96">
                  <c:v>38564</c:v>
                </c:pt>
                <c:pt idx="97">
                  <c:v>38595</c:v>
                </c:pt>
                <c:pt idx="98">
                  <c:v>38625</c:v>
                </c:pt>
                <c:pt idx="99">
                  <c:v>38656</c:v>
                </c:pt>
                <c:pt idx="100">
                  <c:v>38686</c:v>
                </c:pt>
                <c:pt idx="101">
                  <c:v>38717</c:v>
                </c:pt>
                <c:pt idx="102">
                  <c:v>38748</c:v>
                </c:pt>
                <c:pt idx="103">
                  <c:v>38776</c:v>
                </c:pt>
                <c:pt idx="104">
                  <c:v>38807</c:v>
                </c:pt>
                <c:pt idx="105">
                  <c:v>38837</c:v>
                </c:pt>
                <c:pt idx="106">
                  <c:v>38868</c:v>
                </c:pt>
                <c:pt idx="107">
                  <c:v>38898</c:v>
                </c:pt>
                <c:pt idx="108">
                  <c:v>38929</c:v>
                </c:pt>
                <c:pt idx="109">
                  <c:v>38960</c:v>
                </c:pt>
                <c:pt idx="110">
                  <c:v>38990</c:v>
                </c:pt>
                <c:pt idx="111">
                  <c:v>39021</c:v>
                </c:pt>
                <c:pt idx="112">
                  <c:v>39051</c:v>
                </c:pt>
                <c:pt idx="113">
                  <c:v>39082</c:v>
                </c:pt>
                <c:pt idx="114">
                  <c:v>39113</c:v>
                </c:pt>
                <c:pt idx="115">
                  <c:v>39141</c:v>
                </c:pt>
                <c:pt idx="116">
                  <c:v>39172</c:v>
                </c:pt>
                <c:pt idx="117">
                  <c:v>39202</c:v>
                </c:pt>
                <c:pt idx="118">
                  <c:v>39233</c:v>
                </c:pt>
                <c:pt idx="119">
                  <c:v>39263</c:v>
                </c:pt>
                <c:pt idx="120">
                  <c:v>39294</c:v>
                </c:pt>
                <c:pt idx="121">
                  <c:v>39325</c:v>
                </c:pt>
                <c:pt idx="122">
                  <c:v>39355</c:v>
                </c:pt>
                <c:pt idx="123">
                  <c:v>39386</c:v>
                </c:pt>
                <c:pt idx="124">
                  <c:v>39416</c:v>
                </c:pt>
                <c:pt idx="125">
                  <c:v>39447</c:v>
                </c:pt>
                <c:pt idx="126">
                  <c:v>39478</c:v>
                </c:pt>
                <c:pt idx="127">
                  <c:v>39507</c:v>
                </c:pt>
                <c:pt idx="128">
                  <c:v>39538</c:v>
                </c:pt>
                <c:pt idx="129">
                  <c:v>39568</c:v>
                </c:pt>
                <c:pt idx="130">
                  <c:v>39599</c:v>
                </c:pt>
                <c:pt idx="131">
                  <c:v>39629</c:v>
                </c:pt>
                <c:pt idx="132">
                  <c:v>39660</c:v>
                </c:pt>
                <c:pt idx="133">
                  <c:v>39691</c:v>
                </c:pt>
                <c:pt idx="134">
                  <c:v>39721</c:v>
                </c:pt>
                <c:pt idx="135">
                  <c:v>39752</c:v>
                </c:pt>
                <c:pt idx="136">
                  <c:v>39782</c:v>
                </c:pt>
                <c:pt idx="137">
                  <c:v>39813</c:v>
                </c:pt>
                <c:pt idx="138">
                  <c:v>39844</c:v>
                </c:pt>
                <c:pt idx="139">
                  <c:v>39872</c:v>
                </c:pt>
                <c:pt idx="140">
                  <c:v>39903</c:v>
                </c:pt>
                <c:pt idx="141">
                  <c:v>39933</c:v>
                </c:pt>
                <c:pt idx="142">
                  <c:v>39964</c:v>
                </c:pt>
                <c:pt idx="143">
                  <c:v>39994</c:v>
                </c:pt>
                <c:pt idx="144">
                  <c:v>40025</c:v>
                </c:pt>
                <c:pt idx="145">
                  <c:v>40056</c:v>
                </c:pt>
                <c:pt idx="146">
                  <c:v>40086</c:v>
                </c:pt>
                <c:pt idx="147">
                  <c:v>40117</c:v>
                </c:pt>
                <c:pt idx="148">
                  <c:v>40147</c:v>
                </c:pt>
                <c:pt idx="149">
                  <c:v>40178</c:v>
                </c:pt>
                <c:pt idx="150">
                  <c:v>40209</c:v>
                </c:pt>
                <c:pt idx="151">
                  <c:v>40237</c:v>
                </c:pt>
                <c:pt idx="152">
                  <c:v>40268</c:v>
                </c:pt>
                <c:pt idx="153">
                  <c:v>40298</c:v>
                </c:pt>
                <c:pt idx="154">
                  <c:v>40329</c:v>
                </c:pt>
                <c:pt idx="155">
                  <c:v>40359</c:v>
                </c:pt>
                <c:pt idx="156">
                  <c:v>40390</c:v>
                </c:pt>
                <c:pt idx="157">
                  <c:v>40421</c:v>
                </c:pt>
                <c:pt idx="158">
                  <c:v>40451</c:v>
                </c:pt>
                <c:pt idx="159">
                  <c:v>40482</c:v>
                </c:pt>
                <c:pt idx="160">
                  <c:v>40512</c:v>
                </c:pt>
                <c:pt idx="161">
                  <c:v>40543</c:v>
                </c:pt>
                <c:pt idx="162">
                  <c:v>40574</c:v>
                </c:pt>
                <c:pt idx="163">
                  <c:v>40602</c:v>
                </c:pt>
                <c:pt idx="164">
                  <c:v>40633</c:v>
                </c:pt>
                <c:pt idx="165">
                  <c:v>40663</c:v>
                </c:pt>
                <c:pt idx="166">
                  <c:v>40694</c:v>
                </c:pt>
                <c:pt idx="167">
                  <c:v>40724</c:v>
                </c:pt>
                <c:pt idx="168">
                  <c:v>40755</c:v>
                </c:pt>
                <c:pt idx="169">
                  <c:v>40786</c:v>
                </c:pt>
                <c:pt idx="170">
                  <c:v>40816</c:v>
                </c:pt>
                <c:pt idx="171">
                  <c:v>40847</c:v>
                </c:pt>
                <c:pt idx="172">
                  <c:v>40877</c:v>
                </c:pt>
                <c:pt idx="173">
                  <c:v>40908</c:v>
                </c:pt>
                <c:pt idx="174">
                  <c:v>40939</c:v>
                </c:pt>
                <c:pt idx="175">
                  <c:v>40968</c:v>
                </c:pt>
                <c:pt idx="176">
                  <c:v>40999</c:v>
                </c:pt>
                <c:pt idx="177">
                  <c:v>41029</c:v>
                </c:pt>
                <c:pt idx="178">
                  <c:v>41060</c:v>
                </c:pt>
                <c:pt idx="179">
                  <c:v>41090</c:v>
                </c:pt>
                <c:pt idx="180">
                  <c:v>41121</c:v>
                </c:pt>
                <c:pt idx="181">
                  <c:v>41152</c:v>
                </c:pt>
                <c:pt idx="182">
                  <c:v>41182</c:v>
                </c:pt>
                <c:pt idx="183">
                  <c:v>41213</c:v>
                </c:pt>
                <c:pt idx="184">
                  <c:v>41243</c:v>
                </c:pt>
                <c:pt idx="185">
                  <c:v>41274</c:v>
                </c:pt>
                <c:pt idx="186">
                  <c:v>41305</c:v>
                </c:pt>
                <c:pt idx="187">
                  <c:v>41333</c:v>
                </c:pt>
                <c:pt idx="188">
                  <c:v>41364</c:v>
                </c:pt>
                <c:pt idx="189">
                  <c:v>41394</c:v>
                </c:pt>
                <c:pt idx="190">
                  <c:v>41425</c:v>
                </c:pt>
                <c:pt idx="191">
                  <c:v>41455</c:v>
                </c:pt>
                <c:pt idx="192">
                  <c:v>41486</c:v>
                </c:pt>
                <c:pt idx="193">
                  <c:v>41517</c:v>
                </c:pt>
                <c:pt idx="194">
                  <c:v>41547</c:v>
                </c:pt>
                <c:pt idx="195">
                  <c:v>41578</c:v>
                </c:pt>
                <c:pt idx="196">
                  <c:v>41608</c:v>
                </c:pt>
                <c:pt idx="197">
                  <c:v>41639</c:v>
                </c:pt>
                <c:pt idx="198">
                  <c:v>41670</c:v>
                </c:pt>
                <c:pt idx="199">
                  <c:v>41698</c:v>
                </c:pt>
                <c:pt idx="200">
                  <c:v>41729</c:v>
                </c:pt>
                <c:pt idx="201">
                  <c:v>41759</c:v>
                </c:pt>
                <c:pt idx="202">
                  <c:v>41790</c:v>
                </c:pt>
                <c:pt idx="203">
                  <c:v>41820</c:v>
                </c:pt>
                <c:pt idx="204">
                  <c:v>41851</c:v>
                </c:pt>
                <c:pt idx="205">
                  <c:v>41882</c:v>
                </c:pt>
                <c:pt idx="206">
                  <c:v>41912</c:v>
                </c:pt>
                <c:pt idx="207">
                  <c:v>41943</c:v>
                </c:pt>
                <c:pt idx="208">
                  <c:v>41973</c:v>
                </c:pt>
                <c:pt idx="209">
                  <c:v>42004</c:v>
                </c:pt>
                <c:pt idx="210">
                  <c:v>42035</c:v>
                </c:pt>
                <c:pt idx="211">
                  <c:v>42063</c:v>
                </c:pt>
                <c:pt idx="212">
                  <c:v>42094</c:v>
                </c:pt>
                <c:pt idx="213">
                  <c:v>42124</c:v>
                </c:pt>
                <c:pt idx="214">
                  <c:v>42155</c:v>
                </c:pt>
                <c:pt idx="215">
                  <c:v>42185</c:v>
                </c:pt>
                <c:pt idx="216">
                  <c:v>42216</c:v>
                </c:pt>
                <c:pt idx="217">
                  <c:v>42247</c:v>
                </c:pt>
                <c:pt idx="218">
                  <c:v>42277</c:v>
                </c:pt>
                <c:pt idx="219">
                  <c:v>42308</c:v>
                </c:pt>
                <c:pt idx="220">
                  <c:v>42338</c:v>
                </c:pt>
                <c:pt idx="221">
                  <c:v>42369</c:v>
                </c:pt>
                <c:pt idx="222">
                  <c:v>42400</c:v>
                </c:pt>
                <c:pt idx="223">
                  <c:v>42429</c:v>
                </c:pt>
                <c:pt idx="224">
                  <c:v>42460</c:v>
                </c:pt>
                <c:pt idx="225">
                  <c:v>42490</c:v>
                </c:pt>
                <c:pt idx="226">
                  <c:v>42521</c:v>
                </c:pt>
                <c:pt idx="227">
                  <c:v>42551</c:v>
                </c:pt>
                <c:pt idx="228">
                  <c:v>42582</c:v>
                </c:pt>
                <c:pt idx="229">
                  <c:v>42613</c:v>
                </c:pt>
                <c:pt idx="230">
                  <c:v>42643</c:v>
                </c:pt>
                <c:pt idx="231">
                  <c:v>42674</c:v>
                </c:pt>
                <c:pt idx="232">
                  <c:v>42704</c:v>
                </c:pt>
                <c:pt idx="233">
                  <c:v>42735</c:v>
                </c:pt>
                <c:pt idx="234">
                  <c:v>42766</c:v>
                </c:pt>
                <c:pt idx="235">
                  <c:v>42794</c:v>
                </c:pt>
                <c:pt idx="236">
                  <c:v>42825</c:v>
                </c:pt>
                <c:pt idx="237">
                  <c:v>42855</c:v>
                </c:pt>
                <c:pt idx="238">
                  <c:v>42886</c:v>
                </c:pt>
                <c:pt idx="239">
                  <c:v>42916</c:v>
                </c:pt>
                <c:pt idx="240">
                  <c:v>42947</c:v>
                </c:pt>
                <c:pt idx="241">
                  <c:v>42978</c:v>
                </c:pt>
                <c:pt idx="242">
                  <c:v>43008</c:v>
                </c:pt>
                <c:pt idx="243">
                  <c:v>43039</c:v>
                </c:pt>
                <c:pt idx="244">
                  <c:v>43069</c:v>
                </c:pt>
                <c:pt idx="245">
                  <c:v>43100</c:v>
                </c:pt>
                <c:pt idx="246">
                  <c:v>43131</c:v>
                </c:pt>
                <c:pt idx="247">
                  <c:v>43159</c:v>
                </c:pt>
                <c:pt idx="248">
                  <c:v>43190</c:v>
                </c:pt>
                <c:pt idx="249">
                  <c:v>43220</c:v>
                </c:pt>
                <c:pt idx="250">
                  <c:v>43251</c:v>
                </c:pt>
                <c:pt idx="251">
                  <c:v>43281</c:v>
                </c:pt>
                <c:pt idx="252">
                  <c:v>43312</c:v>
                </c:pt>
                <c:pt idx="253">
                  <c:v>43343</c:v>
                </c:pt>
                <c:pt idx="254">
                  <c:v>43373</c:v>
                </c:pt>
                <c:pt idx="255">
                  <c:v>43404</c:v>
                </c:pt>
                <c:pt idx="256">
                  <c:v>43434</c:v>
                </c:pt>
                <c:pt idx="257">
                  <c:v>43465</c:v>
                </c:pt>
                <c:pt idx="258">
                  <c:v>43496</c:v>
                </c:pt>
                <c:pt idx="259">
                  <c:v>43524</c:v>
                </c:pt>
                <c:pt idx="260">
                  <c:v>43555</c:v>
                </c:pt>
                <c:pt idx="261">
                  <c:v>43585</c:v>
                </c:pt>
                <c:pt idx="262">
                  <c:v>43616</c:v>
                </c:pt>
                <c:pt idx="263">
                  <c:v>43646</c:v>
                </c:pt>
                <c:pt idx="264">
                  <c:v>43677</c:v>
                </c:pt>
                <c:pt idx="265">
                  <c:v>43708</c:v>
                </c:pt>
                <c:pt idx="266">
                  <c:v>43738</c:v>
                </c:pt>
                <c:pt idx="267">
                  <c:v>43769</c:v>
                </c:pt>
                <c:pt idx="268">
                  <c:v>43799</c:v>
                </c:pt>
                <c:pt idx="269">
                  <c:v>43830</c:v>
                </c:pt>
                <c:pt idx="270">
                  <c:v>43861</c:v>
                </c:pt>
                <c:pt idx="271">
                  <c:v>43890</c:v>
                </c:pt>
                <c:pt idx="272">
                  <c:v>43921</c:v>
                </c:pt>
                <c:pt idx="273">
                  <c:v>43951</c:v>
                </c:pt>
                <c:pt idx="274">
                  <c:v>43982</c:v>
                </c:pt>
                <c:pt idx="275">
                  <c:v>44012</c:v>
                </c:pt>
                <c:pt idx="276">
                  <c:v>44043</c:v>
                </c:pt>
                <c:pt idx="277">
                  <c:v>44074</c:v>
                </c:pt>
                <c:pt idx="278">
                  <c:v>44104</c:v>
                </c:pt>
                <c:pt idx="279">
                  <c:v>44135</c:v>
                </c:pt>
                <c:pt idx="280">
                  <c:v>44165</c:v>
                </c:pt>
                <c:pt idx="281">
                  <c:v>44196</c:v>
                </c:pt>
                <c:pt idx="282">
                  <c:v>44227</c:v>
                </c:pt>
                <c:pt idx="283">
                  <c:v>44255</c:v>
                </c:pt>
                <c:pt idx="284">
                  <c:v>44286</c:v>
                </c:pt>
                <c:pt idx="285">
                  <c:v>44316</c:v>
                </c:pt>
                <c:pt idx="286">
                  <c:v>44347</c:v>
                </c:pt>
                <c:pt idx="287">
                  <c:v>44377</c:v>
                </c:pt>
                <c:pt idx="288">
                  <c:v>44408</c:v>
                </c:pt>
                <c:pt idx="289">
                  <c:v>44439</c:v>
                </c:pt>
                <c:pt idx="290">
                  <c:v>44469</c:v>
                </c:pt>
                <c:pt idx="291">
                  <c:v>44500</c:v>
                </c:pt>
                <c:pt idx="292">
                  <c:v>44530</c:v>
                </c:pt>
                <c:pt idx="293">
                  <c:v>44561</c:v>
                </c:pt>
                <c:pt idx="294">
                  <c:v>44592</c:v>
                </c:pt>
                <c:pt idx="295">
                  <c:v>44620</c:v>
                </c:pt>
                <c:pt idx="296">
                  <c:v>44651</c:v>
                </c:pt>
                <c:pt idx="297">
                  <c:v>44681</c:v>
                </c:pt>
                <c:pt idx="298">
                  <c:v>44712</c:v>
                </c:pt>
                <c:pt idx="299">
                  <c:v>44742</c:v>
                </c:pt>
                <c:pt idx="300">
                  <c:v>44773</c:v>
                </c:pt>
                <c:pt idx="301">
                  <c:v>44804</c:v>
                </c:pt>
                <c:pt idx="302">
                  <c:v>44834</c:v>
                </c:pt>
                <c:pt idx="303">
                  <c:v>44865</c:v>
                </c:pt>
                <c:pt idx="304">
                  <c:v>44895</c:v>
                </c:pt>
                <c:pt idx="305">
                  <c:v>44926</c:v>
                </c:pt>
                <c:pt idx="306">
                  <c:v>44957</c:v>
                </c:pt>
                <c:pt idx="307">
                  <c:v>44985</c:v>
                </c:pt>
                <c:pt idx="308">
                  <c:v>45016</c:v>
                </c:pt>
                <c:pt idx="309">
                  <c:v>45046</c:v>
                </c:pt>
                <c:pt idx="310">
                  <c:v>45077</c:v>
                </c:pt>
                <c:pt idx="311">
                  <c:v>45107</c:v>
                </c:pt>
                <c:pt idx="312">
                  <c:v>45138</c:v>
                </c:pt>
                <c:pt idx="313">
                  <c:v>45169</c:v>
                </c:pt>
              </c:numCache>
            </c:numRef>
          </c:cat>
          <c:val>
            <c:numRef>
              <c:f>'ISM Manu &amp; Ser'!$H$23:$H$336</c:f>
              <c:numCache>
                <c:formatCode>#,##0.00</c:formatCode>
                <c:ptCount val="314"/>
                <c:pt idx="0">
                  <c:v>56.674999999999997</c:v>
                </c:pt>
                <c:pt idx="1">
                  <c:v>62.024999999999999</c:v>
                </c:pt>
                <c:pt idx="2">
                  <c:v>56.15</c:v>
                </c:pt>
                <c:pt idx="3">
                  <c:v>56.6</c:v>
                </c:pt>
                <c:pt idx="4">
                  <c:v>58.5</c:v>
                </c:pt>
                <c:pt idx="5">
                  <c:v>55.45</c:v>
                </c:pt>
                <c:pt idx="6">
                  <c:v>56.95</c:v>
                </c:pt>
                <c:pt idx="7">
                  <c:v>56.2</c:v>
                </c:pt>
                <c:pt idx="8">
                  <c:v>54.674999999999997</c:v>
                </c:pt>
                <c:pt idx="9">
                  <c:v>54.924999999999997</c:v>
                </c:pt>
                <c:pt idx="10">
                  <c:v>56.174999999999997</c:v>
                </c:pt>
                <c:pt idx="11">
                  <c:v>55.125</c:v>
                </c:pt>
                <c:pt idx="12">
                  <c:v>55.8</c:v>
                </c:pt>
                <c:pt idx="13">
                  <c:v>53.45</c:v>
                </c:pt>
                <c:pt idx="14">
                  <c:v>55</c:v>
                </c:pt>
                <c:pt idx="15">
                  <c:v>53.825000000000003</c:v>
                </c:pt>
                <c:pt idx="16">
                  <c:v>52.55</c:v>
                </c:pt>
                <c:pt idx="17">
                  <c:v>52.9</c:v>
                </c:pt>
                <c:pt idx="18">
                  <c:v>55.55</c:v>
                </c:pt>
                <c:pt idx="19">
                  <c:v>54.4</c:v>
                </c:pt>
                <c:pt idx="20">
                  <c:v>55.3</c:v>
                </c:pt>
                <c:pt idx="21">
                  <c:v>55.475000000000001</c:v>
                </c:pt>
                <c:pt idx="22">
                  <c:v>55.25</c:v>
                </c:pt>
                <c:pt idx="23">
                  <c:v>56.725000000000001</c:v>
                </c:pt>
                <c:pt idx="24">
                  <c:v>56.174999999999997</c:v>
                </c:pt>
                <c:pt idx="25">
                  <c:v>56.424999999999997</c:v>
                </c:pt>
                <c:pt idx="26">
                  <c:v>56.15</c:v>
                </c:pt>
                <c:pt idx="27">
                  <c:v>57.6</c:v>
                </c:pt>
                <c:pt idx="28">
                  <c:v>54.9</c:v>
                </c:pt>
                <c:pt idx="29">
                  <c:v>56.875</c:v>
                </c:pt>
                <c:pt idx="30">
                  <c:v>56.575000000000003</c:v>
                </c:pt>
                <c:pt idx="31">
                  <c:v>56.225000000000001</c:v>
                </c:pt>
                <c:pt idx="32">
                  <c:v>57.424999999999997</c:v>
                </c:pt>
                <c:pt idx="33">
                  <c:v>58</c:v>
                </c:pt>
                <c:pt idx="34">
                  <c:v>57.7</c:v>
                </c:pt>
                <c:pt idx="35">
                  <c:v>56.9</c:v>
                </c:pt>
                <c:pt idx="36">
                  <c:v>55.3</c:v>
                </c:pt>
                <c:pt idx="37">
                  <c:v>57.575000000000003</c:v>
                </c:pt>
                <c:pt idx="38">
                  <c:v>56.674999999999997</c:v>
                </c:pt>
                <c:pt idx="39">
                  <c:v>56.7</c:v>
                </c:pt>
                <c:pt idx="40">
                  <c:v>56.174999999999997</c:v>
                </c:pt>
                <c:pt idx="41">
                  <c:v>53.95</c:v>
                </c:pt>
                <c:pt idx="42">
                  <c:v>51.625</c:v>
                </c:pt>
                <c:pt idx="43">
                  <c:v>51.274999999999999</c:v>
                </c:pt>
                <c:pt idx="44">
                  <c:v>50.674999999999997</c:v>
                </c:pt>
                <c:pt idx="45">
                  <c:v>48.25</c:v>
                </c:pt>
                <c:pt idx="46">
                  <c:v>48.975000000000001</c:v>
                </c:pt>
                <c:pt idx="47">
                  <c:v>50.1</c:v>
                </c:pt>
                <c:pt idx="48">
                  <c:v>48.125</c:v>
                </c:pt>
                <c:pt idx="49">
                  <c:v>46.9</c:v>
                </c:pt>
                <c:pt idx="50">
                  <c:v>49.475000000000001</c:v>
                </c:pt>
                <c:pt idx="51">
                  <c:v>44.8</c:v>
                </c:pt>
                <c:pt idx="52">
                  <c:v>48.2</c:v>
                </c:pt>
                <c:pt idx="53">
                  <c:v>49.674999999999997</c:v>
                </c:pt>
                <c:pt idx="54">
                  <c:v>48.85</c:v>
                </c:pt>
                <c:pt idx="55">
                  <c:v>52.674999999999997</c:v>
                </c:pt>
                <c:pt idx="56">
                  <c:v>52.825000000000003</c:v>
                </c:pt>
                <c:pt idx="57">
                  <c:v>53.5</c:v>
                </c:pt>
                <c:pt idx="58">
                  <c:v>54.75</c:v>
                </c:pt>
                <c:pt idx="59">
                  <c:v>52.5</c:v>
                </c:pt>
                <c:pt idx="60">
                  <c:v>50.35</c:v>
                </c:pt>
                <c:pt idx="61">
                  <c:v>50.924999999999997</c:v>
                </c:pt>
                <c:pt idx="62">
                  <c:v>52.325000000000003</c:v>
                </c:pt>
                <c:pt idx="63">
                  <c:v>51.375</c:v>
                </c:pt>
                <c:pt idx="64">
                  <c:v>52.924999999999997</c:v>
                </c:pt>
                <c:pt idx="65">
                  <c:v>52.3</c:v>
                </c:pt>
                <c:pt idx="66">
                  <c:v>53.274999999999999</c:v>
                </c:pt>
                <c:pt idx="67">
                  <c:v>52.625</c:v>
                </c:pt>
                <c:pt idx="68">
                  <c:v>49.075000000000003</c:v>
                </c:pt>
                <c:pt idx="69">
                  <c:v>50.075000000000003</c:v>
                </c:pt>
                <c:pt idx="70">
                  <c:v>52.75</c:v>
                </c:pt>
                <c:pt idx="71">
                  <c:v>54.274999999999999</c:v>
                </c:pt>
                <c:pt idx="72">
                  <c:v>57.25</c:v>
                </c:pt>
                <c:pt idx="73">
                  <c:v>59.05</c:v>
                </c:pt>
                <c:pt idx="74">
                  <c:v>57.575000000000003</c:v>
                </c:pt>
                <c:pt idx="75">
                  <c:v>58.65</c:v>
                </c:pt>
                <c:pt idx="76">
                  <c:v>57.45</c:v>
                </c:pt>
                <c:pt idx="77">
                  <c:v>56.8</c:v>
                </c:pt>
                <c:pt idx="78">
                  <c:v>61.174999999999997</c:v>
                </c:pt>
                <c:pt idx="79">
                  <c:v>58.024999999999999</c:v>
                </c:pt>
                <c:pt idx="80">
                  <c:v>58.3</c:v>
                </c:pt>
                <c:pt idx="81">
                  <c:v>59.575000000000003</c:v>
                </c:pt>
                <c:pt idx="82">
                  <c:v>58.45</c:v>
                </c:pt>
                <c:pt idx="83">
                  <c:v>58.6</c:v>
                </c:pt>
                <c:pt idx="84">
                  <c:v>58.524999999999999</c:v>
                </c:pt>
                <c:pt idx="85">
                  <c:v>57.3</c:v>
                </c:pt>
                <c:pt idx="86">
                  <c:v>57.85</c:v>
                </c:pt>
                <c:pt idx="87">
                  <c:v>58.8</c:v>
                </c:pt>
                <c:pt idx="88">
                  <c:v>58.424999999999997</c:v>
                </c:pt>
                <c:pt idx="89">
                  <c:v>59.6</c:v>
                </c:pt>
                <c:pt idx="90">
                  <c:v>58</c:v>
                </c:pt>
                <c:pt idx="91">
                  <c:v>59.35</c:v>
                </c:pt>
                <c:pt idx="92">
                  <c:v>58</c:v>
                </c:pt>
                <c:pt idx="93">
                  <c:v>55.6</c:v>
                </c:pt>
                <c:pt idx="94">
                  <c:v>55.25</c:v>
                </c:pt>
                <c:pt idx="95">
                  <c:v>58.05</c:v>
                </c:pt>
                <c:pt idx="96">
                  <c:v>59.45</c:v>
                </c:pt>
                <c:pt idx="97">
                  <c:v>61.325000000000003</c:v>
                </c:pt>
                <c:pt idx="98">
                  <c:v>55.7</c:v>
                </c:pt>
                <c:pt idx="99">
                  <c:v>57.35</c:v>
                </c:pt>
                <c:pt idx="100">
                  <c:v>59.05</c:v>
                </c:pt>
                <c:pt idx="101">
                  <c:v>58.95</c:v>
                </c:pt>
                <c:pt idx="102">
                  <c:v>56.25</c:v>
                </c:pt>
                <c:pt idx="103">
                  <c:v>57.55</c:v>
                </c:pt>
                <c:pt idx="104">
                  <c:v>56.924999999999997</c:v>
                </c:pt>
                <c:pt idx="105">
                  <c:v>58.35</c:v>
                </c:pt>
                <c:pt idx="106">
                  <c:v>56.95</c:v>
                </c:pt>
                <c:pt idx="107">
                  <c:v>55.15</c:v>
                </c:pt>
                <c:pt idx="108">
                  <c:v>55.625</c:v>
                </c:pt>
                <c:pt idx="109">
                  <c:v>53.875</c:v>
                </c:pt>
                <c:pt idx="110">
                  <c:v>54.45</c:v>
                </c:pt>
                <c:pt idx="111">
                  <c:v>54.9</c:v>
                </c:pt>
                <c:pt idx="112">
                  <c:v>54.524999999999999</c:v>
                </c:pt>
                <c:pt idx="113">
                  <c:v>53.65</c:v>
                </c:pt>
                <c:pt idx="114">
                  <c:v>55.35</c:v>
                </c:pt>
                <c:pt idx="115">
                  <c:v>54.225000000000001</c:v>
                </c:pt>
                <c:pt idx="116">
                  <c:v>52.125</c:v>
                </c:pt>
                <c:pt idx="117">
                  <c:v>53.375</c:v>
                </c:pt>
                <c:pt idx="118">
                  <c:v>54.3</c:v>
                </c:pt>
                <c:pt idx="119">
                  <c:v>54.924999999999997</c:v>
                </c:pt>
                <c:pt idx="120">
                  <c:v>53.55</c:v>
                </c:pt>
                <c:pt idx="121">
                  <c:v>52.725000000000001</c:v>
                </c:pt>
                <c:pt idx="122">
                  <c:v>52.575000000000003</c:v>
                </c:pt>
                <c:pt idx="123">
                  <c:v>53.55</c:v>
                </c:pt>
                <c:pt idx="124">
                  <c:v>52.8</c:v>
                </c:pt>
                <c:pt idx="125">
                  <c:v>52.45</c:v>
                </c:pt>
                <c:pt idx="126">
                  <c:v>44.8</c:v>
                </c:pt>
                <c:pt idx="127">
                  <c:v>49.9</c:v>
                </c:pt>
                <c:pt idx="128">
                  <c:v>49.4</c:v>
                </c:pt>
                <c:pt idx="129">
                  <c:v>51.9</c:v>
                </c:pt>
                <c:pt idx="130">
                  <c:v>51.5</c:v>
                </c:pt>
                <c:pt idx="131">
                  <c:v>48.1</c:v>
                </c:pt>
                <c:pt idx="132">
                  <c:v>50.1</c:v>
                </c:pt>
                <c:pt idx="133">
                  <c:v>50.6</c:v>
                </c:pt>
                <c:pt idx="134">
                  <c:v>49.4</c:v>
                </c:pt>
                <c:pt idx="135">
                  <c:v>44.7</c:v>
                </c:pt>
                <c:pt idx="136">
                  <c:v>37.799999999999997</c:v>
                </c:pt>
                <c:pt idx="137">
                  <c:v>40</c:v>
                </c:pt>
                <c:pt idx="138">
                  <c:v>43</c:v>
                </c:pt>
                <c:pt idx="139">
                  <c:v>41.6</c:v>
                </c:pt>
                <c:pt idx="140">
                  <c:v>40.1</c:v>
                </c:pt>
                <c:pt idx="141">
                  <c:v>43.7</c:v>
                </c:pt>
                <c:pt idx="142">
                  <c:v>44.4</c:v>
                </c:pt>
                <c:pt idx="143">
                  <c:v>46.4</c:v>
                </c:pt>
                <c:pt idx="144">
                  <c:v>47.1</c:v>
                </c:pt>
                <c:pt idx="145">
                  <c:v>48.9</c:v>
                </c:pt>
                <c:pt idx="146">
                  <c:v>50.1</c:v>
                </c:pt>
                <c:pt idx="147">
                  <c:v>51</c:v>
                </c:pt>
                <c:pt idx="148">
                  <c:v>49.5</c:v>
                </c:pt>
                <c:pt idx="149">
                  <c:v>49.7</c:v>
                </c:pt>
                <c:pt idx="150">
                  <c:v>50</c:v>
                </c:pt>
                <c:pt idx="151">
                  <c:v>51.7</c:v>
                </c:pt>
                <c:pt idx="152">
                  <c:v>53.3</c:v>
                </c:pt>
                <c:pt idx="153">
                  <c:v>55.3</c:v>
                </c:pt>
                <c:pt idx="154">
                  <c:v>55.5</c:v>
                </c:pt>
                <c:pt idx="155">
                  <c:v>54.4</c:v>
                </c:pt>
                <c:pt idx="156">
                  <c:v>54.6</c:v>
                </c:pt>
                <c:pt idx="157">
                  <c:v>52.4</c:v>
                </c:pt>
                <c:pt idx="158">
                  <c:v>53.3</c:v>
                </c:pt>
                <c:pt idx="159">
                  <c:v>55.3</c:v>
                </c:pt>
                <c:pt idx="160">
                  <c:v>56.4</c:v>
                </c:pt>
                <c:pt idx="161">
                  <c:v>56.9</c:v>
                </c:pt>
                <c:pt idx="162">
                  <c:v>57.6</c:v>
                </c:pt>
                <c:pt idx="163">
                  <c:v>58</c:v>
                </c:pt>
                <c:pt idx="164">
                  <c:v>55.8</c:v>
                </c:pt>
                <c:pt idx="165">
                  <c:v>55.2</c:v>
                </c:pt>
                <c:pt idx="166">
                  <c:v>55</c:v>
                </c:pt>
                <c:pt idx="167">
                  <c:v>54.2</c:v>
                </c:pt>
                <c:pt idx="168">
                  <c:v>53.5</c:v>
                </c:pt>
                <c:pt idx="169">
                  <c:v>53.5</c:v>
                </c:pt>
                <c:pt idx="170">
                  <c:v>52.3</c:v>
                </c:pt>
                <c:pt idx="171">
                  <c:v>52.8</c:v>
                </c:pt>
                <c:pt idx="172">
                  <c:v>52.9</c:v>
                </c:pt>
                <c:pt idx="173">
                  <c:v>52.6</c:v>
                </c:pt>
                <c:pt idx="174">
                  <c:v>57.3</c:v>
                </c:pt>
                <c:pt idx="175">
                  <c:v>55.9</c:v>
                </c:pt>
                <c:pt idx="176">
                  <c:v>55.6</c:v>
                </c:pt>
                <c:pt idx="177">
                  <c:v>55.3</c:v>
                </c:pt>
                <c:pt idx="178">
                  <c:v>55.1</c:v>
                </c:pt>
                <c:pt idx="179">
                  <c:v>53.6</c:v>
                </c:pt>
                <c:pt idx="180">
                  <c:v>52.1</c:v>
                </c:pt>
                <c:pt idx="181">
                  <c:v>52.1</c:v>
                </c:pt>
                <c:pt idx="182">
                  <c:v>53.8</c:v>
                </c:pt>
                <c:pt idx="183">
                  <c:v>54.3</c:v>
                </c:pt>
                <c:pt idx="184">
                  <c:v>53.9</c:v>
                </c:pt>
                <c:pt idx="185">
                  <c:v>55.7</c:v>
                </c:pt>
                <c:pt idx="186">
                  <c:v>55.9</c:v>
                </c:pt>
                <c:pt idx="187">
                  <c:v>56.6</c:v>
                </c:pt>
                <c:pt idx="188">
                  <c:v>55.9</c:v>
                </c:pt>
                <c:pt idx="189">
                  <c:v>54.3</c:v>
                </c:pt>
                <c:pt idx="190">
                  <c:v>54.8</c:v>
                </c:pt>
                <c:pt idx="191">
                  <c:v>53.6</c:v>
                </c:pt>
                <c:pt idx="192">
                  <c:v>55.2</c:v>
                </c:pt>
                <c:pt idx="193">
                  <c:v>55.3</c:v>
                </c:pt>
                <c:pt idx="194">
                  <c:v>53.6</c:v>
                </c:pt>
                <c:pt idx="195">
                  <c:v>53.9</c:v>
                </c:pt>
                <c:pt idx="196">
                  <c:v>53.1</c:v>
                </c:pt>
                <c:pt idx="197">
                  <c:v>53.5</c:v>
                </c:pt>
                <c:pt idx="198">
                  <c:v>55.2</c:v>
                </c:pt>
                <c:pt idx="199">
                  <c:v>53.4</c:v>
                </c:pt>
                <c:pt idx="200">
                  <c:v>54.9</c:v>
                </c:pt>
                <c:pt idx="201">
                  <c:v>55.7</c:v>
                </c:pt>
                <c:pt idx="202">
                  <c:v>56</c:v>
                </c:pt>
                <c:pt idx="203">
                  <c:v>56.8</c:v>
                </c:pt>
                <c:pt idx="204">
                  <c:v>56.9</c:v>
                </c:pt>
                <c:pt idx="205">
                  <c:v>58</c:v>
                </c:pt>
                <c:pt idx="206">
                  <c:v>57.3</c:v>
                </c:pt>
                <c:pt idx="207">
                  <c:v>55.8</c:v>
                </c:pt>
                <c:pt idx="208">
                  <c:v>58.2</c:v>
                </c:pt>
                <c:pt idx="209">
                  <c:v>57.2</c:v>
                </c:pt>
                <c:pt idx="210">
                  <c:v>56.2</c:v>
                </c:pt>
                <c:pt idx="211">
                  <c:v>57.6</c:v>
                </c:pt>
                <c:pt idx="212">
                  <c:v>58.4</c:v>
                </c:pt>
                <c:pt idx="213">
                  <c:v>57.5</c:v>
                </c:pt>
                <c:pt idx="214">
                  <c:v>56.7</c:v>
                </c:pt>
                <c:pt idx="215">
                  <c:v>55.7</c:v>
                </c:pt>
                <c:pt idx="216">
                  <c:v>60.1</c:v>
                </c:pt>
                <c:pt idx="217">
                  <c:v>58.6</c:v>
                </c:pt>
                <c:pt idx="218">
                  <c:v>56.1</c:v>
                </c:pt>
                <c:pt idx="219">
                  <c:v>56.9</c:v>
                </c:pt>
                <c:pt idx="220">
                  <c:v>56.1</c:v>
                </c:pt>
                <c:pt idx="221">
                  <c:v>55.3</c:v>
                </c:pt>
                <c:pt idx="222">
                  <c:v>53.8</c:v>
                </c:pt>
                <c:pt idx="223">
                  <c:v>52.8</c:v>
                </c:pt>
                <c:pt idx="224">
                  <c:v>55.4</c:v>
                </c:pt>
                <c:pt idx="225">
                  <c:v>55.2</c:v>
                </c:pt>
                <c:pt idx="226">
                  <c:v>54.1</c:v>
                </c:pt>
                <c:pt idx="227">
                  <c:v>55.8</c:v>
                </c:pt>
                <c:pt idx="228">
                  <c:v>56.2</c:v>
                </c:pt>
                <c:pt idx="229">
                  <c:v>52.6</c:v>
                </c:pt>
                <c:pt idx="230">
                  <c:v>55.4</c:v>
                </c:pt>
                <c:pt idx="231">
                  <c:v>54.3</c:v>
                </c:pt>
                <c:pt idx="232">
                  <c:v>56.4</c:v>
                </c:pt>
                <c:pt idx="233">
                  <c:v>55.8</c:v>
                </c:pt>
                <c:pt idx="234">
                  <c:v>57</c:v>
                </c:pt>
                <c:pt idx="235">
                  <c:v>56.6</c:v>
                </c:pt>
                <c:pt idx="236">
                  <c:v>56.2</c:v>
                </c:pt>
                <c:pt idx="237">
                  <c:v>57.2</c:v>
                </c:pt>
                <c:pt idx="238">
                  <c:v>57.4</c:v>
                </c:pt>
                <c:pt idx="239">
                  <c:v>56.8</c:v>
                </c:pt>
                <c:pt idx="240">
                  <c:v>55.4</c:v>
                </c:pt>
                <c:pt idx="241">
                  <c:v>55.8</c:v>
                </c:pt>
                <c:pt idx="242">
                  <c:v>58.1</c:v>
                </c:pt>
                <c:pt idx="243">
                  <c:v>60.4</c:v>
                </c:pt>
                <c:pt idx="244">
                  <c:v>57.1</c:v>
                </c:pt>
                <c:pt idx="245">
                  <c:v>56.3</c:v>
                </c:pt>
                <c:pt idx="246">
                  <c:v>60</c:v>
                </c:pt>
                <c:pt idx="247">
                  <c:v>58.5</c:v>
                </c:pt>
                <c:pt idx="248">
                  <c:v>58.2</c:v>
                </c:pt>
                <c:pt idx="249">
                  <c:v>57.6</c:v>
                </c:pt>
                <c:pt idx="250">
                  <c:v>58</c:v>
                </c:pt>
                <c:pt idx="251">
                  <c:v>58.5</c:v>
                </c:pt>
                <c:pt idx="252">
                  <c:v>57.5</c:v>
                </c:pt>
                <c:pt idx="253">
                  <c:v>59.5</c:v>
                </c:pt>
                <c:pt idx="254">
                  <c:v>60.4</c:v>
                </c:pt>
                <c:pt idx="255">
                  <c:v>60.8</c:v>
                </c:pt>
                <c:pt idx="256">
                  <c:v>60.1</c:v>
                </c:pt>
                <c:pt idx="257">
                  <c:v>58.1</c:v>
                </c:pt>
                <c:pt idx="258">
                  <c:v>56.5</c:v>
                </c:pt>
                <c:pt idx="259">
                  <c:v>59.1</c:v>
                </c:pt>
                <c:pt idx="260">
                  <c:v>56.5</c:v>
                </c:pt>
                <c:pt idx="261">
                  <c:v>55.3</c:v>
                </c:pt>
                <c:pt idx="262">
                  <c:v>56.1</c:v>
                </c:pt>
                <c:pt idx="263">
                  <c:v>55.2</c:v>
                </c:pt>
                <c:pt idx="264">
                  <c:v>54.4</c:v>
                </c:pt>
                <c:pt idx="265">
                  <c:v>56</c:v>
                </c:pt>
                <c:pt idx="266">
                  <c:v>53.2</c:v>
                </c:pt>
                <c:pt idx="267">
                  <c:v>54.8</c:v>
                </c:pt>
                <c:pt idx="268">
                  <c:v>53.6</c:v>
                </c:pt>
                <c:pt idx="269">
                  <c:v>55.7</c:v>
                </c:pt>
                <c:pt idx="270">
                  <c:v>56.024999999999999</c:v>
                </c:pt>
                <c:pt idx="271">
                  <c:v>57.5</c:v>
                </c:pt>
                <c:pt idx="272">
                  <c:v>52.9</c:v>
                </c:pt>
                <c:pt idx="273">
                  <c:v>41.7</c:v>
                </c:pt>
                <c:pt idx="274">
                  <c:v>45.4</c:v>
                </c:pt>
                <c:pt idx="275">
                  <c:v>57.3</c:v>
                </c:pt>
                <c:pt idx="276">
                  <c:v>56.7</c:v>
                </c:pt>
                <c:pt idx="277">
                  <c:v>57.1</c:v>
                </c:pt>
                <c:pt idx="278">
                  <c:v>57.1</c:v>
                </c:pt>
                <c:pt idx="279">
                  <c:v>56.125</c:v>
                </c:pt>
                <c:pt idx="280">
                  <c:v>56.1</c:v>
                </c:pt>
                <c:pt idx="281">
                  <c:v>57.5</c:v>
                </c:pt>
                <c:pt idx="282">
                  <c:v>58.7</c:v>
                </c:pt>
                <c:pt idx="283">
                  <c:v>56.4</c:v>
                </c:pt>
                <c:pt idx="284">
                  <c:v>62.3</c:v>
                </c:pt>
                <c:pt idx="285">
                  <c:v>63</c:v>
                </c:pt>
                <c:pt idx="286">
                  <c:v>63.9</c:v>
                </c:pt>
                <c:pt idx="287">
                  <c:v>61.2</c:v>
                </c:pt>
                <c:pt idx="288">
                  <c:v>64</c:v>
                </c:pt>
                <c:pt idx="289">
                  <c:v>61.7</c:v>
                </c:pt>
                <c:pt idx="290">
                  <c:v>62.1</c:v>
                </c:pt>
                <c:pt idx="291">
                  <c:v>66.599999999999994</c:v>
                </c:pt>
                <c:pt idx="292">
                  <c:v>67.599999999999994</c:v>
                </c:pt>
                <c:pt idx="293">
                  <c:v>61.7</c:v>
                </c:pt>
                <c:pt idx="294">
                  <c:v>60.4</c:v>
                </c:pt>
                <c:pt idx="295">
                  <c:v>57.2</c:v>
                </c:pt>
                <c:pt idx="296">
                  <c:v>58.4</c:v>
                </c:pt>
                <c:pt idx="297">
                  <c:v>57.5</c:v>
                </c:pt>
                <c:pt idx="298">
                  <c:v>56.4</c:v>
                </c:pt>
                <c:pt idx="299">
                  <c:v>56</c:v>
                </c:pt>
                <c:pt idx="300">
                  <c:v>56.4</c:v>
                </c:pt>
                <c:pt idx="301">
                  <c:v>56.1</c:v>
                </c:pt>
                <c:pt idx="302">
                  <c:v>55.9</c:v>
                </c:pt>
                <c:pt idx="303">
                  <c:v>54.5</c:v>
                </c:pt>
                <c:pt idx="304">
                  <c:v>55.5</c:v>
                </c:pt>
                <c:pt idx="305">
                  <c:v>49.2</c:v>
                </c:pt>
                <c:pt idx="306">
                  <c:v>55.2</c:v>
                </c:pt>
                <c:pt idx="307">
                  <c:v>55.1</c:v>
                </c:pt>
                <c:pt idx="308">
                  <c:v>51.2</c:v>
                </c:pt>
                <c:pt idx="309">
                  <c:v>51.9</c:v>
                </c:pt>
                <c:pt idx="310">
                  <c:v>50.3</c:v>
                </c:pt>
                <c:pt idx="311">
                  <c:v>53.9</c:v>
                </c:pt>
                <c:pt idx="312">
                  <c:v>52.7</c:v>
                </c:pt>
                <c:pt idx="313">
                  <c:v>54.5</c:v>
                </c:pt>
              </c:numCache>
            </c:numRef>
          </c:val>
          <c:smooth val="0"/>
          <c:extLst>
            <c:ext xmlns:c16="http://schemas.microsoft.com/office/drawing/2014/chart" uri="{C3380CC4-5D6E-409C-BE32-E72D297353CC}">
              <c16:uniqueId val="{00000002-5CEB-423D-9431-9E95ADB2E648}"/>
            </c:ext>
          </c:extLst>
        </c:ser>
        <c:ser>
          <c:idx val="3"/>
          <c:order val="3"/>
          <c:tx>
            <c:v>Expansion or Contraction</c:v>
          </c:tx>
          <c:spPr>
            <a:ln w="19050" cap="rnd">
              <a:solidFill>
                <a:schemeClr val="accent4"/>
              </a:solidFill>
              <a:prstDash val="sysDash"/>
              <a:round/>
            </a:ln>
            <a:effectLst/>
          </c:spPr>
          <c:marker>
            <c:symbol val="none"/>
          </c:marker>
          <c:cat>
            <c:numRef>
              <c:f>'ISM Manu &amp; Ser'!$F$23:$F$336</c:f>
              <c:numCache>
                <c:formatCode>mm/dd/yy</c:formatCode>
                <c:ptCount val="314"/>
                <c:pt idx="0">
                  <c:v>35642</c:v>
                </c:pt>
                <c:pt idx="1">
                  <c:v>35673</c:v>
                </c:pt>
                <c:pt idx="2">
                  <c:v>35703</c:v>
                </c:pt>
                <c:pt idx="3">
                  <c:v>35734</c:v>
                </c:pt>
                <c:pt idx="4">
                  <c:v>35764</c:v>
                </c:pt>
                <c:pt idx="5">
                  <c:v>35795</c:v>
                </c:pt>
                <c:pt idx="6">
                  <c:v>35826</c:v>
                </c:pt>
                <c:pt idx="7">
                  <c:v>35854</c:v>
                </c:pt>
                <c:pt idx="8">
                  <c:v>35885</c:v>
                </c:pt>
                <c:pt idx="9">
                  <c:v>35915</c:v>
                </c:pt>
                <c:pt idx="10">
                  <c:v>35946</c:v>
                </c:pt>
                <c:pt idx="11">
                  <c:v>35976</c:v>
                </c:pt>
                <c:pt idx="12">
                  <c:v>36007</c:v>
                </c:pt>
                <c:pt idx="13">
                  <c:v>36038</c:v>
                </c:pt>
                <c:pt idx="14">
                  <c:v>36068</c:v>
                </c:pt>
                <c:pt idx="15">
                  <c:v>36099</c:v>
                </c:pt>
                <c:pt idx="16">
                  <c:v>36129</c:v>
                </c:pt>
                <c:pt idx="17">
                  <c:v>36160</c:v>
                </c:pt>
                <c:pt idx="18">
                  <c:v>36191</c:v>
                </c:pt>
                <c:pt idx="19">
                  <c:v>36219</c:v>
                </c:pt>
                <c:pt idx="20">
                  <c:v>36250</c:v>
                </c:pt>
                <c:pt idx="21">
                  <c:v>36280</c:v>
                </c:pt>
                <c:pt idx="22">
                  <c:v>36311</c:v>
                </c:pt>
                <c:pt idx="23">
                  <c:v>36341</c:v>
                </c:pt>
                <c:pt idx="24">
                  <c:v>36372</c:v>
                </c:pt>
                <c:pt idx="25">
                  <c:v>36403</c:v>
                </c:pt>
                <c:pt idx="26">
                  <c:v>36433</c:v>
                </c:pt>
                <c:pt idx="27">
                  <c:v>36464</c:v>
                </c:pt>
                <c:pt idx="28">
                  <c:v>36494</c:v>
                </c:pt>
                <c:pt idx="29">
                  <c:v>36525</c:v>
                </c:pt>
                <c:pt idx="30">
                  <c:v>36556</c:v>
                </c:pt>
                <c:pt idx="31">
                  <c:v>36585</c:v>
                </c:pt>
                <c:pt idx="32">
                  <c:v>36616</c:v>
                </c:pt>
                <c:pt idx="33">
                  <c:v>36646</c:v>
                </c:pt>
                <c:pt idx="34">
                  <c:v>36677</c:v>
                </c:pt>
                <c:pt idx="35">
                  <c:v>36707</c:v>
                </c:pt>
                <c:pt idx="36">
                  <c:v>36738</c:v>
                </c:pt>
                <c:pt idx="37">
                  <c:v>36769</c:v>
                </c:pt>
                <c:pt idx="38">
                  <c:v>36799</c:v>
                </c:pt>
                <c:pt idx="39">
                  <c:v>36830</c:v>
                </c:pt>
                <c:pt idx="40">
                  <c:v>36860</c:v>
                </c:pt>
                <c:pt idx="41">
                  <c:v>36891</c:v>
                </c:pt>
                <c:pt idx="42">
                  <c:v>36922</c:v>
                </c:pt>
                <c:pt idx="43">
                  <c:v>36950</c:v>
                </c:pt>
                <c:pt idx="44">
                  <c:v>36981</c:v>
                </c:pt>
                <c:pt idx="45">
                  <c:v>37011</c:v>
                </c:pt>
                <c:pt idx="46">
                  <c:v>37042</c:v>
                </c:pt>
                <c:pt idx="47">
                  <c:v>37072</c:v>
                </c:pt>
                <c:pt idx="48">
                  <c:v>37103</c:v>
                </c:pt>
                <c:pt idx="49">
                  <c:v>37134</c:v>
                </c:pt>
                <c:pt idx="50">
                  <c:v>37164</c:v>
                </c:pt>
                <c:pt idx="51">
                  <c:v>37195</c:v>
                </c:pt>
                <c:pt idx="52">
                  <c:v>37225</c:v>
                </c:pt>
                <c:pt idx="53">
                  <c:v>37256</c:v>
                </c:pt>
                <c:pt idx="54">
                  <c:v>37287</c:v>
                </c:pt>
                <c:pt idx="55">
                  <c:v>37315</c:v>
                </c:pt>
                <c:pt idx="56">
                  <c:v>37346</c:v>
                </c:pt>
                <c:pt idx="57">
                  <c:v>37376</c:v>
                </c:pt>
                <c:pt idx="58">
                  <c:v>37407</c:v>
                </c:pt>
                <c:pt idx="59">
                  <c:v>37437</c:v>
                </c:pt>
                <c:pt idx="60">
                  <c:v>37468</c:v>
                </c:pt>
                <c:pt idx="61">
                  <c:v>37499</c:v>
                </c:pt>
                <c:pt idx="62">
                  <c:v>37529</c:v>
                </c:pt>
                <c:pt idx="63">
                  <c:v>37560</c:v>
                </c:pt>
                <c:pt idx="64">
                  <c:v>37590</c:v>
                </c:pt>
                <c:pt idx="65">
                  <c:v>37621</c:v>
                </c:pt>
                <c:pt idx="66">
                  <c:v>37652</c:v>
                </c:pt>
                <c:pt idx="67">
                  <c:v>37680</c:v>
                </c:pt>
                <c:pt idx="68">
                  <c:v>37711</c:v>
                </c:pt>
                <c:pt idx="69">
                  <c:v>37741</c:v>
                </c:pt>
                <c:pt idx="70">
                  <c:v>37772</c:v>
                </c:pt>
                <c:pt idx="71">
                  <c:v>37802</c:v>
                </c:pt>
                <c:pt idx="72">
                  <c:v>37833</c:v>
                </c:pt>
                <c:pt idx="73">
                  <c:v>37864</c:v>
                </c:pt>
                <c:pt idx="74">
                  <c:v>37894</c:v>
                </c:pt>
                <c:pt idx="75">
                  <c:v>37925</c:v>
                </c:pt>
                <c:pt idx="76">
                  <c:v>37955</c:v>
                </c:pt>
                <c:pt idx="77">
                  <c:v>37986</c:v>
                </c:pt>
                <c:pt idx="78">
                  <c:v>38017</c:v>
                </c:pt>
                <c:pt idx="79">
                  <c:v>38046</c:v>
                </c:pt>
                <c:pt idx="80">
                  <c:v>38077</c:v>
                </c:pt>
                <c:pt idx="81">
                  <c:v>38107</c:v>
                </c:pt>
                <c:pt idx="82">
                  <c:v>38138</c:v>
                </c:pt>
                <c:pt idx="83">
                  <c:v>38168</c:v>
                </c:pt>
                <c:pt idx="84">
                  <c:v>38199</c:v>
                </c:pt>
                <c:pt idx="85">
                  <c:v>38230</c:v>
                </c:pt>
                <c:pt idx="86">
                  <c:v>38260</c:v>
                </c:pt>
                <c:pt idx="87">
                  <c:v>38291</c:v>
                </c:pt>
                <c:pt idx="88">
                  <c:v>38321</c:v>
                </c:pt>
                <c:pt idx="89">
                  <c:v>38352</c:v>
                </c:pt>
                <c:pt idx="90">
                  <c:v>38383</c:v>
                </c:pt>
                <c:pt idx="91">
                  <c:v>38411</c:v>
                </c:pt>
                <c:pt idx="92">
                  <c:v>38442</c:v>
                </c:pt>
                <c:pt idx="93">
                  <c:v>38472</c:v>
                </c:pt>
                <c:pt idx="94">
                  <c:v>38503</c:v>
                </c:pt>
                <c:pt idx="95">
                  <c:v>38533</c:v>
                </c:pt>
                <c:pt idx="96">
                  <c:v>38564</c:v>
                </c:pt>
                <c:pt idx="97">
                  <c:v>38595</c:v>
                </c:pt>
                <c:pt idx="98">
                  <c:v>38625</c:v>
                </c:pt>
                <c:pt idx="99">
                  <c:v>38656</c:v>
                </c:pt>
                <c:pt idx="100">
                  <c:v>38686</c:v>
                </c:pt>
                <c:pt idx="101">
                  <c:v>38717</c:v>
                </c:pt>
                <c:pt idx="102">
                  <c:v>38748</c:v>
                </c:pt>
                <c:pt idx="103">
                  <c:v>38776</c:v>
                </c:pt>
                <c:pt idx="104">
                  <c:v>38807</c:v>
                </c:pt>
                <c:pt idx="105">
                  <c:v>38837</c:v>
                </c:pt>
                <c:pt idx="106">
                  <c:v>38868</c:v>
                </c:pt>
                <c:pt idx="107">
                  <c:v>38898</c:v>
                </c:pt>
                <c:pt idx="108">
                  <c:v>38929</c:v>
                </c:pt>
                <c:pt idx="109">
                  <c:v>38960</c:v>
                </c:pt>
                <c:pt idx="110">
                  <c:v>38990</c:v>
                </c:pt>
                <c:pt idx="111">
                  <c:v>39021</c:v>
                </c:pt>
                <c:pt idx="112">
                  <c:v>39051</c:v>
                </c:pt>
                <c:pt idx="113">
                  <c:v>39082</c:v>
                </c:pt>
                <c:pt idx="114">
                  <c:v>39113</c:v>
                </c:pt>
                <c:pt idx="115">
                  <c:v>39141</c:v>
                </c:pt>
                <c:pt idx="116">
                  <c:v>39172</c:v>
                </c:pt>
                <c:pt idx="117">
                  <c:v>39202</c:v>
                </c:pt>
                <c:pt idx="118">
                  <c:v>39233</c:v>
                </c:pt>
                <c:pt idx="119">
                  <c:v>39263</c:v>
                </c:pt>
                <c:pt idx="120">
                  <c:v>39294</c:v>
                </c:pt>
                <c:pt idx="121">
                  <c:v>39325</c:v>
                </c:pt>
                <c:pt idx="122">
                  <c:v>39355</c:v>
                </c:pt>
                <c:pt idx="123">
                  <c:v>39386</c:v>
                </c:pt>
                <c:pt idx="124">
                  <c:v>39416</c:v>
                </c:pt>
                <c:pt idx="125">
                  <c:v>39447</c:v>
                </c:pt>
                <c:pt idx="126">
                  <c:v>39478</c:v>
                </c:pt>
                <c:pt idx="127">
                  <c:v>39507</c:v>
                </c:pt>
                <c:pt idx="128">
                  <c:v>39538</c:v>
                </c:pt>
                <c:pt idx="129">
                  <c:v>39568</c:v>
                </c:pt>
                <c:pt idx="130">
                  <c:v>39599</c:v>
                </c:pt>
                <c:pt idx="131">
                  <c:v>39629</c:v>
                </c:pt>
                <c:pt idx="132">
                  <c:v>39660</c:v>
                </c:pt>
                <c:pt idx="133">
                  <c:v>39691</c:v>
                </c:pt>
                <c:pt idx="134">
                  <c:v>39721</c:v>
                </c:pt>
                <c:pt idx="135">
                  <c:v>39752</c:v>
                </c:pt>
                <c:pt idx="136">
                  <c:v>39782</c:v>
                </c:pt>
                <c:pt idx="137">
                  <c:v>39813</c:v>
                </c:pt>
                <c:pt idx="138">
                  <c:v>39844</c:v>
                </c:pt>
                <c:pt idx="139">
                  <c:v>39872</c:v>
                </c:pt>
                <c:pt idx="140">
                  <c:v>39903</c:v>
                </c:pt>
                <c:pt idx="141">
                  <c:v>39933</c:v>
                </c:pt>
                <c:pt idx="142">
                  <c:v>39964</c:v>
                </c:pt>
                <c:pt idx="143">
                  <c:v>39994</c:v>
                </c:pt>
                <c:pt idx="144">
                  <c:v>40025</c:v>
                </c:pt>
                <c:pt idx="145">
                  <c:v>40056</c:v>
                </c:pt>
                <c:pt idx="146">
                  <c:v>40086</c:v>
                </c:pt>
                <c:pt idx="147">
                  <c:v>40117</c:v>
                </c:pt>
                <c:pt idx="148">
                  <c:v>40147</c:v>
                </c:pt>
                <c:pt idx="149">
                  <c:v>40178</c:v>
                </c:pt>
                <c:pt idx="150">
                  <c:v>40209</c:v>
                </c:pt>
                <c:pt idx="151">
                  <c:v>40237</c:v>
                </c:pt>
                <c:pt idx="152">
                  <c:v>40268</c:v>
                </c:pt>
                <c:pt idx="153">
                  <c:v>40298</c:v>
                </c:pt>
                <c:pt idx="154">
                  <c:v>40329</c:v>
                </c:pt>
                <c:pt idx="155">
                  <c:v>40359</c:v>
                </c:pt>
                <c:pt idx="156">
                  <c:v>40390</c:v>
                </c:pt>
                <c:pt idx="157">
                  <c:v>40421</c:v>
                </c:pt>
                <c:pt idx="158">
                  <c:v>40451</c:v>
                </c:pt>
                <c:pt idx="159">
                  <c:v>40482</c:v>
                </c:pt>
                <c:pt idx="160">
                  <c:v>40512</c:v>
                </c:pt>
                <c:pt idx="161">
                  <c:v>40543</c:v>
                </c:pt>
                <c:pt idx="162">
                  <c:v>40574</c:v>
                </c:pt>
                <c:pt idx="163">
                  <c:v>40602</c:v>
                </c:pt>
                <c:pt idx="164">
                  <c:v>40633</c:v>
                </c:pt>
                <c:pt idx="165">
                  <c:v>40663</c:v>
                </c:pt>
                <c:pt idx="166">
                  <c:v>40694</c:v>
                </c:pt>
                <c:pt idx="167">
                  <c:v>40724</c:v>
                </c:pt>
                <c:pt idx="168">
                  <c:v>40755</c:v>
                </c:pt>
                <c:pt idx="169">
                  <c:v>40786</c:v>
                </c:pt>
                <c:pt idx="170">
                  <c:v>40816</c:v>
                </c:pt>
                <c:pt idx="171">
                  <c:v>40847</c:v>
                </c:pt>
                <c:pt idx="172">
                  <c:v>40877</c:v>
                </c:pt>
                <c:pt idx="173">
                  <c:v>40908</c:v>
                </c:pt>
                <c:pt idx="174">
                  <c:v>40939</c:v>
                </c:pt>
                <c:pt idx="175">
                  <c:v>40968</c:v>
                </c:pt>
                <c:pt idx="176">
                  <c:v>40999</c:v>
                </c:pt>
                <c:pt idx="177">
                  <c:v>41029</c:v>
                </c:pt>
                <c:pt idx="178">
                  <c:v>41060</c:v>
                </c:pt>
                <c:pt idx="179">
                  <c:v>41090</c:v>
                </c:pt>
                <c:pt idx="180">
                  <c:v>41121</c:v>
                </c:pt>
                <c:pt idx="181">
                  <c:v>41152</c:v>
                </c:pt>
                <c:pt idx="182">
                  <c:v>41182</c:v>
                </c:pt>
                <c:pt idx="183">
                  <c:v>41213</c:v>
                </c:pt>
                <c:pt idx="184">
                  <c:v>41243</c:v>
                </c:pt>
                <c:pt idx="185">
                  <c:v>41274</c:v>
                </c:pt>
                <c:pt idx="186">
                  <c:v>41305</c:v>
                </c:pt>
                <c:pt idx="187">
                  <c:v>41333</c:v>
                </c:pt>
                <c:pt idx="188">
                  <c:v>41364</c:v>
                </c:pt>
                <c:pt idx="189">
                  <c:v>41394</c:v>
                </c:pt>
                <c:pt idx="190">
                  <c:v>41425</c:v>
                </c:pt>
                <c:pt idx="191">
                  <c:v>41455</c:v>
                </c:pt>
                <c:pt idx="192">
                  <c:v>41486</c:v>
                </c:pt>
                <c:pt idx="193">
                  <c:v>41517</c:v>
                </c:pt>
                <c:pt idx="194">
                  <c:v>41547</c:v>
                </c:pt>
                <c:pt idx="195">
                  <c:v>41578</c:v>
                </c:pt>
                <c:pt idx="196">
                  <c:v>41608</c:v>
                </c:pt>
                <c:pt idx="197">
                  <c:v>41639</c:v>
                </c:pt>
                <c:pt idx="198">
                  <c:v>41670</c:v>
                </c:pt>
                <c:pt idx="199">
                  <c:v>41698</c:v>
                </c:pt>
                <c:pt idx="200">
                  <c:v>41729</c:v>
                </c:pt>
                <c:pt idx="201">
                  <c:v>41759</c:v>
                </c:pt>
                <c:pt idx="202">
                  <c:v>41790</c:v>
                </c:pt>
                <c:pt idx="203">
                  <c:v>41820</c:v>
                </c:pt>
                <c:pt idx="204">
                  <c:v>41851</c:v>
                </c:pt>
                <c:pt idx="205">
                  <c:v>41882</c:v>
                </c:pt>
                <c:pt idx="206">
                  <c:v>41912</c:v>
                </c:pt>
                <c:pt idx="207">
                  <c:v>41943</c:v>
                </c:pt>
                <c:pt idx="208">
                  <c:v>41973</c:v>
                </c:pt>
                <c:pt idx="209">
                  <c:v>42004</c:v>
                </c:pt>
                <c:pt idx="210">
                  <c:v>42035</c:v>
                </c:pt>
                <c:pt idx="211">
                  <c:v>42063</c:v>
                </c:pt>
                <c:pt idx="212">
                  <c:v>42094</c:v>
                </c:pt>
                <c:pt idx="213">
                  <c:v>42124</c:v>
                </c:pt>
                <c:pt idx="214">
                  <c:v>42155</c:v>
                </c:pt>
                <c:pt idx="215">
                  <c:v>42185</c:v>
                </c:pt>
                <c:pt idx="216">
                  <c:v>42216</c:v>
                </c:pt>
                <c:pt idx="217">
                  <c:v>42247</c:v>
                </c:pt>
                <c:pt idx="218">
                  <c:v>42277</c:v>
                </c:pt>
                <c:pt idx="219">
                  <c:v>42308</c:v>
                </c:pt>
                <c:pt idx="220">
                  <c:v>42338</c:v>
                </c:pt>
                <c:pt idx="221">
                  <c:v>42369</c:v>
                </c:pt>
                <c:pt idx="222">
                  <c:v>42400</c:v>
                </c:pt>
                <c:pt idx="223">
                  <c:v>42429</c:v>
                </c:pt>
                <c:pt idx="224">
                  <c:v>42460</c:v>
                </c:pt>
                <c:pt idx="225">
                  <c:v>42490</c:v>
                </c:pt>
                <c:pt idx="226">
                  <c:v>42521</c:v>
                </c:pt>
                <c:pt idx="227">
                  <c:v>42551</c:v>
                </c:pt>
                <c:pt idx="228">
                  <c:v>42582</c:v>
                </c:pt>
                <c:pt idx="229">
                  <c:v>42613</c:v>
                </c:pt>
                <c:pt idx="230">
                  <c:v>42643</c:v>
                </c:pt>
                <c:pt idx="231">
                  <c:v>42674</c:v>
                </c:pt>
                <c:pt idx="232">
                  <c:v>42704</c:v>
                </c:pt>
                <c:pt idx="233">
                  <c:v>42735</c:v>
                </c:pt>
                <c:pt idx="234">
                  <c:v>42766</c:v>
                </c:pt>
                <c:pt idx="235">
                  <c:v>42794</c:v>
                </c:pt>
                <c:pt idx="236">
                  <c:v>42825</c:v>
                </c:pt>
                <c:pt idx="237">
                  <c:v>42855</c:v>
                </c:pt>
                <c:pt idx="238">
                  <c:v>42886</c:v>
                </c:pt>
                <c:pt idx="239">
                  <c:v>42916</c:v>
                </c:pt>
                <c:pt idx="240">
                  <c:v>42947</c:v>
                </c:pt>
                <c:pt idx="241">
                  <c:v>42978</c:v>
                </c:pt>
                <c:pt idx="242">
                  <c:v>43008</c:v>
                </c:pt>
                <c:pt idx="243">
                  <c:v>43039</c:v>
                </c:pt>
                <c:pt idx="244">
                  <c:v>43069</c:v>
                </c:pt>
                <c:pt idx="245">
                  <c:v>43100</c:v>
                </c:pt>
                <c:pt idx="246">
                  <c:v>43131</c:v>
                </c:pt>
                <c:pt idx="247">
                  <c:v>43159</c:v>
                </c:pt>
                <c:pt idx="248">
                  <c:v>43190</c:v>
                </c:pt>
                <c:pt idx="249">
                  <c:v>43220</c:v>
                </c:pt>
                <c:pt idx="250">
                  <c:v>43251</c:v>
                </c:pt>
                <c:pt idx="251">
                  <c:v>43281</c:v>
                </c:pt>
                <c:pt idx="252">
                  <c:v>43312</c:v>
                </c:pt>
                <c:pt idx="253">
                  <c:v>43343</c:v>
                </c:pt>
                <c:pt idx="254">
                  <c:v>43373</c:v>
                </c:pt>
                <c:pt idx="255">
                  <c:v>43404</c:v>
                </c:pt>
                <c:pt idx="256">
                  <c:v>43434</c:v>
                </c:pt>
                <c:pt idx="257">
                  <c:v>43465</c:v>
                </c:pt>
                <c:pt idx="258">
                  <c:v>43496</c:v>
                </c:pt>
                <c:pt idx="259">
                  <c:v>43524</c:v>
                </c:pt>
                <c:pt idx="260">
                  <c:v>43555</c:v>
                </c:pt>
                <c:pt idx="261">
                  <c:v>43585</c:v>
                </c:pt>
                <c:pt idx="262">
                  <c:v>43616</c:v>
                </c:pt>
                <c:pt idx="263">
                  <c:v>43646</c:v>
                </c:pt>
                <c:pt idx="264">
                  <c:v>43677</c:v>
                </c:pt>
                <c:pt idx="265">
                  <c:v>43708</c:v>
                </c:pt>
                <c:pt idx="266">
                  <c:v>43738</c:v>
                </c:pt>
                <c:pt idx="267">
                  <c:v>43769</c:v>
                </c:pt>
                <c:pt idx="268">
                  <c:v>43799</c:v>
                </c:pt>
                <c:pt idx="269">
                  <c:v>43830</c:v>
                </c:pt>
                <c:pt idx="270">
                  <c:v>43861</c:v>
                </c:pt>
                <c:pt idx="271">
                  <c:v>43890</c:v>
                </c:pt>
                <c:pt idx="272">
                  <c:v>43921</c:v>
                </c:pt>
                <c:pt idx="273">
                  <c:v>43951</c:v>
                </c:pt>
                <c:pt idx="274">
                  <c:v>43982</c:v>
                </c:pt>
                <c:pt idx="275">
                  <c:v>44012</c:v>
                </c:pt>
                <c:pt idx="276">
                  <c:v>44043</c:v>
                </c:pt>
                <c:pt idx="277">
                  <c:v>44074</c:v>
                </c:pt>
                <c:pt idx="278">
                  <c:v>44104</c:v>
                </c:pt>
                <c:pt idx="279">
                  <c:v>44135</c:v>
                </c:pt>
                <c:pt idx="280">
                  <c:v>44165</c:v>
                </c:pt>
                <c:pt idx="281">
                  <c:v>44196</c:v>
                </c:pt>
                <c:pt idx="282">
                  <c:v>44227</c:v>
                </c:pt>
                <c:pt idx="283">
                  <c:v>44255</c:v>
                </c:pt>
                <c:pt idx="284">
                  <c:v>44286</c:v>
                </c:pt>
                <c:pt idx="285">
                  <c:v>44316</c:v>
                </c:pt>
                <c:pt idx="286">
                  <c:v>44347</c:v>
                </c:pt>
                <c:pt idx="287">
                  <c:v>44377</c:v>
                </c:pt>
                <c:pt idx="288">
                  <c:v>44408</c:v>
                </c:pt>
                <c:pt idx="289">
                  <c:v>44439</c:v>
                </c:pt>
                <c:pt idx="290">
                  <c:v>44469</c:v>
                </c:pt>
                <c:pt idx="291">
                  <c:v>44500</c:v>
                </c:pt>
                <c:pt idx="292">
                  <c:v>44530</c:v>
                </c:pt>
                <c:pt idx="293">
                  <c:v>44561</c:v>
                </c:pt>
                <c:pt idx="294">
                  <c:v>44592</c:v>
                </c:pt>
                <c:pt idx="295">
                  <c:v>44620</c:v>
                </c:pt>
                <c:pt idx="296">
                  <c:v>44651</c:v>
                </c:pt>
                <c:pt idx="297">
                  <c:v>44681</c:v>
                </c:pt>
                <c:pt idx="298">
                  <c:v>44712</c:v>
                </c:pt>
                <c:pt idx="299">
                  <c:v>44742</c:v>
                </c:pt>
                <c:pt idx="300">
                  <c:v>44773</c:v>
                </c:pt>
                <c:pt idx="301">
                  <c:v>44804</c:v>
                </c:pt>
                <c:pt idx="302">
                  <c:v>44834</c:v>
                </c:pt>
                <c:pt idx="303">
                  <c:v>44865</c:v>
                </c:pt>
                <c:pt idx="304">
                  <c:v>44895</c:v>
                </c:pt>
                <c:pt idx="305">
                  <c:v>44926</c:v>
                </c:pt>
                <c:pt idx="306">
                  <c:v>44957</c:v>
                </c:pt>
                <c:pt idx="307">
                  <c:v>44985</c:v>
                </c:pt>
                <c:pt idx="308">
                  <c:v>45016</c:v>
                </c:pt>
                <c:pt idx="309">
                  <c:v>45046</c:v>
                </c:pt>
                <c:pt idx="310">
                  <c:v>45077</c:v>
                </c:pt>
                <c:pt idx="311">
                  <c:v>45107</c:v>
                </c:pt>
                <c:pt idx="312">
                  <c:v>45138</c:v>
                </c:pt>
                <c:pt idx="313">
                  <c:v>45169</c:v>
                </c:pt>
              </c:numCache>
            </c:numRef>
          </c:cat>
          <c:val>
            <c:numRef>
              <c:f>'ISM Manu &amp; Ser'!$J$23:$J$336</c:f>
              <c:numCache>
                <c:formatCode>0.00</c:formatCode>
                <c:ptCount val="314"/>
                <c:pt idx="0">
                  <c:v>50</c:v>
                </c:pt>
                <c:pt idx="1">
                  <c:v>50</c:v>
                </c:pt>
                <c:pt idx="2">
                  <c:v>50</c:v>
                </c:pt>
                <c:pt idx="3">
                  <c:v>50</c:v>
                </c:pt>
                <c:pt idx="4">
                  <c:v>50</c:v>
                </c:pt>
                <c:pt idx="5">
                  <c:v>50</c:v>
                </c:pt>
                <c:pt idx="6">
                  <c:v>50</c:v>
                </c:pt>
                <c:pt idx="7">
                  <c:v>50</c:v>
                </c:pt>
                <c:pt idx="8">
                  <c:v>50</c:v>
                </c:pt>
                <c:pt idx="9">
                  <c:v>50</c:v>
                </c:pt>
                <c:pt idx="10">
                  <c:v>50</c:v>
                </c:pt>
                <c:pt idx="11">
                  <c:v>50</c:v>
                </c:pt>
                <c:pt idx="12">
                  <c:v>50</c:v>
                </c:pt>
                <c:pt idx="13">
                  <c:v>50</c:v>
                </c:pt>
                <c:pt idx="14">
                  <c:v>50</c:v>
                </c:pt>
                <c:pt idx="15">
                  <c:v>50</c:v>
                </c:pt>
                <c:pt idx="16">
                  <c:v>50</c:v>
                </c:pt>
                <c:pt idx="17">
                  <c:v>50</c:v>
                </c:pt>
                <c:pt idx="18">
                  <c:v>50</c:v>
                </c:pt>
                <c:pt idx="19">
                  <c:v>50</c:v>
                </c:pt>
                <c:pt idx="20">
                  <c:v>50</c:v>
                </c:pt>
                <c:pt idx="21">
                  <c:v>50</c:v>
                </c:pt>
                <c:pt idx="22">
                  <c:v>50</c:v>
                </c:pt>
                <c:pt idx="23">
                  <c:v>50</c:v>
                </c:pt>
                <c:pt idx="24">
                  <c:v>50</c:v>
                </c:pt>
                <c:pt idx="25">
                  <c:v>50</c:v>
                </c:pt>
                <c:pt idx="26">
                  <c:v>50</c:v>
                </c:pt>
                <c:pt idx="27">
                  <c:v>50</c:v>
                </c:pt>
                <c:pt idx="28">
                  <c:v>50</c:v>
                </c:pt>
                <c:pt idx="29">
                  <c:v>50</c:v>
                </c:pt>
                <c:pt idx="30">
                  <c:v>50</c:v>
                </c:pt>
                <c:pt idx="31">
                  <c:v>50</c:v>
                </c:pt>
                <c:pt idx="32">
                  <c:v>50</c:v>
                </c:pt>
                <c:pt idx="33">
                  <c:v>50</c:v>
                </c:pt>
                <c:pt idx="34">
                  <c:v>50</c:v>
                </c:pt>
                <c:pt idx="35">
                  <c:v>50</c:v>
                </c:pt>
                <c:pt idx="36">
                  <c:v>50</c:v>
                </c:pt>
                <c:pt idx="37">
                  <c:v>50</c:v>
                </c:pt>
                <c:pt idx="38">
                  <c:v>50</c:v>
                </c:pt>
                <c:pt idx="39">
                  <c:v>50</c:v>
                </c:pt>
                <c:pt idx="40">
                  <c:v>50</c:v>
                </c:pt>
                <c:pt idx="41">
                  <c:v>50</c:v>
                </c:pt>
                <c:pt idx="42">
                  <c:v>50</c:v>
                </c:pt>
                <c:pt idx="43">
                  <c:v>50</c:v>
                </c:pt>
                <c:pt idx="44">
                  <c:v>50</c:v>
                </c:pt>
                <c:pt idx="45">
                  <c:v>50</c:v>
                </c:pt>
                <c:pt idx="46">
                  <c:v>50</c:v>
                </c:pt>
                <c:pt idx="47">
                  <c:v>50</c:v>
                </c:pt>
                <c:pt idx="48">
                  <c:v>50</c:v>
                </c:pt>
                <c:pt idx="49">
                  <c:v>50</c:v>
                </c:pt>
                <c:pt idx="50">
                  <c:v>50</c:v>
                </c:pt>
                <c:pt idx="51">
                  <c:v>50</c:v>
                </c:pt>
                <c:pt idx="52">
                  <c:v>50</c:v>
                </c:pt>
                <c:pt idx="53">
                  <c:v>50</c:v>
                </c:pt>
                <c:pt idx="54">
                  <c:v>50</c:v>
                </c:pt>
                <c:pt idx="55">
                  <c:v>50</c:v>
                </c:pt>
                <c:pt idx="56">
                  <c:v>50</c:v>
                </c:pt>
                <c:pt idx="57">
                  <c:v>50</c:v>
                </c:pt>
                <c:pt idx="58">
                  <c:v>50</c:v>
                </c:pt>
                <c:pt idx="59">
                  <c:v>50</c:v>
                </c:pt>
                <c:pt idx="60">
                  <c:v>50</c:v>
                </c:pt>
                <c:pt idx="61">
                  <c:v>50</c:v>
                </c:pt>
                <c:pt idx="62">
                  <c:v>50</c:v>
                </c:pt>
                <c:pt idx="63">
                  <c:v>50</c:v>
                </c:pt>
                <c:pt idx="64">
                  <c:v>50</c:v>
                </c:pt>
                <c:pt idx="65">
                  <c:v>50</c:v>
                </c:pt>
                <c:pt idx="66">
                  <c:v>50</c:v>
                </c:pt>
                <c:pt idx="67">
                  <c:v>50</c:v>
                </c:pt>
                <c:pt idx="68">
                  <c:v>50</c:v>
                </c:pt>
                <c:pt idx="69">
                  <c:v>50</c:v>
                </c:pt>
                <c:pt idx="70">
                  <c:v>50</c:v>
                </c:pt>
                <c:pt idx="71">
                  <c:v>50</c:v>
                </c:pt>
                <c:pt idx="72">
                  <c:v>50</c:v>
                </c:pt>
                <c:pt idx="73">
                  <c:v>50</c:v>
                </c:pt>
                <c:pt idx="74">
                  <c:v>50</c:v>
                </c:pt>
                <c:pt idx="75">
                  <c:v>50</c:v>
                </c:pt>
                <c:pt idx="76">
                  <c:v>50</c:v>
                </c:pt>
                <c:pt idx="77">
                  <c:v>50</c:v>
                </c:pt>
                <c:pt idx="78">
                  <c:v>50</c:v>
                </c:pt>
                <c:pt idx="79">
                  <c:v>50</c:v>
                </c:pt>
                <c:pt idx="80">
                  <c:v>50</c:v>
                </c:pt>
                <c:pt idx="81">
                  <c:v>50</c:v>
                </c:pt>
                <c:pt idx="82">
                  <c:v>50</c:v>
                </c:pt>
                <c:pt idx="83">
                  <c:v>50</c:v>
                </c:pt>
                <c:pt idx="84">
                  <c:v>50</c:v>
                </c:pt>
                <c:pt idx="85">
                  <c:v>50</c:v>
                </c:pt>
                <c:pt idx="86">
                  <c:v>50</c:v>
                </c:pt>
                <c:pt idx="87">
                  <c:v>50</c:v>
                </c:pt>
                <c:pt idx="88">
                  <c:v>50</c:v>
                </c:pt>
                <c:pt idx="89">
                  <c:v>50</c:v>
                </c:pt>
                <c:pt idx="90">
                  <c:v>50</c:v>
                </c:pt>
                <c:pt idx="91">
                  <c:v>50</c:v>
                </c:pt>
                <c:pt idx="92">
                  <c:v>50</c:v>
                </c:pt>
                <c:pt idx="93">
                  <c:v>50</c:v>
                </c:pt>
                <c:pt idx="94">
                  <c:v>50</c:v>
                </c:pt>
                <c:pt idx="95">
                  <c:v>50</c:v>
                </c:pt>
                <c:pt idx="96">
                  <c:v>50</c:v>
                </c:pt>
                <c:pt idx="97">
                  <c:v>50</c:v>
                </c:pt>
                <c:pt idx="98">
                  <c:v>50</c:v>
                </c:pt>
                <c:pt idx="99">
                  <c:v>50</c:v>
                </c:pt>
                <c:pt idx="100">
                  <c:v>50</c:v>
                </c:pt>
                <c:pt idx="101">
                  <c:v>50</c:v>
                </c:pt>
                <c:pt idx="102">
                  <c:v>50</c:v>
                </c:pt>
                <c:pt idx="103">
                  <c:v>50</c:v>
                </c:pt>
                <c:pt idx="104">
                  <c:v>50</c:v>
                </c:pt>
                <c:pt idx="105">
                  <c:v>50</c:v>
                </c:pt>
                <c:pt idx="106">
                  <c:v>50</c:v>
                </c:pt>
                <c:pt idx="107">
                  <c:v>50</c:v>
                </c:pt>
                <c:pt idx="108">
                  <c:v>50</c:v>
                </c:pt>
                <c:pt idx="109">
                  <c:v>50</c:v>
                </c:pt>
                <c:pt idx="110">
                  <c:v>50</c:v>
                </c:pt>
                <c:pt idx="111">
                  <c:v>50</c:v>
                </c:pt>
                <c:pt idx="112">
                  <c:v>50</c:v>
                </c:pt>
                <c:pt idx="113">
                  <c:v>50</c:v>
                </c:pt>
                <c:pt idx="114">
                  <c:v>50</c:v>
                </c:pt>
                <c:pt idx="115">
                  <c:v>50</c:v>
                </c:pt>
                <c:pt idx="116">
                  <c:v>50</c:v>
                </c:pt>
                <c:pt idx="117">
                  <c:v>50</c:v>
                </c:pt>
                <c:pt idx="118">
                  <c:v>50</c:v>
                </c:pt>
                <c:pt idx="119">
                  <c:v>50</c:v>
                </c:pt>
                <c:pt idx="120">
                  <c:v>50</c:v>
                </c:pt>
                <c:pt idx="121">
                  <c:v>50</c:v>
                </c:pt>
                <c:pt idx="122">
                  <c:v>50</c:v>
                </c:pt>
                <c:pt idx="123">
                  <c:v>50</c:v>
                </c:pt>
                <c:pt idx="124">
                  <c:v>50</c:v>
                </c:pt>
                <c:pt idx="125">
                  <c:v>50</c:v>
                </c:pt>
                <c:pt idx="126">
                  <c:v>50</c:v>
                </c:pt>
                <c:pt idx="127">
                  <c:v>50</c:v>
                </c:pt>
                <c:pt idx="128">
                  <c:v>50</c:v>
                </c:pt>
                <c:pt idx="129">
                  <c:v>50</c:v>
                </c:pt>
                <c:pt idx="130">
                  <c:v>50</c:v>
                </c:pt>
                <c:pt idx="131">
                  <c:v>50</c:v>
                </c:pt>
                <c:pt idx="132">
                  <c:v>50</c:v>
                </c:pt>
                <c:pt idx="133">
                  <c:v>50</c:v>
                </c:pt>
                <c:pt idx="134">
                  <c:v>50</c:v>
                </c:pt>
                <c:pt idx="135">
                  <c:v>50</c:v>
                </c:pt>
                <c:pt idx="136">
                  <c:v>50</c:v>
                </c:pt>
                <c:pt idx="137">
                  <c:v>50</c:v>
                </c:pt>
                <c:pt idx="138">
                  <c:v>50</c:v>
                </c:pt>
                <c:pt idx="139">
                  <c:v>50</c:v>
                </c:pt>
                <c:pt idx="140">
                  <c:v>50</c:v>
                </c:pt>
                <c:pt idx="141">
                  <c:v>50</c:v>
                </c:pt>
                <c:pt idx="142">
                  <c:v>50</c:v>
                </c:pt>
                <c:pt idx="143">
                  <c:v>50</c:v>
                </c:pt>
                <c:pt idx="144">
                  <c:v>50</c:v>
                </c:pt>
                <c:pt idx="145">
                  <c:v>50</c:v>
                </c:pt>
                <c:pt idx="146">
                  <c:v>50</c:v>
                </c:pt>
                <c:pt idx="147">
                  <c:v>50</c:v>
                </c:pt>
                <c:pt idx="148">
                  <c:v>50</c:v>
                </c:pt>
                <c:pt idx="149">
                  <c:v>50</c:v>
                </c:pt>
                <c:pt idx="150">
                  <c:v>50</c:v>
                </c:pt>
                <c:pt idx="151">
                  <c:v>50</c:v>
                </c:pt>
                <c:pt idx="152">
                  <c:v>50</c:v>
                </c:pt>
                <c:pt idx="153">
                  <c:v>50</c:v>
                </c:pt>
                <c:pt idx="154">
                  <c:v>50</c:v>
                </c:pt>
                <c:pt idx="155">
                  <c:v>50</c:v>
                </c:pt>
                <c:pt idx="156">
                  <c:v>50</c:v>
                </c:pt>
                <c:pt idx="157">
                  <c:v>50</c:v>
                </c:pt>
                <c:pt idx="158">
                  <c:v>50</c:v>
                </c:pt>
                <c:pt idx="159">
                  <c:v>50</c:v>
                </c:pt>
                <c:pt idx="160">
                  <c:v>50</c:v>
                </c:pt>
                <c:pt idx="161">
                  <c:v>50</c:v>
                </c:pt>
                <c:pt idx="162">
                  <c:v>50</c:v>
                </c:pt>
                <c:pt idx="163">
                  <c:v>50</c:v>
                </c:pt>
                <c:pt idx="164">
                  <c:v>50</c:v>
                </c:pt>
                <c:pt idx="165">
                  <c:v>50</c:v>
                </c:pt>
                <c:pt idx="166">
                  <c:v>50</c:v>
                </c:pt>
                <c:pt idx="167">
                  <c:v>50</c:v>
                </c:pt>
                <c:pt idx="168">
                  <c:v>50</c:v>
                </c:pt>
                <c:pt idx="169">
                  <c:v>50</c:v>
                </c:pt>
                <c:pt idx="170">
                  <c:v>50</c:v>
                </c:pt>
                <c:pt idx="171">
                  <c:v>50</c:v>
                </c:pt>
                <c:pt idx="172">
                  <c:v>50</c:v>
                </c:pt>
                <c:pt idx="173">
                  <c:v>50</c:v>
                </c:pt>
                <c:pt idx="174">
                  <c:v>50</c:v>
                </c:pt>
                <c:pt idx="175">
                  <c:v>50</c:v>
                </c:pt>
                <c:pt idx="176">
                  <c:v>50</c:v>
                </c:pt>
                <c:pt idx="177">
                  <c:v>50</c:v>
                </c:pt>
                <c:pt idx="178">
                  <c:v>50</c:v>
                </c:pt>
                <c:pt idx="179">
                  <c:v>50</c:v>
                </c:pt>
                <c:pt idx="180">
                  <c:v>50</c:v>
                </c:pt>
                <c:pt idx="181">
                  <c:v>50</c:v>
                </c:pt>
                <c:pt idx="182">
                  <c:v>50</c:v>
                </c:pt>
                <c:pt idx="183">
                  <c:v>50</c:v>
                </c:pt>
                <c:pt idx="184">
                  <c:v>50</c:v>
                </c:pt>
                <c:pt idx="185">
                  <c:v>50</c:v>
                </c:pt>
                <c:pt idx="186">
                  <c:v>50</c:v>
                </c:pt>
                <c:pt idx="187">
                  <c:v>50</c:v>
                </c:pt>
                <c:pt idx="188">
                  <c:v>50</c:v>
                </c:pt>
                <c:pt idx="189">
                  <c:v>50</c:v>
                </c:pt>
                <c:pt idx="190">
                  <c:v>50</c:v>
                </c:pt>
                <c:pt idx="191">
                  <c:v>50</c:v>
                </c:pt>
                <c:pt idx="192">
                  <c:v>50</c:v>
                </c:pt>
                <c:pt idx="193">
                  <c:v>50</c:v>
                </c:pt>
                <c:pt idx="194">
                  <c:v>50</c:v>
                </c:pt>
                <c:pt idx="195">
                  <c:v>50</c:v>
                </c:pt>
                <c:pt idx="196">
                  <c:v>50</c:v>
                </c:pt>
                <c:pt idx="197">
                  <c:v>50</c:v>
                </c:pt>
                <c:pt idx="198">
                  <c:v>50</c:v>
                </c:pt>
                <c:pt idx="199">
                  <c:v>50</c:v>
                </c:pt>
                <c:pt idx="200">
                  <c:v>50</c:v>
                </c:pt>
                <c:pt idx="201">
                  <c:v>50</c:v>
                </c:pt>
                <c:pt idx="202">
                  <c:v>50</c:v>
                </c:pt>
                <c:pt idx="203">
                  <c:v>50</c:v>
                </c:pt>
                <c:pt idx="204">
                  <c:v>50</c:v>
                </c:pt>
                <c:pt idx="205">
                  <c:v>50</c:v>
                </c:pt>
                <c:pt idx="206">
                  <c:v>50</c:v>
                </c:pt>
                <c:pt idx="207">
                  <c:v>50</c:v>
                </c:pt>
                <c:pt idx="208">
                  <c:v>50</c:v>
                </c:pt>
                <c:pt idx="209">
                  <c:v>50</c:v>
                </c:pt>
                <c:pt idx="210">
                  <c:v>50</c:v>
                </c:pt>
                <c:pt idx="211">
                  <c:v>50</c:v>
                </c:pt>
                <c:pt idx="212">
                  <c:v>50</c:v>
                </c:pt>
                <c:pt idx="213">
                  <c:v>50</c:v>
                </c:pt>
                <c:pt idx="214">
                  <c:v>50</c:v>
                </c:pt>
                <c:pt idx="215">
                  <c:v>50</c:v>
                </c:pt>
                <c:pt idx="216">
                  <c:v>50</c:v>
                </c:pt>
                <c:pt idx="217">
                  <c:v>50</c:v>
                </c:pt>
                <c:pt idx="218">
                  <c:v>50</c:v>
                </c:pt>
                <c:pt idx="219">
                  <c:v>50</c:v>
                </c:pt>
                <c:pt idx="220">
                  <c:v>50</c:v>
                </c:pt>
                <c:pt idx="221">
                  <c:v>50</c:v>
                </c:pt>
                <c:pt idx="222">
                  <c:v>50</c:v>
                </c:pt>
                <c:pt idx="223">
                  <c:v>50</c:v>
                </c:pt>
                <c:pt idx="224">
                  <c:v>50</c:v>
                </c:pt>
                <c:pt idx="225">
                  <c:v>50</c:v>
                </c:pt>
                <c:pt idx="226">
                  <c:v>50</c:v>
                </c:pt>
                <c:pt idx="227">
                  <c:v>50</c:v>
                </c:pt>
                <c:pt idx="228">
                  <c:v>50</c:v>
                </c:pt>
                <c:pt idx="229">
                  <c:v>50</c:v>
                </c:pt>
                <c:pt idx="230">
                  <c:v>50</c:v>
                </c:pt>
                <c:pt idx="231">
                  <c:v>50</c:v>
                </c:pt>
                <c:pt idx="232">
                  <c:v>50</c:v>
                </c:pt>
                <c:pt idx="233">
                  <c:v>50</c:v>
                </c:pt>
                <c:pt idx="234">
                  <c:v>50</c:v>
                </c:pt>
                <c:pt idx="235">
                  <c:v>50</c:v>
                </c:pt>
                <c:pt idx="236">
                  <c:v>50</c:v>
                </c:pt>
                <c:pt idx="237">
                  <c:v>50</c:v>
                </c:pt>
                <c:pt idx="238">
                  <c:v>50</c:v>
                </c:pt>
                <c:pt idx="239">
                  <c:v>50</c:v>
                </c:pt>
                <c:pt idx="240">
                  <c:v>50</c:v>
                </c:pt>
                <c:pt idx="241">
                  <c:v>50</c:v>
                </c:pt>
                <c:pt idx="242">
                  <c:v>50</c:v>
                </c:pt>
                <c:pt idx="243">
                  <c:v>50</c:v>
                </c:pt>
                <c:pt idx="244">
                  <c:v>50</c:v>
                </c:pt>
                <c:pt idx="245">
                  <c:v>50</c:v>
                </c:pt>
                <c:pt idx="246">
                  <c:v>50</c:v>
                </c:pt>
                <c:pt idx="247">
                  <c:v>50</c:v>
                </c:pt>
                <c:pt idx="248">
                  <c:v>50</c:v>
                </c:pt>
                <c:pt idx="249">
                  <c:v>50</c:v>
                </c:pt>
                <c:pt idx="250">
                  <c:v>50</c:v>
                </c:pt>
                <c:pt idx="251">
                  <c:v>50</c:v>
                </c:pt>
                <c:pt idx="252">
                  <c:v>50</c:v>
                </c:pt>
                <c:pt idx="253">
                  <c:v>50</c:v>
                </c:pt>
                <c:pt idx="254">
                  <c:v>50</c:v>
                </c:pt>
                <c:pt idx="255">
                  <c:v>50</c:v>
                </c:pt>
                <c:pt idx="256">
                  <c:v>50</c:v>
                </c:pt>
                <c:pt idx="257">
                  <c:v>50</c:v>
                </c:pt>
                <c:pt idx="258">
                  <c:v>50</c:v>
                </c:pt>
                <c:pt idx="259">
                  <c:v>50</c:v>
                </c:pt>
                <c:pt idx="260">
                  <c:v>50</c:v>
                </c:pt>
                <c:pt idx="261">
                  <c:v>50</c:v>
                </c:pt>
                <c:pt idx="262">
                  <c:v>50</c:v>
                </c:pt>
                <c:pt idx="263">
                  <c:v>50</c:v>
                </c:pt>
                <c:pt idx="264">
                  <c:v>50</c:v>
                </c:pt>
                <c:pt idx="265">
                  <c:v>50</c:v>
                </c:pt>
                <c:pt idx="266">
                  <c:v>50</c:v>
                </c:pt>
                <c:pt idx="267">
                  <c:v>50</c:v>
                </c:pt>
                <c:pt idx="268">
                  <c:v>50</c:v>
                </c:pt>
                <c:pt idx="269">
                  <c:v>50</c:v>
                </c:pt>
                <c:pt idx="270">
                  <c:v>50</c:v>
                </c:pt>
                <c:pt idx="271">
                  <c:v>50</c:v>
                </c:pt>
                <c:pt idx="272">
                  <c:v>50</c:v>
                </c:pt>
                <c:pt idx="273">
                  <c:v>50</c:v>
                </c:pt>
                <c:pt idx="274">
                  <c:v>50</c:v>
                </c:pt>
                <c:pt idx="275">
                  <c:v>50</c:v>
                </c:pt>
                <c:pt idx="276">
                  <c:v>50</c:v>
                </c:pt>
                <c:pt idx="277">
                  <c:v>50</c:v>
                </c:pt>
                <c:pt idx="278">
                  <c:v>50</c:v>
                </c:pt>
                <c:pt idx="279">
                  <c:v>50</c:v>
                </c:pt>
                <c:pt idx="280">
                  <c:v>50</c:v>
                </c:pt>
                <c:pt idx="281">
                  <c:v>50</c:v>
                </c:pt>
                <c:pt idx="282">
                  <c:v>50</c:v>
                </c:pt>
                <c:pt idx="283">
                  <c:v>50</c:v>
                </c:pt>
                <c:pt idx="284">
                  <c:v>50</c:v>
                </c:pt>
                <c:pt idx="285">
                  <c:v>50</c:v>
                </c:pt>
                <c:pt idx="286">
                  <c:v>50</c:v>
                </c:pt>
                <c:pt idx="287">
                  <c:v>50</c:v>
                </c:pt>
                <c:pt idx="288">
                  <c:v>50</c:v>
                </c:pt>
                <c:pt idx="289">
                  <c:v>50</c:v>
                </c:pt>
                <c:pt idx="290">
                  <c:v>50</c:v>
                </c:pt>
                <c:pt idx="291">
                  <c:v>50</c:v>
                </c:pt>
                <c:pt idx="292">
                  <c:v>50</c:v>
                </c:pt>
                <c:pt idx="293">
                  <c:v>50</c:v>
                </c:pt>
                <c:pt idx="294">
                  <c:v>50</c:v>
                </c:pt>
                <c:pt idx="295">
                  <c:v>50</c:v>
                </c:pt>
                <c:pt idx="296">
                  <c:v>50</c:v>
                </c:pt>
                <c:pt idx="297">
                  <c:v>50</c:v>
                </c:pt>
                <c:pt idx="298">
                  <c:v>50</c:v>
                </c:pt>
                <c:pt idx="299">
                  <c:v>50</c:v>
                </c:pt>
                <c:pt idx="300">
                  <c:v>50</c:v>
                </c:pt>
                <c:pt idx="301">
                  <c:v>50</c:v>
                </c:pt>
                <c:pt idx="302">
                  <c:v>50</c:v>
                </c:pt>
                <c:pt idx="303">
                  <c:v>50</c:v>
                </c:pt>
                <c:pt idx="304">
                  <c:v>50</c:v>
                </c:pt>
                <c:pt idx="305">
                  <c:v>50</c:v>
                </c:pt>
                <c:pt idx="306">
                  <c:v>50</c:v>
                </c:pt>
                <c:pt idx="307">
                  <c:v>50</c:v>
                </c:pt>
                <c:pt idx="308">
                  <c:v>50</c:v>
                </c:pt>
                <c:pt idx="309">
                  <c:v>50</c:v>
                </c:pt>
                <c:pt idx="310">
                  <c:v>50</c:v>
                </c:pt>
                <c:pt idx="311">
                  <c:v>50</c:v>
                </c:pt>
                <c:pt idx="312">
                  <c:v>50</c:v>
                </c:pt>
                <c:pt idx="313">
                  <c:v>50</c:v>
                </c:pt>
              </c:numCache>
            </c:numRef>
          </c:val>
          <c:smooth val="0"/>
          <c:extLst>
            <c:ext xmlns:c16="http://schemas.microsoft.com/office/drawing/2014/chart" uri="{C3380CC4-5D6E-409C-BE32-E72D297353CC}">
              <c16:uniqueId val="{00000003-5CEB-423D-9431-9E95ADB2E648}"/>
            </c:ext>
          </c:extLst>
        </c:ser>
        <c:dLbls>
          <c:showLegendKey val="0"/>
          <c:showVal val="0"/>
          <c:showCatName val="0"/>
          <c:showSerName val="0"/>
          <c:showPercent val="0"/>
          <c:showBubbleSize val="0"/>
        </c:dLbls>
        <c:marker val="1"/>
        <c:smooth val="0"/>
        <c:axId val="967928800"/>
        <c:axId val="967929280"/>
      </c:lineChart>
      <c:dateAx>
        <c:axId val="967928800"/>
        <c:scaling>
          <c:orientation val="minMax"/>
        </c:scaling>
        <c:delete val="0"/>
        <c:axPos val="b"/>
        <c:numFmt formatCode="\'yy" sourceLinked="0"/>
        <c:majorTickMark val="cross"/>
        <c:minorTickMark val="out"/>
        <c:tickLblPos val="nextTo"/>
        <c:spPr>
          <a:noFill/>
          <a:ln w="9525" cap="flat" cmpd="sng" algn="ctr">
            <a:solidFill>
              <a:schemeClr val="tx1"/>
            </a:solidFill>
            <a:round/>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967929280"/>
        <c:crosses val="autoZero"/>
        <c:auto val="1"/>
        <c:lblOffset val="100"/>
        <c:baseTimeUnit val="months"/>
        <c:majorUnit val="2"/>
        <c:majorTimeUnit val="years"/>
      </c:dateAx>
      <c:valAx>
        <c:axId val="967929280"/>
        <c:scaling>
          <c:orientation val="minMax"/>
          <c:min val="30"/>
        </c:scaling>
        <c:delete val="0"/>
        <c:axPos val="l"/>
        <c:numFmt formatCode="#,##0" sourceLinked="0"/>
        <c:majorTickMark val="none"/>
        <c:minorTickMark val="none"/>
        <c:tickLblPos val="nextTo"/>
        <c:spPr>
          <a:noFill/>
          <a:ln>
            <a:noFill/>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967928800"/>
        <c:crosses val="autoZero"/>
        <c:crossBetween val="between"/>
      </c:valAx>
      <c:valAx>
        <c:axId val="1098126160"/>
        <c:scaling>
          <c:orientation val="minMax"/>
          <c:max val="0.51"/>
          <c:min val="0.5"/>
        </c:scaling>
        <c:delete val="0"/>
        <c:axPos val="r"/>
        <c:numFmt formatCode="0.00" sourceLinked="1"/>
        <c:majorTickMark val="none"/>
        <c:minorTickMark val="none"/>
        <c:tickLblPos val="none"/>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924032319"/>
        <c:crosses val="max"/>
        <c:crossBetween val="between"/>
      </c:valAx>
      <c:dateAx>
        <c:axId val="1924032319"/>
        <c:scaling>
          <c:orientation val="minMax"/>
        </c:scaling>
        <c:delete val="1"/>
        <c:axPos val="b"/>
        <c:numFmt formatCode="mm/dd/yy" sourceLinked="1"/>
        <c:majorTickMark val="out"/>
        <c:minorTickMark val="none"/>
        <c:tickLblPos val="nextTo"/>
        <c:crossAx val="1098126160"/>
        <c:crosses val="autoZero"/>
        <c:auto val="1"/>
        <c:lblOffset val="100"/>
        <c:baseTimeUnit val="months"/>
      </c:dateAx>
      <c:spPr>
        <a:noFill/>
        <a:ln>
          <a:noFill/>
        </a:ln>
        <a:effectLst/>
      </c:spPr>
    </c:plotArea>
    <c:legend>
      <c:legendPos val="b"/>
      <c:overlay val="0"/>
      <c:spPr>
        <a:noFill/>
        <a:ln>
          <a:noFill/>
        </a:ln>
        <a:effectLst/>
      </c:spPr>
      <c:txPr>
        <a:bodyPr rot="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lineChart>
        <c:grouping val="standard"/>
        <c:varyColors val="0"/>
        <c:ser>
          <c:idx val="0"/>
          <c:order val="0"/>
          <c:tx>
            <c:v>Average Interest Rate on all Credit Card Accounts</c:v>
          </c:tx>
          <c:spPr>
            <a:ln w="19050" cap="rnd">
              <a:solidFill>
                <a:schemeClr val="accent1"/>
              </a:solidFill>
              <a:round/>
            </a:ln>
            <a:effectLst/>
          </c:spPr>
          <c:marker>
            <c:symbol val="none"/>
          </c:marker>
          <c:cat>
            <c:numRef>
              <c:f>'Credit Card Interest'!$A$3:$A$117</c:f>
              <c:numCache>
                <c:formatCode>mmm\-yy</c:formatCode>
                <c:ptCount val="115"/>
                <c:pt idx="0">
                  <c:v>34639</c:v>
                </c:pt>
                <c:pt idx="1">
                  <c:v>34731</c:v>
                </c:pt>
                <c:pt idx="2">
                  <c:v>34820</c:v>
                </c:pt>
                <c:pt idx="3">
                  <c:v>34912</c:v>
                </c:pt>
                <c:pt idx="4">
                  <c:v>35004</c:v>
                </c:pt>
                <c:pt idx="5">
                  <c:v>35096</c:v>
                </c:pt>
                <c:pt idx="6">
                  <c:v>35186</c:v>
                </c:pt>
                <c:pt idx="7">
                  <c:v>35278</c:v>
                </c:pt>
                <c:pt idx="8">
                  <c:v>35370</c:v>
                </c:pt>
                <c:pt idx="9">
                  <c:v>35462</c:v>
                </c:pt>
                <c:pt idx="10">
                  <c:v>35551</c:v>
                </c:pt>
                <c:pt idx="11">
                  <c:v>35643</c:v>
                </c:pt>
                <c:pt idx="12">
                  <c:v>35735</c:v>
                </c:pt>
                <c:pt idx="13">
                  <c:v>35827</c:v>
                </c:pt>
                <c:pt idx="14">
                  <c:v>35916</c:v>
                </c:pt>
                <c:pt idx="15">
                  <c:v>36008</c:v>
                </c:pt>
                <c:pt idx="16">
                  <c:v>36100</c:v>
                </c:pt>
                <c:pt idx="17">
                  <c:v>36192</c:v>
                </c:pt>
                <c:pt idx="18">
                  <c:v>36281</c:v>
                </c:pt>
                <c:pt idx="19">
                  <c:v>36373</c:v>
                </c:pt>
                <c:pt idx="20">
                  <c:v>36465</c:v>
                </c:pt>
                <c:pt idx="21">
                  <c:v>36557</c:v>
                </c:pt>
                <c:pt idx="22">
                  <c:v>36647</c:v>
                </c:pt>
                <c:pt idx="23">
                  <c:v>36739</c:v>
                </c:pt>
                <c:pt idx="24">
                  <c:v>36831</c:v>
                </c:pt>
                <c:pt idx="25">
                  <c:v>36923</c:v>
                </c:pt>
                <c:pt idx="26">
                  <c:v>37012</c:v>
                </c:pt>
                <c:pt idx="27">
                  <c:v>37104</c:v>
                </c:pt>
                <c:pt idx="28">
                  <c:v>37196</c:v>
                </c:pt>
                <c:pt idx="29">
                  <c:v>37288</c:v>
                </c:pt>
                <c:pt idx="30">
                  <c:v>37377</c:v>
                </c:pt>
                <c:pt idx="31">
                  <c:v>37469</c:v>
                </c:pt>
                <c:pt idx="32">
                  <c:v>37561</c:v>
                </c:pt>
                <c:pt idx="33">
                  <c:v>37653</c:v>
                </c:pt>
                <c:pt idx="34">
                  <c:v>37742</c:v>
                </c:pt>
                <c:pt idx="35">
                  <c:v>37834</c:v>
                </c:pt>
                <c:pt idx="36">
                  <c:v>37926</c:v>
                </c:pt>
                <c:pt idx="37">
                  <c:v>38018</c:v>
                </c:pt>
                <c:pt idx="38">
                  <c:v>38108</c:v>
                </c:pt>
                <c:pt idx="39">
                  <c:v>38200</c:v>
                </c:pt>
                <c:pt idx="40">
                  <c:v>38292</c:v>
                </c:pt>
                <c:pt idx="41">
                  <c:v>38384</c:v>
                </c:pt>
                <c:pt idx="42">
                  <c:v>38473</c:v>
                </c:pt>
                <c:pt idx="43">
                  <c:v>38565</c:v>
                </c:pt>
                <c:pt idx="44">
                  <c:v>38657</c:v>
                </c:pt>
                <c:pt idx="45">
                  <c:v>38749</c:v>
                </c:pt>
                <c:pt idx="46">
                  <c:v>38838</c:v>
                </c:pt>
                <c:pt idx="47">
                  <c:v>38930</c:v>
                </c:pt>
                <c:pt idx="48">
                  <c:v>39022</c:v>
                </c:pt>
                <c:pt idx="49">
                  <c:v>39114</c:v>
                </c:pt>
                <c:pt idx="50">
                  <c:v>39203</c:v>
                </c:pt>
                <c:pt idx="51">
                  <c:v>39295</c:v>
                </c:pt>
                <c:pt idx="52">
                  <c:v>39387</c:v>
                </c:pt>
                <c:pt idx="53">
                  <c:v>39479</c:v>
                </c:pt>
                <c:pt idx="54">
                  <c:v>39569</c:v>
                </c:pt>
                <c:pt idx="55">
                  <c:v>39661</c:v>
                </c:pt>
                <c:pt idx="56">
                  <c:v>39753</c:v>
                </c:pt>
                <c:pt idx="57">
                  <c:v>39845</c:v>
                </c:pt>
                <c:pt idx="58">
                  <c:v>39934</c:v>
                </c:pt>
                <c:pt idx="59">
                  <c:v>40026</c:v>
                </c:pt>
                <c:pt idx="60">
                  <c:v>40118</c:v>
                </c:pt>
                <c:pt idx="61">
                  <c:v>40210</c:v>
                </c:pt>
                <c:pt idx="62">
                  <c:v>40299</c:v>
                </c:pt>
                <c:pt idx="63">
                  <c:v>40391</c:v>
                </c:pt>
                <c:pt idx="64">
                  <c:v>40483</c:v>
                </c:pt>
                <c:pt idx="65">
                  <c:v>40575</c:v>
                </c:pt>
                <c:pt idx="66">
                  <c:v>40664</c:v>
                </c:pt>
                <c:pt idx="67">
                  <c:v>40756</c:v>
                </c:pt>
                <c:pt idx="68">
                  <c:v>40848</c:v>
                </c:pt>
                <c:pt idx="69">
                  <c:v>40940</c:v>
                </c:pt>
                <c:pt idx="70">
                  <c:v>41030</c:v>
                </c:pt>
                <c:pt idx="71">
                  <c:v>41122</c:v>
                </c:pt>
                <c:pt idx="72">
                  <c:v>41214</c:v>
                </c:pt>
                <c:pt idx="73">
                  <c:v>41306</c:v>
                </c:pt>
                <c:pt idx="74">
                  <c:v>41395</c:v>
                </c:pt>
                <c:pt idx="75">
                  <c:v>41487</c:v>
                </c:pt>
                <c:pt idx="76">
                  <c:v>41579</c:v>
                </c:pt>
                <c:pt idx="77">
                  <c:v>41671</c:v>
                </c:pt>
                <c:pt idx="78">
                  <c:v>41760</c:v>
                </c:pt>
                <c:pt idx="79">
                  <c:v>41852</c:v>
                </c:pt>
                <c:pt idx="80">
                  <c:v>41944</c:v>
                </c:pt>
                <c:pt idx="81">
                  <c:v>42036</c:v>
                </c:pt>
                <c:pt idx="82">
                  <c:v>42125</c:v>
                </c:pt>
                <c:pt idx="83">
                  <c:v>42217</c:v>
                </c:pt>
                <c:pt idx="84">
                  <c:v>42309</c:v>
                </c:pt>
                <c:pt idx="85">
                  <c:v>42401</c:v>
                </c:pt>
                <c:pt idx="86">
                  <c:v>42491</c:v>
                </c:pt>
                <c:pt idx="87">
                  <c:v>42583</c:v>
                </c:pt>
                <c:pt idx="88">
                  <c:v>42675</c:v>
                </c:pt>
                <c:pt idx="89">
                  <c:v>42767</c:v>
                </c:pt>
                <c:pt idx="90">
                  <c:v>42856</c:v>
                </c:pt>
                <c:pt idx="91">
                  <c:v>42948</c:v>
                </c:pt>
                <c:pt idx="92">
                  <c:v>43040</c:v>
                </c:pt>
                <c:pt idx="93">
                  <c:v>43132</c:v>
                </c:pt>
                <c:pt idx="94">
                  <c:v>43221</c:v>
                </c:pt>
                <c:pt idx="95">
                  <c:v>43313</c:v>
                </c:pt>
                <c:pt idx="96">
                  <c:v>43405</c:v>
                </c:pt>
                <c:pt idx="97">
                  <c:v>43497</c:v>
                </c:pt>
                <c:pt idx="98">
                  <c:v>43586</c:v>
                </c:pt>
                <c:pt idx="99">
                  <c:v>43678</c:v>
                </c:pt>
                <c:pt idx="100">
                  <c:v>43770</c:v>
                </c:pt>
                <c:pt idx="101">
                  <c:v>43862</c:v>
                </c:pt>
                <c:pt idx="102">
                  <c:v>43952</c:v>
                </c:pt>
                <c:pt idx="103">
                  <c:v>44044</c:v>
                </c:pt>
                <c:pt idx="104">
                  <c:v>44136</c:v>
                </c:pt>
                <c:pt idx="105">
                  <c:v>44228</c:v>
                </c:pt>
                <c:pt idx="106">
                  <c:v>44317</c:v>
                </c:pt>
                <c:pt idx="107">
                  <c:v>44409</c:v>
                </c:pt>
                <c:pt idx="108">
                  <c:v>44501</c:v>
                </c:pt>
                <c:pt idx="109">
                  <c:v>44593</c:v>
                </c:pt>
                <c:pt idx="110">
                  <c:v>44682</c:v>
                </c:pt>
                <c:pt idx="111">
                  <c:v>44774</c:v>
                </c:pt>
                <c:pt idx="112">
                  <c:v>44866</c:v>
                </c:pt>
                <c:pt idx="113">
                  <c:v>44958</c:v>
                </c:pt>
                <c:pt idx="114">
                  <c:v>45047</c:v>
                </c:pt>
              </c:numCache>
            </c:numRef>
          </c:cat>
          <c:val>
            <c:numRef>
              <c:f>'Credit Card Interest'!$C$3:$C$117</c:f>
              <c:numCache>
                <c:formatCode>General</c:formatCode>
                <c:ptCount val="115"/>
                <c:pt idx="0">
                  <c:v>15.69</c:v>
                </c:pt>
                <c:pt idx="1">
                  <c:v>16.100000000000001</c:v>
                </c:pt>
                <c:pt idx="2">
                  <c:v>16.14</c:v>
                </c:pt>
                <c:pt idx="3">
                  <c:v>15.92</c:v>
                </c:pt>
                <c:pt idx="4">
                  <c:v>15.81</c:v>
                </c:pt>
                <c:pt idx="5">
                  <c:v>15.8</c:v>
                </c:pt>
                <c:pt idx="6">
                  <c:v>15.44</c:v>
                </c:pt>
                <c:pt idx="7">
                  <c:v>15.66</c:v>
                </c:pt>
                <c:pt idx="8">
                  <c:v>15.62</c:v>
                </c:pt>
                <c:pt idx="9">
                  <c:v>15.88</c:v>
                </c:pt>
                <c:pt idx="10">
                  <c:v>15.74</c:v>
                </c:pt>
                <c:pt idx="11">
                  <c:v>15.8</c:v>
                </c:pt>
                <c:pt idx="12">
                  <c:v>15.76</c:v>
                </c:pt>
                <c:pt idx="13">
                  <c:v>15.68</c:v>
                </c:pt>
                <c:pt idx="14">
                  <c:v>15.65</c:v>
                </c:pt>
                <c:pt idx="15">
                  <c:v>15.82</c:v>
                </c:pt>
                <c:pt idx="16">
                  <c:v>15.67</c:v>
                </c:pt>
                <c:pt idx="17">
                  <c:v>15.39</c:v>
                </c:pt>
                <c:pt idx="18">
                  <c:v>15.19</c:v>
                </c:pt>
                <c:pt idx="19">
                  <c:v>15.07</c:v>
                </c:pt>
                <c:pt idx="20">
                  <c:v>15.12</c:v>
                </c:pt>
                <c:pt idx="21">
                  <c:v>15.55</c:v>
                </c:pt>
                <c:pt idx="22">
                  <c:v>15.6</c:v>
                </c:pt>
                <c:pt idx="23">
                  <c:v>15.98</c:v>
                </c:pt>
                <c:pt idx="24">
                  <c:v>15.99</c:v>
                </c:pt>
                <c:pt idx="25">
                  <c:v>15.63</c:v>
                </c:pt>
                <c:pt idx="26">
                  <c:v>15.06</c:v>
                </c:pt>
                <c:pt idx="27">
                  <c:v>14.59</c:v>
                </c:pt>
                <c:pt idx="28">
                  <c:v>14.21</c:v>
                </c:pt>
                <c:pt idx="29">
                  <c:v>13.62</c:v>
                </c:pt>
                <c:pt idx="30">
                  <c:v>13.53</c:v>
                </c:pt>
                <c:pt idx="31">
                  <c:v>13.36</c:v>
                </c:pt>
                <c:pt idx="32">
                  <c:v>13.11</c:v>
                </c:pt>
                <c:pt idx="33">
                  <c:v>12.26</c:v>
                </c:pt>
                <c:pt idx="34">
                  <c:v>12.12</c:v>
                </c:pt>
                <c:pt idx="35">
                  <c:v>12.47</c:v>
                </c:pt>
                <c:pt idx="36">
                  <c:v>12.35</c:v>
                </c:pt>
                <c:pt idx="37">
                  <c:v>12.67</c:v>
                </c:pt>
                <c:pt idx="38">
                  <c:v>12.69</c:v>
                </c:pt>
                <c:pt idx="39">
                  <c:v>13.02</c:v>
                </c:pt>
                <c:pt idx="40">
                  <c:v>12.51</c:v>
                </c:pt>
                <c:pt idx="41">
                  <c:v>12.21</c:v>
                </c:pt>
                <c:pt idx="42">
                  <c:v>12.77</c:v>
                </c:pt>
                <c:pt idx="43">
                  <c:v>12.48</c:v>
                </c:pt>
                <c:pt idx="44">
                  <c:v>12.58</c:v>
                </c:pt>
                <c:pt idx="45">
                  <c:v>13.3</c:v>
                </c:pt>
                <c:pt idx="46">
                  <c:v>13.16</c:v>
                </c:pt>
                <c:pt idx="47">
                  <c:v>13.06</c:v>
                </c:pt>
                <c:pt idx="48">
                  <c:v>13.31</c:v>
                </c:pt>
                <c:pt idx="49">
                  <c:v>13.41</c:v>
                </c:pt>
                <c:pt idx="50">
                  <c:v>13.46</c:v>
                </c:pt>
                <c:pt idx="51">
                  <c:v>13.59</c:v>
                </c:pt>
                <c:pt idx="52">
                  <c:v>12.75</c:v>
                </c:pt>
                <c:pt idx="53">
                  <c:v>12.47</c:v>
                </c:pt>
                <c:pt idx="54">
                  <c:v>11.88</c:v>
                </c:pt>
                <c:pt idx="55">
                  <c:v>11.94</c:v>
                </c:pt>
                <c:pt idx="56">
                  <c:v>12.03</c:v>
                </c:pt>
                <c:pt idx="57">
                  <c:v>12.97</c:v>
                </c:pt>
                <c:pt idx="58">
                  <c:v>13.32</c:v>
                </c:pt>
                <c:pt idx="59">
                  <c:v>13.71</c:v>
                </c:pt>
                <c:pt idx="60">
                  <c:v>13.6</c:v>
                </c:pt>
                <c:pt idx="61">
                  <c:v>14.26</c:v>
                </c:pt>
                <c:pt idx="62">
                  <c:v>13.84</c:v>
                </c:pt>
                <c:pt idx="63">
                  <c:v>13.59</c:v>
                </c:pt>
                <c:pt idx="64">
                  <c:v>13.44</c:v>
                </c:pt>
                <c:pt idx="65">
                  <c:v>13.44</c:v>
                </c:pt>
                <c:pt idx="66">
                  <c:v>12.89</c:v>
                </c:pt>
                <c:pt idx="67">
                  <c:v>12.28</c:v>
                </c:pt>
                <c:pt idx="68">
                  <c:v>12.36</c:v>
                </c:pt>
                <c:pt idx="69">
                  <c:v>12.34</c:v>
                </c:pt>
                <c:pt idx="70">
                  <c:v>12.06</c:v>
                </c:pt>
                <c:pt idx="71">
                  <c:v>11.95</c:v>
                </c:pt>
                <c:pt idx="72">
                  <c:v>11.88</c:v>
                </c:pt>
                <c:pt idx="73">
                  <c:v>11.94</c:v>
                </c:pt>
                <c:pt idx="74">
                  <c:v>11.95</c:v>
                </c:pt>
                <c:pt idx="75">
                  <c:v>11.88</c:v>
                </c:pt>
                <c:pt idx="76">
                  <c:v>11.85</c:v>
                </c:pt>
                <c:pt idx="77">
                  <c:v>11.83</c:v>
                </c:pt>
                <c:pt idx="78">
                  <c:v>11.83</c:v>
                </c:pt>
                <c:pt idx="79">
                  <c:v>11.82</c:v>
                </c:pt>
                <c:pt idx="80">
                  <c:v>11.99</c:v>
                </c:pt>
                <c:pt idx="81">
                  <c:v>11.98</c:v>
                </c:pt>
                <c:pt idx="82">
                  <c:v>12.04</c:v>
                </c:pt>
                <c:pt idx="83">
                  <c:v>12.1</c:v>
                </c:pt>
                <c:pt idx="84">
                  <c:v>12.22</c:v>
                </c:pt>
                <c:pt idx="85">
                  <c:v>12.31</c:v>
                </c:pt>
                <c:pt idx="86">
                  <c:v>12.16</c:v>
                </c:pt>
                <c:pt idx="87">
                  <c:v>12.51</c:v>
                </c:pt>
                <c:pt idx="88">
                  <c:v>12.41</c:v>
                </c:pt>
                <c:pt idx="89">
                  <c:v>12.54</c:v>
                </c:pt>
                <c:pt idx="90">
                  <c:v>12.77</c:v>
                </c:pt>
                <c:pt idx="91">
                  <c:v>13.08</c:v>
                </c:pt>
                <c:pt idx="92">
                  <c:v>13.16</c:v>
                </c:pt>
                <c:pt idx="93">
                  <c:v>13.63</c:v>
                </c:pt>
                <c:pt idx="94">
                  <c:v>14.14</c:v>
                </c:pt>
                <c:pt idx="95">
                  <c:v>14.38</c:v>
                </c:pt>
                <c:pt idx="96">
                  <c:v>14.73</c:v>
                </c:pt>
                <c:pt idx="97">
                  <c:v>15.09</c:v>
                </c:pt>
                <c:pt idx="98">
                  <c:v>15.13</c:v>
                </c:pt>
                <c:pt idx="99">
                  <c:v>15.1</c:v>
                </c:pt>
                <c:pt idx="100">
                  <c:v>14.87</c:v>
                </c:pt>
                <c:pt idx="101">
                  <c:v>15.09</c:v>
                </c:pt>
                <c:pt idx="102">
                  <c:v>14.52</c:v>
                </c:pt>
                <c:pt idx="103">
                  <c:v>14.58</c:v>
                </c:pt>
                <c:pt idx="104">
                  <c:v>14.65</c:v>
                </c:pt>
                <c:pt idx="105">
                  <c:v>14.75</c:v>
                </c:pt>
                <c:pt idx="106">
                  <c:v>14.61</c:v>
                </c:pt>
                <c:pt idx="107">
                  <c:v>14.54</c:v>
                </c:pt>
                <c:pt idx="108">
                  <c:v>14.51</c:v>
                </c:pt>
                <c:pt idx="109">
                  <c:v>14.56</c:v>
                </c:pt>
                <c:pt idx="110">
                  <c:v>15.13</c:v>
                </c:pt>
                <c:pt idx="111">
                  <c:v>16.27</c:v>
                </c:pt>
                <c:pt idx="112">
                  <c:v>19.07</c:v>
                </c:pt>
                <c:pt idx="113">
                  <c:v>20.09</c:v>
                </c:pt>
                <c:pt idx="114">
                  <c:v>20.68</c:v>
                </c:pt>
              </c:numCache>
            </c:numRef>
          </c:val>
          <c:smooth val="0"/>
          <c:extLst>
            <c:ext xmlns:c16="http://schemas.microsoft.com/office/drawing/2014/chart" uri="{C3380CC4-5D6E-409C-BE32-E72D297353CC}">
              <c16:uniqueId val="{00000000-397E-4F0D-B90B-954CA4BA4FE6}"/>
            </c:ext>
          </c:extLst>
        </c:ser>
        <c:dLbls>
          <c:showLegendKey val="0"/>
          <c:showVal val="0"/>
          <c:showCatName val="0"/>
          <c:showSerName val="0"/>
          <c:showPercent val="0"/>
          <c:showBubbleSize val="0"/>
        </c:dLbls>
        <c:smooth val="0"/>
        <c:axId val="376137584"/>
        <c:axId val="1307625887"/>
      </c:lineChart>
      <c:dateAx>
        <c:axId val="376137584"/>
        <c:scaling>
          <c:orientation val="minMax"/>
        </c:scaling>
        <c:delete val="0"/>
        <c:axPos val="b"/>
        <c:numFmt formatCode="\'yy" sourceLinked="0"/>
        <c:majorTickMark val="cross"/>
        <c:minorTickMark val="out"/>
        <c:tickLblPos val="nextTo"/>
        <c:spPr>
          <a:noFill/>
          <a:ln w="9525" cap="flat" cmpd="sng" algn="ctr">
            <a:solidFill>
              <a:schemeClr val="tx1"/>
            </a:solidFill>
            <a:round/>
          </a:ln>
          <a:effectLst/>
        </c:spPr>
        <c:txPr>
          <a:bodyPr rot="-60000000" spcFirstLastPara="1" vertOverflow="ellipsis" vert="horz" wrap="square" anchor="ctr" anchorCtr="1"/>
          <a:lstStyle/>
          <a:p>
            <a:pPr>
              <a:defRPr sz="1050" b="0" i="0" u="none" strike="noStrike" kern="1200" baseline="0">
                <a:solidFill>
                  <a:schemeClr val="tx1"/>
                </a:solidFill>
                <a:latin typeface="+mn-lt"/>
                <a:ea typeface="+mn-ea"/>
                <a:cs typeface="+mn-cs"/>
              </a:defRPr>
            </a:pPr>
            <a:endParaRPr lang="en-US"/>
          </a:p>
        </c:txPr>
        <c:crossAx val="1307625887"/>
        <c:crosses val="autoZero"/>
        <c:auto val="1"/>
        <c:lblOffset val="100"/>
        <c:baseTimeUnit val="months"/>
        <c:majorUnit val="2"/>
        <c:majorTimeUnit val="years"/>
      </c:dateAx>
      <c:valAx>
        <c:axId val="1307625887"/>
        <c:scaling>
          <c:orientation val="minMax"/>
          <c:max val="23"/>
          <c:min val="10"/>
        </c:scaling>
        <c:delete val="0"/>
        <c:axPos val="l"/>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1050" b="0" i="0" u="none" strike="noStrike" kern="1200" baseline="0">
                <a:solidFill>
                  <a:sysClr val="windowText" lastClr="000000"/>
                </a:solidFill>
                <a:latin typeface="+mn-lt"/>
                <a:ea typeface="+mn-ea"/>
                <a:cs typeface="+mn-cs"/>
              </a:defRPr>
            </a:pPr>
            <a:endParaRPr lang="en-US"/>
          </a:p>
        </c:txPr>
        <c:crossAx val="376137584"/>
        <c:crosses val="autoZero"/>
        <c:crossBetween val="between"/>
        <c:majorUnit val="2"/>
      </c:valAx>
      <c:spPr>
        <a:noFill/>
        <a:ln>
          <a:noFill/>
        </a:ln>
        <a:effectLst/>
      </c:spPr>
    </c:plotArea>
    <c:legend>
      <c:legendPos val="b"/>
      <c:overlay val="0"/>
      <c:spPr>
        <a:noFill/>
        <a:ln>
          <a:noFill/>
        </a:ln>
        <a:effectLst/>
      </c:spPr>
      <c:txPr>
        <a:bodyPr rot="0" spcFirstLastPara="1" vertOverflow="ellipsis" vert="horz" wrap="square" anchor="ctr" anchorCtr="1"/>
        <a:lstStyle/>
        <a:p>
          <a:pPr>
            <a:defRPr sz="1050" b="0" i="0" u="none" strike="noStrike" kern="1200" baseline="0">
              <a:solidFill>
                <a:sysClr val="windowText" lastClr="000000"/>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1"/>
          <c:order val="1"/>
          <c:spPr>
            <a:solidFill>
              <a:schemeClr val="bg1">
                <a:lumMod val="75000"/>
              </a:schemeClr>
            </a:solidFill>
            <a:ln>
              <a:noFill/>
            </a:ln>
            <a:effectLst/>
          </c:spPr>
          <c:invertIfNegative val="0"/>
          <c:cat>
            <c:numRef>
              <c:f>'Household Debt'!$B$3:$B$292</c:f>
              <c:numCache>
                <c:formatCode>mm/dd/yy</c:formatCode>
                <c:ptCount val="290"/>
                <c:pt idx="0">
                  <c:v>36250</c:v>
                </c:pt>
                <c:pt idx="1">
                  <c:v>36280</c:v>
                </c:pt>
                <c:pt idx="2">
                  <c:v>36311</c:v>
                </c:pt>
                <c:pt idx="3">
                  <c:v>36341</c:v>
                </c:pt>
                <c:pt idx="4">
                  <c:v>36372</c:v>
                </c:pt>
                <c:pt idx="5">
                  <c:v>36403</c:v>
                </c:pt>
                <c:pt idx="6">
                  <c:v>36433</c:v>
                </c:pt>
                <c:pt idx="7">
                  <c:v>36464</c:v>
                </c:pt>
                <c:pt idx="8">
                  <c:v>36494</c:v>
                </c:pt>
                <c:pt idx="9">
                  <c:v>36525</c:v>
                </c:pt>
                <c:pt idx="10">
                  <c:v>36556</c:v>
                </c:pt>
                <c:pt idx="11">
                  <c:v>36585</c:v>
                </c:pt>
                <c:pt idx="12">
                  <c:v>36616</c:v>
                </c:pt>
                <c:pt idx="13">
                  <c:v>36646</c:v>
                </c:pt>
                <c:pt idx="14">
                  <c:v>36677</c:v>
                </c:pt>
                <c:pt idx="15">
                  <c:v>36707</c:v>
                </c:pt>
                <c:pt idx="16">
                  <c:v>36738</c:v>
                </c:pt>
                <c:pt idx="17">
                  <c:v>36769</c:v>
                </c:pt>
                <c:pt idx="18">
                  <c:v>36799</c:v>
                </c:pt>
                <c:pt idx="19">
                  <c:v>36830</c:v>
                </c:pt>
                <c:pt idx="20">
                  <c:v>36860</c:v>
                </c:pt>
                <c:pt idx="21">
                  <c:v>36891</c:v>
                </c:pt>
                <c:pt idx="22">
                  <c:v>36922</c:v>
                </c:pt>
                <c:pt idx="23">
                  <c:v>36950</c:v>
                </c:pt>
                <c:pt idx="24">
                  <c:v>36981</c:v>
                </c:pt>
                <c:pt idx="25">
                  <c:v>37011</c:v>
                </c:pt>
                <c:pt idx="26">
                  <c:v>37042</c:v>
                </c:pt>
                <c:pt idx="27">
                  <c:v>37072</c:v>
                </c:pt>
                <c:pt idx="28">
                  <c:v>37103</c:v>
                </c:pt>
                <c:pt idx="29">
                  <c:v>37134</c:v>
                </c:pt>
                <c:pt idx="30">
                  <c:v>37164</c:v>
                </c:pt>
                <c:pt idx="31">
                  <c:v>37195</c:v>
                </c:pt>
                <c:pt idx="32">
                  <c:v>37225</c:v>
                </c:pt>
                <c:pt idx="33">
                  <c:v>37256</c:v>
                </c:pt>
                <c:pt idx="34">
                  <c:v>37287</c:v>
                </c:pt>
                <c:pt idx="35">
                  <c:v>37315</c:v>
                </c:pt>
                <c:pt idx="36">
                  <c:v>37346</c:v>
                </c:pt>
                <c:pt idx="37">
                  <c:v>37376</c:v>
                </c:pt>
                <c:pt idx="38">
                  <c:v>37407</c:v>
                </c:pt>
                <c:pt idx="39">
                  <c:v>37437</c:v>
                </c:pt>
                <c:pt idx="40">
                  <c:v>37468</c:v>
                </c:pt>
                <c:pt idx="41">
                  <c:v>37499</c:v>
                </c:pt>
                <c:pt idx="42">
                  <c:v>37529</c:v>
                </c:pt>
                <c:pt idx="43">
                  <c:v>37560</c:v>
                </c:pt>
                <c:pt idx="44">
                  <c:v>37590</c:v>
                </c:pt>
                <c:pt idx="45">
                  <c:v>37621</c:v>
                </c:pt>
                <c:pt idx="46">
                  <c:v>37652</c:v>
                </c:pt>
                <c:pt idx="47">
                  <c:v>37680</c:v>
                </c:pt>
                <c:pt idx="48">
                  <c:v>37711</c:v>
                </c:pt>
                <c:pt idx="49">
                  <c:v>37741</c:v>
                </c:pt>
                <c:pt idx="50">
                  <c:v>37772</c:v>
                </c:pt>
                <c:pt idx="51">
                  <c:v>37802</c:v>
                </c:pt>
                <c:pt idx="52">
                  <c:v>37833</c:v>
                </c:pt>
                <c:pt idx="53">
                  <c:v>37864</c:v>
                </c:pt>
                <c:pt idx="54">
                  <c:v>37894</c:v>
                </c:pt>
                <c:pt idx="55">
                  <c:v>37925</c:v>
                </c:pt>
                <c:pt idx="56">
                  <c:v>37955</c:v>
                </c:pt>
                <c:pt idx="57">
                  <c:v>37986</c:v>
                </c:pt>
                <c:pt idx="58">
                  <c:v>38017</c:v>
                </c:pt>
                <c:pt idx="59">
                  <c:v>38046</c:v>
                </c:pt>
                <c:pt idx="60">
                  <c:v>38077</c:v>
                </c:pt>
                <c:pt idx="61">
                  <c:v>38107</c:v>
                </c:pt>
                <c:pt idx="62">
                  <c:v>38138</c:v>
                </c:pt>
                <c:pt idx="63">
                  <c:v>38168</c:v>
                </c:pt>
                <c:pt idx="64">
                  <c:v>38199</c:v>
                </c:pt>
                <c:pt idx="65">
                  <c:v>38230</c:v>
                </c:pt>
                <c:pt idx="66">
                  <c:v>38260</c:v>
                </c:pt>
                <c:pt idx="67">
                  <c:v>38291</c:v>
                </c:pt>
                <c:pt idx="68">
                  <c:v>38321</c:v>
                </c:pt>
                <c:pt idx="69">
                  <c:v>38352</c:v>
                </c:pt>
                <c:pt idx="70">
                  <c:v>38383</c:v>
                </c:pt>
                <c:pt idx="71">
                  <c:v>38411</c:v>
                </c:pt>
                <c:pt idx="72">
                  <c:v>38442</c:v>
                </c:pt>
                <c:pt idx="73">
                  <c:v>38472</c:v>
                </c:pt>
                <c:pt idx="74">
                  <c:v>38503</c:v>
                </c:pt>
                <c:pt idx="75">
                  <c:v>38533</c:v>
                </c:pt>
                <c:pt idx="76">
                  <c:v>38564</c:v>
                </c:pt>
                <c:pt idx="77">
                  <c:v>38595</c:v>
                </c:pt>
                <c:pt idx="78">
                  <c:v>38625</c:v>
                </c:pt>
                <c:pt idx="79">
                  <c:v>38656</c:v>
                </c:pt>
                <c:pt idx="80">
                  <c:v>38686</c:v>
                </c:pt>
                <c:pt idx="81">
                  <c:v>38717</c:v>
                </c:pt>
                <c:pt idx="82">
                  <c:v>38748</c:v>
                </c:pt>
                <c:pt idx="83">
                  <c:v>38776</c:v>
                </c:pt>
                <c:pt idx="84">
                  <c:v>38807</c:v>
                </c:pt>
                <c:pt idx="85">
                  <c:v>38837</c:v>
                </c:pt>
                <c:pt idx="86">
                  <c:v>38868</c:v>
                </c:pt>
                <c:pt idx="87">
                  <c:v>38898</c:v>
                </c:pt>
                <c:pt idx="88">
                  <c:v>38929</c:v>
                </c:pt>
                <c:pt idx="89">
                  <c:v>38960</c:v>
                </c:pt>
                <c:pt idx="90">
                  <c:v>38990</c:v>
                </c:pt>
                <c:pt idx="91">
                  <c:v>39021</c:v>
                </c:pt>
                <c:pt idx="92">
                  <c:v>39051</c:v>
                </c:pt>
                <c:pt idx="93">
                  <c:v>39082</c:v>
                </c:pt>
                <c:pt idx="94">
                  <c:v>39113</c:v>
                </c:pt>
                <c:pt idx="95">
                  <c:v>39141</c:v>
                </c:pt>
                <c:pt idx="96">
                  <c:v>39172</c:v>
                </c:pt>
                <c:pt idx="97">
                  <c:v>39202</c:v>
                </c:pt>
                <c:pt idx="98">
                  <c:v>39233</c:v>
                </c:pt>
                <c:pt idx="99">
                  <c:v>39263</c:v>
                </c:pt>
                <c:pt idx="100">
                  <c:v>39294</c:v>
                </c:pt>
                <c:pt idx="101">
                  <c:v>39325</c:v>
                </c:pt>
                <c:pt idx="102">
                  <c:v>39355</c:v>
                </c:pt>
                <c:pt idx="103">
                  <c:v>39386</c:v>
                </c:pt>
                <c:pt idx="104">
                  <c:v>39416</c:v>
                </c:pt>
                <c:pt idx="105">
                  <c:v>39447</c:v>
                </c:pt>
                <c:pt idx="106">
                  <c:v>39478</c:v>
                </c:pt>
                <c:pt idx="107">
                  <c:v>39507</c:v>
                </c:pt>
                <c:pt idx="108">
                  <c:v>39538</c:v>
                </c:pt>
                <c:pt idx="109">
                  <c:v>39568</c:v>
                </c:pt>
                <c:pt idx="110">
                  <c:v>39599</c:v>
                </c:pt>
                <c:pt idx="111">
                  <c:v>39629</c:v>
                </c:pt>
                <c:pt idx="112">
                  <c:v>39660</c:v>
                </c:pt>
                <c:pt idx="113">
                  <c:v>39691</c:v>
                </c:pt>
                <c:pt idx="114">
                  <c:v>39721</c:v>
                </c:pt>
                <c:pt idx="115">
                  <c:v>39752</c:v>
                </c:pt>
                <c:pt idx="116">
                  <c:v>39782</c:v>
                </c:pt>
                <c:pt idx="117">
                  <c:v>39813</c:v>
                </c:pt>
                <c:pt idx="118">
                  <c:v>39844</c:v>
                </c:pt>
                <c:pt idx="119">
                  <c:v>39872</c:v>
                </c:pt>
                <c:pt idx="120">
                  <c:v>39903</c:v>
                </c:pt>
                <c:pt idx="121">
                  <c:v>39933</c:v>
                </c:pt>
                <c:pt idx="122">
                  <c:v>39964</c:v>
                </c:pt>
                <c:pt idx="123">
                  <c:v>39994</c:v>
                </c:pt>
                <c:pt idx="124">
                  <c:v>40025</c:v>
                </c:pt>
                <c:pt idx="125">
                  <c:v>40056</c:v>
                </c:pt>
                <c:pt idx="126">
                  <c:v>40086</c:v>
                </c:pt>
                <c:pt idx="127">
                  <c:v>40117</c:v>
                </c:pt>
                <c:pt idx="128">
                  <c:v>40147</c:v>
                </c:pt>
                <c:pt idx="129">
                  <c:v>40178</c:v>
                </c:pt>
                <c:pt idx="130">
                  <c:v>40209</c:v>
                </c:pt>
                <c:pt idx="131">
                  <c:v>40237</c:v>
                </c:pt>
                <c:pt idx="132">
                  <c:v>40268</c:v>
                </c:pt>
                <c:pt idx="133">
                  <c:v>40298</c:v>
                </c:pt>
                <c:pt idx="134">
                  <c:v>40329</c:v>
                </c:pt>
                <c:pt idx="135">
                  <c:v>40359</c:v>
                </c:pt>
                <c:pt idx="136">
                  <c:v>40390</c:v>
                </c:pt>
                <c:pt idx="137">
                  <c:v>40421</c:v>
                </c:pt>
                <c:pt idx="138">
                  <c:v>40451</c:v>
                </c:pt>
                <c:pt idx="139">
                  <c:v>40482</c:v>
                </c:pt>
                <c:pt idx="140">
                  <c:v>40512</c:v>
                </c:pt>
                <c:pt idx="141">
                  <c:v>40543</c:v>
                </c:pt>
                <c:pt idx="142">
                  <c:v>40574</c:v>
                </c:pt>
                <c:pt idx="143">
                  <c:v>40602</c:v>
                </c:pt>
                <c:pt idx="144">
                  <c:v>40633</c:v>
                </c:pt>
                <c:pt idx="145">
                  <c:v>40663</c:v>
                </c:pt>
                <c:pt idx="146">
                  <c:v>40694</c:v>
                </c:pt>
                <c:pt idx="147">
                  <c:v>40724</c:v>
                </c:pt>
                <c:pt idx="148">
                  <c:v>40755</c:v>
                </c:pt>
                <c:pt idx="149">
                  <c:v>40786</c:v>
                </c:pt>
                <c:pt idx="150">
                  <c:v>40816</c:v>
                </c:pt>
                <c:pt idx="151">
                  <c:v>40847</c:v>
                </c:pt>
                <c:pt idx="152">
                  <c:v>40877</c:v>
                </c:pt>
                <c:pt idx="153">
                  <c:v>40908</c:v>
                </c:pt>
                <c:pt idx="154">
                  <c:v>40939</c:v>
                </c:pt>
                <c:pt idx="155">
                  <c:v>40968</c:v>
                </c:pt>
                <c:pt idx="156">
                  <c:v>40999</c:v>
                </c:pt>
                <c:pt idx="157">
                  <c:v>41029</c:v>
                </c:pt>
                <c:pt idx="158">
                  <c:v>41060</c:v>
                </c:pt>
                <c:pt idx="159">
                  <c:v>41090</c:v>
                </c:pt>
                <c:pt idx="160">
                  <c:v>41121</c:v>
                </c:pt>
                <c:pt idx="161">
                  <c:v>41152</c:v>
                </c:pt>
                <c:pt idx="162">
                  <c:v>41182</c:v>
                </c:pt>
                <c:pt idx="163">
                  <c:v>41213</c:v>
                </c:pt>
                <c:pt idx="164">
                  <c:v>41243</c:v>
                </c:pt>
                <c:pt idx="165">
                  <c:v>41274</c:v>
                </c:pt>
                <c:pt idx="166">
                  <c:v>41305</c:v>
                </c:pt>
                <c:pt idx="167">
                  <c:v>41333</c:v>
                </c:pt>
                <c:pt idx="168">
                  <c:v>41364</c:v>
                </c:pt>
                <c:pt idx="169">
                  <c:v>41394</c:v>
                </c:pt>
                <c:pt idx="170">
                  <c:v>41425</c:v>
                </c:pt>
                <c:pt idx="171">
                  <c:v>41455</c:v>
                </c:pt>
                <c:pt idx="172">
                  <c:v>41486</c:v>
                </c:pt>
                <c:pt idx="173">
                  <c:v>41517</c:v>
                </c:pt>
                <c:pt idx="174">
                  <c:v>41547</c:v>
                </c:pt>
                <c:pt idx="175">
                  <c:v>41578</c:v>
                </c:pt>
                <c:pt idx="176">
                  <c:v>41608</c:v>
                </c:pt>
                <c:pt idx="177">
                  <c:v>41639</c:v>
                </c:pt>
                <c:pt idx="178">
                  <c:v>41670</c:v>
                </c:pt>
                <c:pt idx="179">
                  <c:v>41698</c:v>
                </c:pt>
                <c:pt idx="180">
                  <c:v>41729</c:v>
                </c:pt>
                <c:pt idx="181">
                  <c:v>41759</c:v>
                </c:pt>
                <c:pt idx="182">
                  <c:v>41790</c:v>
                </c:pt>
                <c:pt idx="183">
                  <c:v>41820</c:v>
                </c:pt>
                <c:pt idx="184">
                  <c:v>41851</c:v>
                </c:pt>
                <c:pt idx="185">
                  <c:v>41882</c:v>
                </c:pt>
                <c:pt idx="186">
                  <c:v>41912</c:v>
                </c:pt>
                <c:pt idx="187">
                  <c:v>41943</c:v>
                </c:pt>
                <c:pt idx="188">
                  <c:v>41973</c:v>
                </c:pt>
                <c:pt idx="189">
                  <c:v>42004</c:v>
                </c:pt>
                <c:pt idx="190">
                  <c:v>42035</c:v>
                </c:pt>
                <c:pt idx="191">
                  <c:v>42063</c:v>
                </c:pt>
                <c:pt idx="192">
                  <c:v>42094</c:v>
                </c:pt>
                <c:pt idx="193">
                  <c:v>42124</c:v>
                </c:pt>
                <c:pt idx="194">
                  <c:v>42155</c:v>
                </c:pt>
                <c:pt idx="195">
                  <c:v>42185</c:v>
                </c:pt>
                <c:pt idx="196">
                  <c:v>42216</c:v>
                </c:pt>
                <c:pt idx="197">
                  <c:v>42247</c:v>
                </c:pt>
                <c:pt idx="198">
                  <c:v>42277</c:v>
                </c:pt>
                <c:pt idx="199">
                  <c:v>42308</c:v>
                </c:pt>
                <c:pt idx="200">
                  <c:v>42338</c:v>
                </c:pt>
                <c:pt idx="201">
                  <c:v>42369</c:v>
                </c:pt>
                <c:pt idx="202">
                  <c:v>42400</c:v>
                </c:pt>
                <c:pt idx="203">
                  <c:v>42429</c:v>
                </c:pt>
                <c:pt idx="204">
                  <c:v>42460</c:v>
                </c:pt>
                <c:pt idx="205">
                  <c:v>42490</c:v>
                </c:pt>
                <c:pt idx="206">
                  <c:v>42521</c:v>
                </c:pt>
                <c:pt idx="207">
                  <c:v>42551</c:v>
                </c:pt>
                <c:pt idx="208">
                  <c:v>42582</c:v>
                </c:pt>
                <c:pt idx="209">
                  <c:v>42613</c:v>
                </c:pt>
                <c:pt idx="210">
                  <c:v>42643</c:v>
                </c:pt>
                <c:pt idx="211">
                  <c:v>42674</c:v>
                </c:pt>
                <c:pt idx="212">
                  <c:v>42704</c:v>
                </c:pt>
                <c:pt idx="213">
                  <c:v>42735</c:v>
                </c:pt>
                <c:pt idx="214">
                  <c:v>42766</c:v>
                </c:pt>
                <c:pt idx="215">
                  <c:v>42794</c:v>
                </c:pt>
                <c:pt idx="216">
                  <c:v>42825</c:v>
                </c:pt>
                <c:pt idx="217">
                  <c:v>42855</c:v>
                </c:pt>
                <c:pt idx="218">
                  <c:v>42886</c:v>
                </c:pt>
                <c:pt idx="219">
                  <c:v>42916</c:v>
                </c:pt>
                <c:pt idx="220">
                  <c:v>42947</c:v>
                </c:pt>
                <c:pt idx="221">
                  <c:v>42978</c:v>
                </c:pt>
                <c:pt idx="222">
                  <c:v>43008</c:v>
                </c:pt>
                <c:pt idx="223">
                  <c:v>43039</c:v>
                </c:pt>
                <c:pt idx="224">
                  <c:v>43069</c:v>
                </c:pt>
                <c:pt idx="225">
                  <c:v>43100</c:v>
                </c:pt>
                <c:pt idx="226">
                  <c:v>43131</c:v>
                </c:pt>
                <c:pt idx="227">
                  <c:v>43159</c:v>
                </c:pt>
                <c:pt idx="228">
                  <c:v>43190</c:v>
                </c:pt>
                <c:pt idx="229">
                  <c:v>43220</c:v>
                </c:pt>
                <c:pt idx="230">
                  <c:v>43251</c:v>
                </c:pt>
                <c:pt idx="231">
                  <c:v>43281</c:v>
                </c:pt>
                <c:pt idx="232">
                  <c:v>43312</c:v>
                </c:pt>
                <c:pt idx="233">
                  <c:v>43343</c:v>
                </c:pt>
                <c:pt idx="234">
                  <c:v>43373</c:v>
                </c:pt>
                <c:pt idx="235">
                  <c:v>43404</c:v>
                </c:pt>
                <c:pt idx="236">
                  <c:v>43434</c:v>
                </c:pt>
                <c:pt idx="237">
                  <c:v>43465</c:v>
                </c:pt>
                <c:pt idx="238">
                  <c:v>43496</c:v>
                </c:pt>
                <c:pt idx="239">
                  <c:v>43524</c:v>
                </c:pt>
                <c:pt idx="240">
                  <c:v>43555</c:v>
                </c:pt>
                <c:pt idx="241">
                  <c:v>43585</c:v>
                </c:pt>
                <c:pt idx="242">
                  <c:v>43616</c:v>
                </c:pt>
                <c:pt idx="243">
                  <c:v>43646</c:v>
                </c:pt>
                <c:pt idx="244">
                  <c:v>43677</c:v>
                </c:pt>
                <c:pt idx="245">
                  <c:v>43708</c:v>
                </c:pt>
                <c:pt idx="246">
                  <c:v>43738</c:v>
                </c:pt>
                <c:pt idx="247">
                  <c:v>43769</c:v>
                </c:pt>
                <c:pt idx="248">
                  <c:v>43799</c:v>
                </c:pt>
                <c:pt idx="249">
                  <c:v>43830</c:v>
                </c:pt>
                <c:pt idx="250">
                  <c:v>43861</c:v>
                </c:pt>
                <c:pt idx="251">
                  <c:v>43890</c:v>
                </c:pt>
                <c:pt idx="252">
                  <c:v>43921</c:v>
                </c:pt>
                <c:pt idx="253">
                  <c:v>43951</c:v>
                </c:pt>
                <c:pt idx="254">
                  <c:v>43982</c:v>
                </c:pt>
                <c:pt idx="255">
                  <c:v>44012</c:v>
                </c:pt>
                <c:pt idx="256">
                  <c:v>44043</c:v>
                </c:pt>
                <c:pt idx="257">
                  <c:v>44074</c:v>
                </c:pt>
                <c:pt idx="258">
                  <c:v>44104</c:v>
                </c:pt>
                <c:pt idx="259">
                  <c:v>44135</c:v>
                </c:pt>
                <c:pt idx="260">
                  <c:v>44165</c:v>
                </c:pt>
                <c:pt idx="261">
                  <c:v>44196</c:v>
                </c:pt>
                <c:pt idx="262">
                  <c:v>44227</c:v>
                </c:pt>
                <c:pt idx="263">
                  <c:v>44255</c:v>
                </c:pt>
                <c:pt idx="264">
                  <c:v>44286</c:v>
                </c:pt>
                <c:pt idx="265">
                  <c:v>44316</c:v>
                </c:pt>
                <c:pt idx="266">
                  <c:v>44347</c:v>
                </c:pt>
                <c:pt idx="267">
                  <c:v>44377</c:v>
                </c:pt>
                <c:pt idx="268">
                  <c:v>44408</c:v>
                </c:pt>
                <c:pt idx="269">
                  <c:v>44439</c:v>
                </c:pt>
                <c:pt idx="270">
                  <c:v>44469</c:v>
                </c:pt>
                <c:pt idx="271">
                  <c:v>44500</c:v>
                </c:pt>
                <c:pt idx="272">
                  <c:v>44530</c:v>
                </c:pt>
                <c:pt idx="273">
                  <c:v>44561</c:v>
                </c:pt>
                <c:pt idx="274">
                  <c:v>44592</c:v>
                </c:pt>
                <c:pt idx="275">
                  <c:v>44620</c:v>
                </c:pt>
                <c:pt idx="276">
                  <c:v>44651</c:v>
                </c:pt>
                <c:pt idx="277">
                  <c:v>44681</c:v>
                </c:pt>
                <c:pt idx="278">
                  <c:v>44712</c:v>
                </c:pt>
                <c:pt idx="279">
                  <c:v>44742</c:v>
                </c:pt>
                <c:pt idx="280">
                  <c:v>44773</c:v>
                </c:pt>
                <c:pt idx="281">
                  <c:v>44804</c:v>
                </c:pt>
                <c:pt idx="282">
                  <c:v>44834</c:v>
                </c:pt>
                <c:pt idx="283">
                  <c:v>44865</c:v>
                </c:pt>
                <c:pt idx="284">
                  <c:v>44895</c:v>
                </c:pt>
                <c:pt idx="285">
                  <c:v>44926</c:v>
                </c:pt>
                <c:pt idx="286">
                  <c:v>44957</c:v>
                </c:pt>
                <c:pt idx="287">
                  <c:v>44985</c:v>
                </c:pt>
                <c:pt idx="288">
                  <c:v>45016</c:v>
                </c:pt>
                <c:pt idx="289">
                  <c:v>45107</c:v>
                </c:pt>
              </c:numCache>
            </c:numRef>
          </c:cat>
          <c:val>
            <c:numRef>
              <c:f>'Household Debt'!$D$3:$D$292</c:f>
              <c:numCache>
                <c:formatCode>General</c:formatCode>
                <c:ptCount val="290"/>
                <c:pt idx="0">
                  <c:v>0</c:v>
                </c:pt>
                <c:pt idx="1">
                  <c:v>0</c:v>
                </c:pt>
                <c:pt idx="2">
                  <c:v>0</c:v>
                </c:pt>
                <c:pt idx="3">
                  <c:v>0</c:v>
                </c:pt>
                <c:pt idx="4">
                  <c:v>0</c:v>
                </c:pt>
                <c:pt idx="5">
                  <c:v>0</c:v>
                </c:pt>
                <c:pt idx="6">
                  <c:v>0</c:v>
                </c:pt>
                <c:pt idx="7">
                  <c:v>0</c:v>
                </c:pt>
                <c:pt idx="8">
                  <c:v>0</c:v>
                </c:pt>
                <c:pt idx="9">
                  <c:v>0</c:v>
                </c:pt>
                <c:pt idx="10">
                  <c:v>0</c:v>
                </c:pt>
                <c:pt idx="11">
                  <c:v>0</c:v>
                </c:pt>
                <c:pt idx="12">
                  <c:v>0</c:v>
                </c:pt>
                <c:pt idx="13">
                  <c:v>0</c:v>
                </c:pt>
                <c:pt idx="14">
                  <c:v>0</c:v>
                </c:pt>
                <c:pt idx="15">
                  <c:v>0</c:v>
                </c:pt>
                <c:pt idx="16">
                  <c:v>0</c:v>
                </c:pt>
                <c:pt idx="17">
                  <c:v>0</c:v>
                </c:pt>
                <c:pt idx="18">
                  <c:v>0</c:v>
                </c:pt>
                <c:pt idx="19">
                  <c:v>0</c:v>
                </c:pt>
                <c:pt idx="20">
                  <c:v>0</c:v>
                </c:pt>
                <c:pt idx="21">
                  <c:v>0</c:v>
                </c:pt>
                <c:pt idx="22">
                  <c:v>0</c:v>
                </c:pt>
                <c:pt idx="23">
                  <c:v>0</c:v>
                </c:pt>
                <c:pt idx="24">
                  <c:v>1</c:v>
                </c:pt>
                <c:pt idx="25">
                  <c:v>1</c:v>
                </c:pt>
                <c:pt idx="26">
                  <c:v>1</c:v>
                </c:pt>
                <c:pt idx="27">
                  <c:v>1</c:v>
                </c:pt>
                <c:pt idx="28">
                  <c:v>1</c:v>
                </c:pt>
                <c:pt idx="29">
                  <c:v>1</c:v>
                </c:pt>
                <c:pt idx="30">
                  <c:v>1</c:v>
                </c:pt>
                <c:pt idx="31">
                  <c:v>1</c:v>
                </c:pt>
                <c:pt idx="32">
                  <c:v>1</c:v>
                </c:pt>
                <c:pt idx="33">
                  <c:v>0</c:v>
                </c:pt>
                <c:pt idx="34">
                  <c:v>0</c:v>
                </c:pt>
                <c:pt idx="35">
                  <c:v>0</c:v>
                </c:pt>
                <c:pt idx="36">
                  <c:v>0</c:v>
                </c:pt>
                <c:pt idx="37">
                  <c:v>0</c:v>
                </c:pt>
                <c:pt idx="38">
                  <c:v>0</c:v>
                </c:pt>
                <c:pt idx="39">
                  <c:v>0</c:v>
                </c:pt>
                <c:pt idx="40">
                  <c:v>0</c:v>
                </c:pt>
                <c:pt idx="41">
                  <c:v>0</c:v>
                </c:pt>
                <c:pt idx="42">
                  <c:v>0</c:v>
                </c:pt>
                <c:pt idx="43">
                  <c:v>0</c:v>
                </c:pt>
                <c:pt idx="44">
                  <c:v>0</c:v>
                </c:pt>
                <c:pt idx="45">
                  <c:v>0</c:v>
                </c:pt>
                <c:pt idx="46">
                  <c:v>0</c:v>
                </c:pt>
                <c:pt idx="47">
                  <c:v>0</c:v>
                </c:pt>
                <c:pt idx="48">
                  <c:v>0</c:v>
                </c:pt>
                <c:pt idx="49">
                  <c:v>0</c:v>
                </c:pt>
                <c:pt idx="50">
                  <c:v>0</c:v>
                </c:pt>
                <c:pt idx="51">
                  <c:v>0</c:v>
                </c:pt>
                <c:pt idx="52">
                  <c:v>0</c:v>
                </c:pt>
                <c:pt idx="53">
                  <c:v>0</c:v>
                </c:pt>
                <c:pt idx="54">
                  <c:v>0</c:v>
                </c:pt>
                <c:pt idx="55">
                  <c:v>0</c:v>
                </c:pt>
                <c:pt idx="56">
                  <c:v>0</c:v>
                </c:pt>
                <c:pt idx="57">
                  <c:v>0</c:v>
                </c:pt>
                <c:pt idx="58">
                  <c:v>0</c:v>
                </c:pt>
                <c:pt idx="59">
                  <c:v>0</c:v>
                </c:pt>
                <c:pt idx="60">
                  <c:v>0</c:v>
                </c:pt>
                <c:pt idx="61">
                  <c:v>0</c:v>
                </c:pt>
                <c:pt idx="62">
                  <c:v>0</c:v>
                </c:pt>
                <c:pt idx="63">
                  <c:v>0</c:v>
                </c:pt>
                <c:pt idx="64">
                  <c:v>0</c:v>
                </c:pt>
                <c:pt idx="65">
                  <c:v>0</c:v>
                </c:pt>
                <c:pt idx="66">
                  <c:v>0</c:v>
                </c:pt>
                <c:pt idx="67">
                  <c:v>0</c:v>
                </c:pt>
                <c:pt idx="68">
                  <c:v>0</c:v>
                </c:pt>
                <c:pt idx="69">
                  <c:v>0</c:v>
                </c:pt>
                <c:pt idx="70">
                  <c:v>0</c:v>
                </c:pt>
                <c:pt idx="71">
                  <c:v>0</c:v>
                </c:pt>
                <c:pt idx="72">
                  <c:v>0</c:v>
                </c:pt>
                <c:pt idx="73">
                  <c:v>0</c:v>
                </c:pt>
                <c:pt idx="74">
                  <c:v>0</c:v>
                </c:pt>
                <c:pt idx="75">
                  <c:v>0</c:v>
                </c:pt>
                <c:pt idx="76">
                  <c:v>0</c:v>
                </c:pt>
                <c:pt idx="77">
                  <c:v>0</c:v>
                </c:pt>
                <c:pt idx="78">
                  <c:v>0</c:v>
                </c:pt>
                <c:pt idx="79">
                  <c:v>0</c:v>
                </c:pt>
                <c:pt idx="80">
                  <c:v>0</c:v>
                </c:pt>
                <c:pt idx="81">
                  <c:v>0</c:v>
                </c:pt>
                <c:pt idx="82">
                  <c:v>0</c:v>
                </c:pt>
                <c:pt idx="83">
                  <c:v>0</c:v>
                </c:pt>
                <c:pt idx="84">
                  <c:v>0</c:v>
                </c:pt>
                <c:pt idx="85">
                  <c:v>0</c:v>
                </c:pt>
                <c:pt idx="86">
                  <c:v>0</c:v>
                </c:pt>
                <c:pt idx="87">
                  <c:v>0</c:v>
                </c:pt>
                <c:pt idx="88">
                  <c:v>0</c:v>
                </c:pt>
                <c:pt idx="89">
                  <c:v>0</c:v>
                </c:pt>
                <c:pt idx="90">
                  <c:v>0</c:v>
                </c:pt>
                <c:pt idx="91">
                  <c:v>0</c:v>
                </c:pt>
                <c:pt idx="92">
                  <c:v>0</c:v>
                </c:pt>
                <c:pt idx="93">
                  <c:v>0</c:v>
                </c:pt>
                <c:pt idx="94">
                  <c:v>0</c:v>
                </c:pt>
                <c:pt idx="95">
                  <c:v>0</c:v>
                </c:pt>
                <c:pt idx="96">
                  <c:v>0</c:v>
                </c:pt>
                <c:pt idx="97">
                  <c:v>0</c:v>
                </c:pt>
                <c:pt idx="98">
                  <c:v>0</c:v>
                </c:pt>
                <c:pt idx="99">
                  <c:v>0</c:v>
                </c:pt>
                <c:pt idx="100">
                  <c:v>0</c:v>
                </c:pt>
                <c:pt idx="101">
                  <c:v>0</c:v>
                </c:pt>
                <c:pt idx="102">
                  <c:v>0</c:v>
                </c:pt>
                <c:pt idx="103">
                  <c:v>0</c:v>
                </c:pt>
                <c:pt idx="104">
                  <c:v>0</c:v>
                </c:pt>
                <c:pt idx="105">
                  <c:v>1</c:v>
                </c:pt>
                <c:pt idx="106">
                  <c:v>1</c:v>
                </c:pt>
                <c:pt idx="107">
                  <c:v>1</c:v>
                </c:pt>
                <c:pt idx="108">
                  <c:v>1</c:v>
                </c:pt>
                <c:pt idx="109">
                  <c:v>1</c:v>
                </c:pt>
                <c:pt idx="110">
                  <c:v>1</c:v>
                </c:pt>
                <c:pt idx="111">
                  <c:v>1</c:v>
                </c:pt>
                <c:pt idx="112">
                  <c:v>1</c:v>
                </c:pt>
                <c:pt idx="113">
                  <c:v>1</c:v>
                </c:pt>
                <c:pt idx="114">
                  <c:v>1</c:v>
                </c:pt>
                <c:pt idx="115">
                  <c:v>1</c:v>
                </c:pt>
                <c:pt idx="116">
                  <c:v>1</c:v>
                </c:pt>
                <c:pt idx="117">
                  <c:v>1</c:v>
                </c:pt>
                <c:pt idx="118">
                  <c:v>1</c:v>
                </c:pt>
                <c:pt idx="119">
                  <c:v>1</c:v>
                </c:pt>
                <c:pt idx="120">
                  <c:v>1</c:v>
                </c:pt>
                <c:pt idx="121">
                  <c:v>1</c:v>
                </c:pt>
                <c:pt idx="122">
                  <c:v>1</c:v>
                </c:pt>
                <c:pt idx="123">
                  <c:v>1</c:v>
                </c:pt>
                <c:pt idx="124">
                  <c:v>0</c:v>
                </c:pt>
                <c:pt idx="125">
                  <c:v>0</c:v>
                </c:pt>
                <c:pt idx="126">
                  <c:v>0</c:v>
                </c:pt>
                <c:pt idx="127">
                  <c:v>0</c:v>
                </c:pt>
                <c:pt idx="128">
                  <c:v>0</c:v>
                </c:pt>
                <c:pt idx="129">
                  <c:v>0</c:v>
                </c:pt>
                <c:pt idx="130">
                  <c:v>0</c:v>
                </c:pt>
                <c:pt idx="131">
                  <c:v>0</c:v>
                </c:pt>
                <c:pt idx="132">
                  <c:v>0</c:v>
                </c:pt>
                <c:pt idx="133">
                  <c:v>0</c:v>
                </c:pt>
                <c:pt idx="134">
                  <c:v>0</c:v>
                </c:pt>
                <c:pt idx="135">
                  <c:v>0</c:v>
                </c:pt>
                <c:pt idx="136">
                  <c:v>0</c:v>
                </c:pt>
                <c:pt idx="137">
                  <c:v>0</c:v>
                </c:pt>
                <c:pt idx="138">
                  <c:v>0</c:v>
                </c:pt>
                <c:pt idx="139">
                  <c:v>0</c:v>
                </c:pt>
                <c:pt idx="140">
                  <c:v>0</c:v>
                </c:pt>
                <c:pt idx="141">
                  <c:v>0</c:v>
                </c:pt>
                <c:pt idx="142">
                  <c:v>0</c:v>
                </c:pt>
                <c:pt idx="143">
                  <c:v>0</c:v>
                </c:pt>
                <c:pt idx="144">
                  <c:v>0</c:v>
                </c:pt>
                <c:pt idx="145">
                  <c:v>0</c:v>
                </c:pt>
                <c:pt idx="146">
                  <c:v>0</c:v>
                </c:pt>
                <c:pt idx="147">
                  <c:v>0</c:v>
                </c:pt>
                <c:pt idx="148">
                  <c:v>0</c:v>
                </c:pt>
                <c:pt idx="149">
                  <c:v>0</c:v>
                </c:pt>
                <c:pt idx="150">
                  <c:v>0</c:v>
                </c:pt>
                <c:pt idx="151">
                  <c:v>0</c:v>
                </c:pt>
                <c:pt idx="152">
                  <c:v>0</c:v>
                </c:pt>
                <c:pt idx="153">
                  <c:v>0</c:v>
                </c:pt>
                <c:pt idx="154">
                  <c:v>0</c:v>
                </c:pt>
                <c:pt idx="155">
                  <c:v>0</c:v>
                </c:pt>
                <c:pt idx="156">
                  <c:v>0</c:v>
                </c:pt>
                <c:pt idx="157">
                  <c:v>0</c:v>
                </c:pt>
                <c:pt idx="158">
                  <c:v>0</c:v>
                </c:pt>
                <c:pt idx="159">
                  <c:v>0</c:v>
                </c:pt>
                <c:pt idx="160">
                  <c:v>0</c:v>
                </c:pt>
                <c:pt idx="161">
                  <c:v>0</c:v>
                </c:pt>
                <c:pt idx="162">
                  <c:v>0</c:v>
                </c:pt>
                <c:pt idx="163">
                  <c:v>0</c:v>
                </c:pt>
                <c:pt idx="164">
                  <c:v>0</c:v>
                </c:pt>
                <c:pt idx="165">
                  <c:v>0</c:v>
                </c:pt>
                <c:pt idx="166">
                  <c:v>0</c:v>
                </c:pt>
                <c:pt idx="167">
                  <c:v>0</c:v>
                </c:pt>
                <c:pt idx="168">
                  <c:v>0</c:v>
                </c:pt>
                <c:pt idx="169">
                  <c:v>0</c:v>
                </c:pt>
                <c:pt idx="170">
                  <c:v>0</c:v>
                </c:pt>
                <c:pt idx="171">
                  <c:v>0</c:v>
                </c:pt>
                <c:pt idx="172">
                  <c:v>0</c:v>
                </c:pt>
                <c:pt idx="173">
                  <c:v>0</c:v>
                </c:pt>
                <c:pt idx="174">
                  <c:v>0</c:v>
                </c:pt>
                <c:pt idx="175">
                  <c:v>0</c:v>
                </c:pt>
                <c:pt idx="176">
                  <c:v>0</c:v>
                </c:pt>
                <c:pt idx="177">
                  <c:v>0</c:v>
                </c:pt>
                <c:pt idx="178">
                  <c:v>0</c:v>
                </c:pt>
                <c:pt idx="179">
                  <c:v>0</c:v>
                </c:pt>
                <c:pt idx="180">
                  <c:v>0</c:v>
                </c:pt>
                <c:pt idx="181">
                  <c:v>0</c:v>
                </c:pt>
                <c:pt idx="182">
                  <c:v>0</c:v>
                </c:pt>
                <c:pt idx="183">
                  <c:v>0</c:v>
                </c:pt>
                <c:pt idx="184">
                  <c:v>0</c:v>
                </c:pt>
                <c:pt idx="185">
                  <c:v>0</c:v>
                </c:pt>
                <c:pt idx="186">
                  <c:v>0</c:v>
                </c:pt>
                <c:pt idx="187">
                  <c:v>0</c:v>
                </c:pt>
                <c:pt idx="188">
                  <c:v>0</c:v>
                </c:pt>
                <c:pt idx="189">
                  <c:v>0</c:v>
                </c:pt>
                <c:pt idx="190">
                  <c:v>0</c:v>
                </c:pt>
                <c:pt idx="191">
                  <c:v>0</c:v>
                </c:pt>
                <c:pt idx="192">
                  <c:v>0</c:v>
                </c:pt>
                <c:pt idx="193">
                  <c:v>0</c:v>
                </c:pt>
                <c:pt idx="194">
                  <c:v>0</c:v>
                </c:pt>
                <c:pt idx="195">
                  <c:v>0</c:v>
                </c:pt>
                <c:pt idx="196">
                  <c:v>0</c:v>
                </c:pt>
                <c:pt idx="197">
                  <c:v>0</c:v>
                </c:pt>
                <c:pt idx="198">
                  <c:v>0</c:v>
                </c:pt>
                <c:pt idx="199">
                  <c:v>0</c:v>
                </c:pt>
                <c:pt idx="200">
                  <c:v>0</c:v>
                </c:pt>
                <c:pt idx="201">
                  <c:v>0</c:v>
                </c:pt>
                <c:pt idx="202">
                  <c:v>0</c:v>
                </c:pt>
                <c:pt idx="203">
                  <c:v>0</c:v>
                </c:pt>
                <c:pt idx="204">
                  <c:v>0</c:v>
                </c:pt>
                <c:pt idx="205">
                  <c:v>0</c:v>
                </c:pt>
                <c:pt idx="206">
                  <c:v>0</c:v>
                </c:pt>
                <c:pt idx="207">
                  <c:v>0</c:v>
                </c:pt>
                <c:pt idx="208">
                  <c:v>0</c:v>
                </c:pt>
                <c:pt idx="209">
                  <c:v>0</c:v>
                </c:pt>
                <c:pt idx="210">
                  <c:v>0</c:v>
                </c:pt>
                <c:pt idx="211">
                  <c:v>0</c:v>
                </c:pt>
                <c:pt idx="212">
                  <c:v>0</c:v>
                </c:pt>
                <c:pt idx="213">
                  <c:v>0</c:v>
                </c:pt>
                <c:pt idx="214">
                  <c:v>0</c:v>
                </c:pt>
                <c:pt idx="215">
                  <c:v>0</c:v>
                </c:pt>
                <c:pt idx="216">
                  <c:v>0</c:v>
                </c:pt>
                <c:pt idx="217">
                  <c:v>0</c:v>
                </c:pt>
                <c:pt idx="218">
                  <c:v>0</c:v>
                </c:pt>
                <c:pt idx="219">
                  <c:v>0</c:v>
                </c:pt>
                <c:pt idx="220">
                  <c:v>0</c:v>
                </c:pt>
                <c:pt idx="221">
                  <c:v>0</c:v>
                </c:pt>
                <c:pt idx="222">
                  <c:v>0</c:v>
                </c:pt>
                <c:pt idx="223">
                  <c:v>0</c:v>
                </c:pt>
                <c:pt idx="224">
                  <c:v>0</c:v>
                </c:pt>
                <c:pt idx="225">
                  <c:v>0</c:v>
                </c:pt>
                <c:pt idx="226">
                  <c:v>0</c:v>
                </c:pt>
                <c:pt idx="227">
                  <c:v>0</c:v>
                </c:pt>
                <c:pt idx="228">
                  <c:v>0</c:v>
                </c:pt>
                <c:pt idx="229">
                  <c:v>0</c:v>
                </c:pt>
                <c:pt idx="230">
                  <c:v>0</c:v>
                </c:pt>
                <c:pt idx="231">
                  <c:v>0</c:v>
                </c:pt>
                <c:pt idx="232">
                  <c:v>0</c:v>
                </c:pt>
                <c:pt idx="233">
                  <c:v>0</c:v>
                </c:pt>
                <c:pt idx="234">
                  <c:v>0</c:v>
                </c:pt>
                <c:pt idx="235">
                  <c:v>0</c:v>
                </c:pt>
                <c:pt idx="236">
                  <c:v>0</c:v>
                </c:pt>
                <c:pt idx="237">
                  <c:v>0</c:v>
                </c:pt>
                <c:pt idx="238">
                  <c:v>0</c:v>
                </c:pt>
                <c:pt idx="239">
                  <c:v>0</c:v>
                </c:pt>
                <c:pt idx="240">
                  <c:v>0</c:v>
                </c:pt>
                <c:pt idx="241">
                  <c:v>0</c:v>
                </c:pt>
                <c:pt idx="242">
                  <c:v>0</c:v>
                </c:pt>
                <c:pt idx="243">
                  <c:v>0</c:v>
                </c:pt>
                <c:pt idx="244">
                  <c:v>0</c:v>
                </c:pt>
                <c:pt idx="245">
                  <c:v>0</c:v>
                </c:pt>
                <c:pt idx="246">
                  <c:v>0</c:v>
                </c:pt>
                <c:pt idx="247">
                  <c:v>0</c:v>
                </c:pt>
                <c:pt idx="248">
                  <c:v>0</c:v>
                </c:pt>
                <c:pt idx="249">
                  <c:v>0</c:v>
                </c:pt>
                <c:pt idx="250">
                  <c:v>0</c:v>
                </c:pt>
                <c:pt idx="251">
                  <c:v>1</c:v>
                </c:pt>
                <c:pt idx="252">
                  <c:v>1</c:v>
                </c:pt>
                <c:pt idx="253">
                  <c:v>1</c:v>
                </c:pt>
                <c:pt idx="254">
                  <c:v>0</c:v>
                </c:pt>
                <c:pt idx="255">
                  <c:v>0</c:v>
                </c:pt>
                <c:pt idx="256">
                  <c:v>0</c:v>
                </c:pt>
                <c:pt idx="257">
                  <c:v>0</c:v>
                </c:pt>
                <c:pt idx="258">
                  <c:v>0</c:v>
                </c:pt>
                <c:pt idx="259">
                  <c:v>0</c:v>
                </c:pt>
                <c:pt idx="260">
                  <c:v>0</c:v>
                </c:pt>
                <c:pt idx="261">
                  <c:v>0</c:v>
                </c:pt>
                <c:pt idx="262">
                  <c:v>0</c:v>
                </c:pt>
                <c:pt idx="263">
                  <c:v>0</c:v>
                </c:pt>
                <c:pt idx="264">
                  <c:v>0</c:v>
                </c:pt>
                <c:pt idx="265">
                  <c:v>0</c:v>
                </c:pt>
                <c:pt idx="266">
                  <c:v>0</c:v>
                </c:pt>
                <c:pt idx="267">
                  <c:v>0</c:v>
                </c:pt>
                <c:pt idx="268">
                  <c:v>0</c:v>
                </c:pt>
                <c:pt idx="269">
                  <c:v>0</c:v>
                </c:pt>
                <c:pt idx="270">
                  <c:v>0</c:v>
                </c:pt>
                <c:pt idx="271">
                  <c:v>0</c:v>
                </c:pt>
                <c:pt idx="272">
                  <c:v>0</c:v>
                </c:pt>
                <c:pt idx="273">
                  <c:v>0</c:v>
                </c:pt>
                <c:pt idx="274">
                  <c:v>0</c:v>
                </c:pt>
                <c:pt idx="275">
                  <c:v>0</c:v>
                </c:pt>
                <c:pt idx="276">
                  <c:v>0</c:v>
                </c:pt>
                <c:pt idx="277">
                  <c:v>0</c:v>
                </c:pt>
                <c:pt idx="278">
                  <c:v>0</c:v>
                </c:pt>
                <c:pt idx="279">
                  <c:v>0</c:v>
                </c:pt>
                <c:pt idx="280">
                  <c:v>0</c:v>
                </c:pt>
                <c:pt idx="281">
                  <c:v>0</c:v>
                </c:pt>
                <c:pt idx="282">
                  <c:v>0</c:v>
                </c:pt>
                <c:pt idx="283">
                  <c:v>0</c:v>
                </c:pt>
                <c:pt idx="284">
                  <c:v>0</c:v>
                </c:pt>
                <c:pt idx="285">
                  <c:v>0</c:v>
                </c:pt>
                <c:pt idx="286">
                  <c:v>0</c:v>
                </c:pt>
                <c:pt idx="287">
                  <c:v>0</c:v>
                </c:pt>
                <c:pt idx="288">
                  <c:v>0</c:v>
                </c:pt>
                <c:pt idx="289">
                  <c:v>0</c:v>
                </c:pt>
              </c:numCache>
            </c:numRef>
          </c:val>
          <c:extLst>
            <c:ext xmlns:c16="http://schemas.microsoft.com/office/drawing/2014/chart" uri="{C3380CC4-5D6E-409C-BE32-E72D297353CC}">
              <c16:uniqueId val="{00000000-CAAB-49F1-8599-A6D01F5216A3}"/>
            </c:ext>
          </c:extLst>
        </c:ser>
        <c:dLbls>
          <c:showLegendKey val="0"/>
          <c:showVal val="0"/>
          <c:showCatName val="0"/>
          <c:showSerName val="0"/>
          <c:showPercent val="0"/>
          <c:showBubbleSize val="0"/>
        </c:dLbls>
        <c:gapWidth val="0"/>
        <c:axId val="967926880"/>
        <c:axId val="858985136"/>
      </c:barChart>
      <c:lineChart>
        <c:grouping val="standard"/>
        <c:varyColors val="0"/>
        <c:ser>
          <c:idx val="0"/>
          <c:order val="0"/>
          <c:spPr>
            <a:ln w="19050" cap="rnd">
              <a:solidFill>
                <a:schemeClr val="accent1"/>
              </a:solidFill>
              <a:round/>
            </a:ln>
            <a:effectLst/>
          </c:spPr>
          <c:marker>
            <c:symbol val="none"/>
          </c:marker>
          <c:cat>
            <c:numRef>
              <c:f>'Household Debt'!$B$3:$B$292</c:f>
              <c:numCache>
                <c:formatCode>mm/dd/yy</c:formatCode>
                <c:ptCount val="290"/>
                <c:pt idx="0">
                  <c:v>36250</c:v>
                </c:pt>
                <c:pt idx="1">
                  <c:v>36280</c:v>
                </c:pt>
                <c:pt idx="2">
                  <c:v>36311</c:v>
                </c:pt>
                <c:pt idx="3">
                  <c:v>36341</c:v>
                </c:pt>
                <c:pt idx="4">
                  <c:v>36372</c:v>
                </c:pt>
                <c:pt idx="5">
                  <c:v>36403</c:v>
                </c:pt>
                <c:pt idx="6">
                  <c:v>36433</c:v>
                </c:pt>
                <c:pt idx="7">
                  <c:v>36464</c:v>
                </c:pt>
                <c:pt idx="8">
                  <c:v>36494</c:v>
                </c:pt>
                <c:pt idx="9">
                  <c:v>36525</c:v>
                </c:pt>
                <c:pt idx="10">
                  <c:v>36556</c:v>
                </c:pt>
                <c:pt idx="11">
                  <c:v>36585</c:v>
                </c:pt>
                <c:pt idx="12">
                  <c:v>36616</c:v>
                </c:pt>
                <c:pt idx="13">
                  <c:v>36646</c:v>
                </c:pt>
                <c:pt idx="14">
                  <c:v>36677</c:v>
                </c:pt>
                <c:pt idx="15">
                  <c:v>36707</c:v>
                </c:pt>
                <c:pt idx="16">
                  <c:v>36738</c:v>
                </c:pt>
                <c:pt idx="17">
                  <c:v>36769</c:v>
                </c:pt>
                <c:pt idx="18">
                  <c:v>36799</c:v>
                </c:pt>
                <c:pt idx="19">
                  <c:v>36830</c:v>
                </c:pt>
                <c:pt idx="20">
                  <c:v>36860</c:v>
                </c:pt>
                <c:pt idx="21">
                  <c:v>36891</c:v>
                </c:pt>
                <c:pt idx="22">
                  <c:v>36922</c:v>
                </c:pt>
                <c:pt idx="23">
                  <c:v>36950</c:v>
                </c:pt>
                <c:pt idx="24">
                  <c:v>36981</c:v>
                </c:pt>
                <c:pt idx="25">
                  <c:v>37011</c:v>
                </c:pt>
                <c:pt idx="26">
                  <c:v>37042</c:v>
                </c:pt>
                <c:pt idx="27">
                  <c:v>37072</c:v>
                </c:pt>
                <c:pt idx="28">
                  <c:v>37103</c:v>
                </c:pt>
                <c:pt idx="29">
                  <c:v>37134</c:v>
                </c:pt>
                <c:pt idx="30">
                  <c:v>37164</c:v>
                </c:pt>
                <c:pt idx="31">
                  <c:v>37195</c:v>
                </c:pt>
                <c:pt idx="32">
                  <c:v>37225</c:v>
                </c:pt>
                <c:pt idx="33">
                  <c:v>37256</c:v>
                </c:pt>
                <c:pt idx="34">
                  <c:v>37287</c:v>
                </c:pt>
                <c:pt idx="35">
                  <c:v>37315</c:v>
                </c:pt>
                <c:pt idx="36">
                  <c:v>37346</c:v>
                </c:pt>
                <c:pt idx="37">
                  <c:v>37376</c:v>
                </c:pt>
                <c:pt idx="38">
                  <c:v>37407</c:v>
                </c:pt>
                <c:pt idx="39">
                  <c:v>37437</c:v>
                </c:pt>
                <c:pt idx="40">
                  <c:v>37468</c:v>
                </c:pt>
                <c:pt idx="41">
                  <c:v>37499</c:v>
                </c:pt>
                <c:pt idx="42">
                  <c:v>37529</c:v>
                </c:pt>
                <c:pt idx="43">
                  <c:v>37560</c:v>
                </c:pt>
                <c:pt idx="44">
                  <c:v>37590</c:v>
                </c:pt>
                <c:pt idx="45">
                  <c:v>37621</c:v>
                </c:pt>
                <c:pt idx="46">
                  <c:v>37652</c:v>
                </c:pt>
                <c:pt idx="47">
                  <c:v>37680</c:v>
                </c:pt>
                <c:pt idx="48">
                  <c:v>37711</c:v>
                </c:pt>
                <c:pt idx="49">
                  <c:v>37741</c:v>
                </c:pt>
                <c:pt idx="50">
                  <c:v>37772</c:v>
                </c:pt>
                <c:pt idx="51">
                  <c:v>37802</c:v>
                </c:pt>
                <c:pt idx="52">
                  <c:v>37833</c:v>
                </c:pt>
                <c:pt idx="53">
                  <c:v>37864</c:v>
                </c:pt>
                <c:pt idx="54">
                  <c:v>37894</c:v>
                </c:pt>
                <c:pt idx="55">
                  <c:v>37925</c:v>
                </c:pt>
                <c:pt idx="56">
                  <c:v>37955</c:v>
                </c:pt>
                <c:pt idx="57">
                  <c:v>37986</c:v>
                </c:pt>
                <c:pt idx="58">
                  <c:v>38017</c:v>
                </c:pt>
                <c:pt idx="59">
                  <c:v>38046</c:v>
                </c:pt>
                <c:pt idx="60">
                  <c:v>38077</c:v>
                </c:pt>
                <c:pt idx="61">
                  <c:v>38107</c:v>
                </c:pt>
                <c:pt idx="62">
                  <c:v>38138</c:v>
                </c:pt>
                <c:pt idx="63">
                  <c:v>38168</c:v>
                </c:pt>
                <c:pt idx="64">
                  <c:v>38199</c:v>
                </c:pt>
                <c:pt idx="65">
                  <c:v>38230</c:v>
                </c:pt>
                <c:pt idx="66">
                  <c:v>38260</c:v>
                </c:pt>
                <c:pt idx="67">
                  <c:v>38291</c:v>
                </c:pt>
                <c:pt idx="68">
                  <c:v>38321</c:v>
                </c:pt>
                <c:pt idx="69">
                  <c:v>38352</c:v>
                </c:pt>
                <c:pt idx="70">
                  <c:v>38383</c:v>
                </c:pt>
                <c:pt idx="71">
                  <c:v>38411</c:v>
                </c:pt>
                <c:pt idx="72">
                  <c:v>38442</c:v>
                </c:pt>
                <c:pt idx="73">
                  <c:v>38472</c:v>
                </c:pt>
                <c:pt idx="74">
                  <c:v>38503</c:v>
                </c:pt>
                <c:pt idx="75">
                  <c:v>38533</c:v>
                </c:pt>
                <c:pt idx="76">
                  <c:v>38564</c:v>
                </c:pt>
                <c:pt idx="77">
                  <c:v>38595</c:v>
                </c:pt>
                <c:pt idx="78">
                  <c:v>38625</c:v>
                </c:pt>
                <c:pt idx="79">
                  <c:v>38656</c:v>
                </c:pt>
                <c:pt idx="80">
                  <c:v>38686</c:v>
                </c:pt>
                <c:pt idx="81">
                  <c:v>38717</c:v>
                </c:pt>
                <c:pt idx="82">
                  <c:v>38748</c:v>
                </c:pt>
                <c:pt idx="83">
                  <c:v>38776</c:v>
                </c:pt>
                <c:pt idx="84">
                  <c:v>38807</c:v>
                </c:pt>
                <c:pt idx="85">
                  <c:v>38837</c:v>
                </c:pt>
                <c:pt idx="86">
                  <c:v>38868</c:v>
                </c:pt>
                <c:pt idx="87">
                  <c:v>38898</c:v>
                </c:pt>
                <c:pt idx="88">
                  <c:v>38929</c:v>
                </c:pt>
                <c:pt idx="89">
                  <c:v>38960</c:v>
                </c:pt>
                <c:pt idx="90">
                  <c:v>38990</c:v>
                </c:pt>
                <c:pt idx="91">
                  <c:v>39021</c:v>
                </c:pt>
                <c:pt idx="92">
                  <c:v>39051</c:v>
                </c:pt>
                <c:pt idx="93">
                  <c:v>39082</c:v>
                </c:pt>
                <c:pt idx="94">
                  <c:v>39113</c:v>
                </c:pt>
                <c:pt idx="95">
                  <c:v>39141</c:v>
                </c:pt>
                <c:pt idx="96">
                  <c:v>39172</c:v>
                </c:pt>
                <c:pt idx="97">
                  <c:v>39202</c:v>
                </c:pt>
                <c:pt idx="98">
                  <c:v>39233</c:v>
                </c:pt>
                <c:pt idx="99">
                  <c:v>39263</c:v>
                </c:pt>
                <c:pt idx="100">
                  <c:v>39294</c:v>
                </c:pt>
                <c:pt idx="101">
                  <c:v>39325</c:v>
                </c:pt>
                <c:pt idx="102">
                  <c:v>39355</c:v>
                </c:pt>
                <c:pt idx="103">
                  <c:v>39386</c:v>
                </c:pt>
                <c:pt idx="104">
                  <c:v>39416</c:v>
                </c:pt>
                <c:pt idx="105">
                  <c:v>39447</c:v>
                </c:pt>
                <c:pt idx="106">
                  <c:v>39478</c:v>
                </c:pt>
                <c:pt idx="107">
                  <c:v>39507</c:v>
                </c:pt>
                <c:pt idx="108">
                  <c:v>39538</c:v>
                </c:pt>
                <c:pt idx="109">
                  <c:v>39568</c:v>
                </c:pt>
                <c:pt idx="110">
                  <c:v>39599</c:v>
                </c:pt>
                <c:pt idx="111">
                  <c:v>39629</c:v>
                </c:pt>
                <c:pt idx="112">
                  <c:v>39660</c:v>
                </c:pt>
                <c:pt idx="113">
                  <c:v>39691</c:v>
                </c:pt>
                <c:pt idx="114">
                  <c:v>39721</c:v>
                </c:pt>
                <c:pt idx="115">
                  <c:v>39752</c:v>
                </c:pt>
                <c:pt idx="116">
                  <c:v>39782</c:v>
                </c:pt>
                <c:pt idx="117">
                  <c:v>39813</c:v>
                </c:pt>
                <c:pt idx="118">
                  <c:v>39844</c:v>
                </c:pt>
                <c:pt idx="119">
                  <c:v>39872</c:v>
                </c:pt>
                <c:pt idx="120">
                  <c:v>39903</c:v>
                </c:pt>
                <c:pt idx="121">
                  <c:v>39933</c:v>
                </c:pt>
                <c:pt idx="122">
                  <c:v>39964</c:v>
                </c:pt>
                <c:pt idx="123">
                  <c:v>39994</c:v>
                </c:pt>
                <c:pt idx="124">
                  <c:v>40025</c:v>
                </c:pt>
                <c:pt idx="125">
                  <c:v>40056</c:v>
                </c:pt>
                <c:pt idx="126">
                  <c:v>40086</c:v>
                </c:pt>
                <c:pt idx="127">
                  <c:v>40117</c:v>
                </c:pt>
                <c:pt idx="128">
                  <c:v>40147</c:v>
                </c:pt>
                <c:pt idx="129">
                  <c:v>40178</c:v>
                </c:pt>
                <c:pt idx="130">
                  <c:v>40209</c:v>
                </c:pt>
                <c:pt idx="131">
                  <c:v>40237</c:v>
                </c:pt>
                <c:pt idx="132">
                  <c:v>40268</c:v>
                </c:pt>
                <c:pt idx="133">
                  <c:v>40298</c:v>
                </c:pt>
                <c:pt idx="134">
                  <c:v>40329</c:v>
                </c:pt>
                <c:pt idx="135">
                  <c:v>40359</c:v>
                </c:pt>
                <c:pt idx="136">
                  <c:v>40390</c:v>
                </c:pt>
                <c:pt idx="137">
                  <c:v>40421</c:v>
                </c:pt>
                <c:pt idx="138">
                  <c:v>40451</c:v>
                </c:pt>
                <c:pt idx="139">
                  <c:v>40482</c:v>
                </c:pt>
                <c:pt idx="140">
                  <c:v>40512</c:v>
                </c:pt>
                <c:pt idx="141">
                  <c:v>40543</c:v>
                </c:pt>
                <c:pt idx="142">
                  <c:v>40574</c:v>
                </c:pt>
                <c:pt idx="143">
                  <c:v>40602</c:v>
                </c:pt>
                <c:pt idx="144">
                  <c:v>40633</c:v>
                </c:pt>
                <c:pt idx="145">
                  <c:v>40663</c:v>
                </c:pt>
                <c:pt idx="146">
                  <c:v>40694</c:v>
                </c:pt>
                <c:pt idx="147">
                  <c:v>40724</c:v>
                </c:pt>
                <c:pt idx="148">
                  <c:v>40755</c:v>
                </c:pt>
                <c:pt idx="149">
                  <c:v>40786</c:v>
                </c:pt>
                <c:pt idx="150">
                  <c:v>40816</c:v>
                </c:pt>
                <c:pt idx="151">
                  <c:v>40847</c:v>
                </c:pt>
                <c:pt idx="152">
                  <c:v>40877</c:v>
                </c:pt>
                <c:pt idx="153">
                  <c:v>40908</c:v>
                </c:pt>
                <c:pt idx="154">
                  <c:v>40939</c:v>
                </c:pt>
                <c:pt idx="155">
                  <c:v>40968</c:v>
                </c:pt>
                <c:pt idx="156">
                  <c:v>40999</c:v>
                </c:pt>
                <c:pt idx="157">
                  <c:v>41029</c:v>
                </c:pt>
                <c:pt idx="158">
                  <c:v>41060</c:v>
                </c:pt>
                <c:pt idx="159">
                  <c:v>41090</c:v>
                </c:pt>
                <c:pt idx="160">
                  <c:v>41121</c:v>
                </c:pt>
                <c:pt idx="161">
                  <c:v>41152</c:v>
                </c:pt>
                <c:pt idx="162">
                  <c:v>41182</c:v>
                </c:pt>
                <c:pt idx="163">
                  <c:v>41213</c:v>
                </c:pt>
                <c:pt idx="164">
                  <c:v>41243</c:v>
                </c:pt>
                <c:pt idx="165">
                  <c:v>41274</c:v>
                </c:pt>
                <c:pt idx="166">
                  <c:v>41305</c:v>
                </c:pt>
                <c:pt idx="167">
                  <c:v>41333</c:v>
                </c:pt>
                <c:pt idx="168">
                  <c:v>41364</c:v>
                </c:pt>
                <c:pt idx="169">
                  <c:v>41394</c:v>
                </c:pt>
                <c:pt idx="170">
                  <c:v>41425</c:v>
                </c:pt>
                <c:pt idx="171">
                  <c:v>41455</c:v>
                </c:pt>
                <c:pt idx="172">
                  <c:v>41486</c:v>
                </c:pt>
                <c:pt idx="173">
                  <c:v>41517</c:v>
                </c:pt>
                <c:pt idx="174">
                  <c:v>41547</c:v>
                </c:pt>
                <c:pt idx="175">
                  <c:v>41578</c:v>
                </c:pt>
                <c:pt idx="176">
                  <c:v>41608</c:v>
                </c:pt>
                <c:pt idx="177">
                  <c:v>41639</c:v>
                </c:pt>
                <c:pt idx="178">
                  <c:v>41670</c:v>
                </c:pt>
                <c:pt idx="179">
                  <c:v>41698</c:v>
                </c:pt>
                <c:pt idx="180">
                  <c:v>41729</c:v>
                </c:pt>
                <c:pt idx="181">
                  <c:v>41759</c:v>
                </c:pt>
                <c:pt idx="182">
                  <c:v>41790</c:v>
                </c:pt>
                <c:pt idx="183">
                  <c:v>41820</c:v>
                </c:pt>
                <c:pt idx="184">
                  <c:v>41851</c:v>
                </c:pt>
                <c:pt idx="185">
                  <c:v>41882</c:v>
                </c:pt>
                <c:pt idx="186">
                  <c:v>41912</c:v>
                </c:pt>
                <c:pt idx="187">
                  <c:v>41943</c:v>
                </c:pt>
                <c:pt idx="188">
                  <c:v>41973</c:v>
                </c:pt>
                <c:pt idx="189">
                  <c:v>42004</c:v>
                </c:pt>
                <c:pt idx="190">
                  <c:v>42035</c:v>
                </c:pt>
                <c:pt idx="191">
                  <c:v>42063</c:v>
                </c:pt>
                <c:pt idx="192">
                  <c:v>42094</c:v>
                </c:pt>
                <c:pt idx="193">
                  <c:v>42124</c:v>
                </c:pt>
                <c:pt idx="194">
                  <c:v>42155</c:v>
                </c:pt>
                <c:pt idx="195">
                  <c:v>42185</c:v>
                </c:pt>
                <c:pt idx="196">
                  <c:v>42216</c:v>
                </c:pt>
                <c:pt idx="197">
                  <c:v>42247</c:v>
                </c:pt>
                <c:pt idx="198">
                  <c:v>42277</c:v>
                </c:pt>
                <c:pt idx="199">
                  <c:v>42308</c:v>
                </c:pt>
                <c:pt idx="200">
                  <c:v>42338</c:v>
                </c:pt>
                <c:pt idx="201">
                  <c:v>42369</c:v>
                </c:pt>
                <c:pt idx="202">
                  <c:v>42400</c:v>
                </c:pt>
                <c:pt idx="203">
                  <c:v>42429</c:v>
                </c:pt>
                <c:pt idx="204">
                  <c:v>42460</c:v>
                </c:pt>
                <c:pt idx="205">
                  <c:v>42490</c:v>
                </c:pt>
                <c:pt idx="206">
                  <c:v>42521</c:v>
                </c:pt>
                <c:pt idx="207">
                  <c:v>42551</c:v>
                </c:pt>
                <c:pt idx="208">
                  <c:v>42582</c:v>
                </c:pt>
                <c:pt idx="209">
                  <c:v>42613</c:v>
                </c:pt>
                <c:pt idx="210">
                  <c:v>42643</c:v>
                </c:pt>
                <c:pt idx="211">
                  <c:v>42674</c:v>
                </c:pt>
                <c:pt idx="212">
                  <c:v>42704</c:v>
                </c:pt>
                <c:pt idx="213">
                  <c:v>42735</c:v>
                </c:pt>
                <c:pt idx="214">
                  <c:v>42766</c:v>
                </c:pt>
                <c:pt idx="215">
                  <c:v>42794</c:v>
                </c:pt>
                <c:pt idx="216">
                  <c:v>42825</c:v>
                </c:pt>
                <c:pt idx="217">
                  <c:v>42855</c:v>
                </c:pt>
                <c:pt idx="218">
                  <c:v>42886</c:v>
                </c:pt>
                <c:pt idx="219">
                  <c:v>42916</c:v>
                </c:pt>
                <c:pt idx="220">
                  <c:v>42947</c:v>
                </c:pt>
                <c:pt idx="221">
                  <c:v>42978</c:v>
                </c:pt>
                <c:pt idx="222">
                  <c:v>43008</c:v>
                </c:pt>
                <c:pt idx="223">
                  <c:v>43039</c:v>
                </c:pt>
                <c:pt idx="224">
                  <c:v>43069</c:v>
                </c:pt>
                <c:pt idx="225">
                  <c:v>43100</c:v>
                </c:pt>
                <c:pt idx="226">
                  <c:v>43131</c:v>
                </c:pt>
                <c:pt idx="227">
                  <c:v>43159</c:v>
                </c:pt>
                <c:pt idx="228">
                  <c:v>43190</c:v>
                </c:pt>
                <c:pt idx="229">
                  <c:v>43220</c:v>
                </c:pt>
                <c:pt idx="230">
                  <c:v>43251</c:v>
                </c:pt>
                <c:pt idx="231">
                  <c:v>43281</c:v>
                </c:pt>
                <c:pt idx="232">
                  <c:v>43312</c:v>
                </c:pt>
                <c:pt idx="233">
                  <c:v>43343</c:v>
                </c:pt>
                <c:pt idx="234">
                  <c:v>43373</c:v>
                </c:pt>
                <c:pt idx="235">
                  <c:v>43404</c:v>
                </c:pt>
                <c:pt idx="236">
                  <c:v>43434</c:v>
                </c:pt>
                <c:pt idx="237">
                  <c:v>43465</c:v>
                </c:pt>
                <c:pt idx="238">
                  <c:v>43496</c:v>
                </c:pt>
                <c:pt idx="239">
                  <c:v>43524</c:v>
                </c:pt>
                <c:pt idx="240">
                  <c:v>43555</c:v>
                </c:pt>
                <c:pt idx="241">
                  <c:v>43585</c:v>
                </c:pt>
                <c:pt idx="242">
                  <c:v>43616</c:v>
                </c:pt>
                <c:pt idx="243">
                  <c:v>43646</c:v>
                </c:pt>
                <c:pt idx="244">
                  <c:v>43677</c:v>
                </c:pt>
                <c:pt idx="245">
                  <c:v>43708</c:v>
                </c:pt>
                <c:pt idx="246">
                  <c:v>43738</c:v>
                </c:pt>
                <c:pt idx="247">
                  <c:v>43769</c:v>
                </c:pt>
                <c:pt idx="248">
                  <c:v>43799</c:v>
                </c:pt>
                <c:pt idx="249">
                  <c:v>43830</c:v>
                </c:pt>
                <c:pt idx="250">
                  <c:v>43861</c:v>
                </c:pt>
                <c:pt idx="251">
                  <c:v>43890</c:v>
                </c:pt>
                <c:pt idx="252">
                  <c:v>43921</c:v>
                </c:pt>
                <c:pt idx="253">
                  <c:v>43951</c:v>
                </c:pt>
                <c:pt idx="254">
                  <c:v>43982</c:v>
                </c:pt>
                <c:pt idx="255">
                  <c:v>44012</c:v>
                </c:pt>
                <c:pt idx="256">
                  <c:v>44043</c:v>
                </c:pt>
                <c:pt idx="257">
                  <c:v>44074</c:v>
                </c:pt>
                <c:pt idx="258">
                  <c:v>44104</c:v>
                </c:pt>
                <c:pt idx="259">
                  <c:v>44135</c:v>
                </c:pt>
                <c:pt idx="260">
                  <c:v>44165</c:v>
                </c:pt>
                <c:pt idx="261">
                  <c:v>44196</c:v>
                </c:pt>
                <c:pt idx="262">
                  <c:v>44227</c:v>
                </c:pt>
                <c:pt idx="263">
                  <c:v>44255</c:v>
                </c:pt>
                <c:pt idx="264">
                  <c:v>44286</c:v>
                </c:pt>
                <c:pt idx="265">
                  <c:v>44316</c:v>
                </c:pt>
                <c:pt idx="266">
                  <c:v>44347</c:v>
                </c:pt>
                <c:pt idx="267">
                  <c:v>44377</c:v>
                </c:pt>
                <c:pt idx="268">
                  <c:v>44408</c:v>
                </c:pt>
                <c:pt idx="269">
                  <c:v>44439</c:v>
                </c:pt>
                <c:pt idx="270">
                  <c:v>44469</c:v>
                </c:pt>
                <c:pt idx="271">
                  <c:v>44500</c:v>
                </c:pt>
                <c:pt idx="272">
                  <c:v>44530</c:v>
                </c:pt>
                <c:pt idx="273">
                  <c:v>44561</c:v>
                </c:pt>
                <c:pt idx="274">
                  <c:v>44592</c:v>
                </c:pt>
                <c:pt idx="275">
                  <c:v>44620</c:v>
                </c:pt>
                <c:pt idx="276">
                  <c:v>44651</c:v>
                </c:pt>
                <c:pt idx="277">
                  <c:v>44681</c:v>
                </c:pt>
                <c:pt idx="278">
                  <c:v>44712</c:v>
                </c:pt>
                <c:pt idx="279">
                  <c:v>44742</c:v>
                </c:pt>
                <c:pt idx="280">
                  <c:v>44773</c:v>
                </c:pt>
                <c:pt idx="281">
                  <c:v>44804</c:v>
                </c:pt>
                <c:pt idx="282">
                  <c:v>44834</c:v>
                </c:pt>
                <c:pt idx="283">
                  <c:v>44865</c:v>
                </c:pt>
                <c:pt idx="284">
                  <c:v>44895</c:v>
                </c:pt>
                <c:pt idx="285">
                  <c:v>44926</c:v>
                </c:pt>
                <c:pt idx="286">
                  <c:v>44957</c:v>
                </c:pt>
                <c:pt idx="287">
                  <c:v>44985</c:v>
                </c:pt>
                <c:pt idx="288">
                  <c:v>45016</c:v>
                </c:pt>
                <c:pt idx="289">
                  <c:v>45107</c:v>
                </c:pt>
              </c:numCache>
            </c:numRef>
          </c:cat>
          <c:val>
            <c:numRef>
              <c:f>'Household Debt'!$C$3:$C$292</c:f>
              <c:numCache>
                <c:formatCode>#,##0.00</c:formatCode>
                <c:ptCount val="290"/>
                <c:pt idx="0">
                  <c:v>0.48</c:v>
                </c:pt>
                <c:pt idx="1">
                  <c:v>0.48</c:v>
                </c:pt>
                <c:pt idx="2">
                  <c:v>0.48</c:v>
                </c:pt>
                <c:pt idx="3">
                  <c:v>0.48</c:v>
                </c:pt>
                <c:pt idx="4">
                  <c:v>0.5</c:v>
                </c:pt>
                <c:pt idx="5">
                  <c:v>0.5</c:v>
                </c:pt>
                <c:pt idx="6">
                  <c:v>0.5</c:v>
                </c:pt>
                <c:pt idx="7">
                  <c:v>0.5</c:v>
                </c:pt>
                <c:pt idx="8">
                  <c:v>0.5</c:v>
                </c:pt>
                <c:pt idx="9">
                  <c:v>0.5</c:v>
                </c:pt>
                <c:pt idx="10">
                  <c:v>0.52</c:v>
                </c:pt>
                <c:pt idx="11">
                  <c:v>0.52</c:v>
                </c:pt>
                <c:pt idx="12">
                  <c:v>0.52</c:v>
                </c:pt>
                <c:pt idx="13">
                  <c:v>0.54</c:v>
                </c:pt>
                <c:pt idx="14">
                  <c:v>0.54</c:v>
                </c:pt>
                <c:pt idx="15">
                  <c:v>0.54</c:v>
                </c:pt>
                <c:pt idx="16">
                  <c:v>0.53</c:v>
                </c:pt>
                <c:pt idx="17">
                  <c:v>0.53</c:v>
                </c:pt>
                <c:pt idx="18">
                  <c:v>0.53</c:v>
                </c:pt>
                <c:pt idx="19">
                  <c:v>0.57999999999999996</c:v>
                </c:pt>
                <c:pt idx="20">
                  <c:v>0.57999999999999996</c:v>
                </c:pt>
                <c:pt idx="21">
                  <c:v>0.57999999999999996</c:v>
                </c:pt>
                <c:pt idx="22">
                  <c:v>0.6</c:v>
                </c:pt>
                <c:pt idx="23">
                  <c:v>0.6</c:v>
                </c:pt>
                <c:pt idx="24">
                  <c:v>0.6</c:v>
                </c:pt>
                <c:pt idx="25">
                  <c:v>0.61</c:v>
                </c:pt>
                <c:pt idx="26">
                  <c:v>0.61</c:v>
                </c:pt>
                <c:pt idx="27">
                  <c:v>0.61</c:v>
                </c:pt>
                <c:pt idx="28">
                  <c:v>0.63</c:v>
                </c:pt>
                <c:pt idx="29">
                  <c:v>0.63</c:v>
                </c:pt>
                <c:pt idx="30">
                  <c:v>0.63</c:v>
                </c:pt>
                <c:pt idx="31">
                  <c:v>0.64</c:v>
                </c:pt>
                <c:pt idx="32">
                  <c:v>0.64</c:v>
                </c:pt>
                <c:pt idx="33">
                  <c:v>0.64</c:v>
                </c:pt>
                <c:pt idx="34">
                  <c:v>0.63</c:v>
                </c:pt>
                <c:pt idx="35">
                  <c:v>0.63</c:v>
                </c:pt>
                <c:pt idx="36">
                  <c:v>0.63</c:v>
                </c:pt>
                <c:pt idx="37">
                  <c:v>0.66</c:v>
                </c:pt>
                <c:pt idx="38">
                  <c:v>0.66</c:v>
                </c:pt>
                <c:pt idx="39">
                  <c:v>0.66</c:v>
                </c:pt>
                <c:pt idx="40">
                  <c:v>0.68</c:v>
                </c:pt>
                <c:pt idx="41">
                  <c:v>0.68</c:v>
                </c:pt>
                <c:pt idx="42">
                  <c:v>0.68</c:v>
                </c:pt>
                <c:pt idx="43">
                  <c:v>0.69</c:v>
                </c:pt>
                <c:pt idx="44">
                  <c:v>0.69</c:v>
                </c:pt>
                <c:pt idx="45">
                  <c:v>0.69</c:v>
                </c:pt>
                <c:pt idx="46">
                  <c:v>0.68799999999999994</c:v>
                </c:pt>
                <c:pt idx="47">
                  <c:v>0.68799999999999994</c:v>
                </c:pt>
                <c:pt idx="48">
                  <c:v>0.68799999999999994</c:v>
                </c:pt>
                <c:pt idx="49">
                  <c:v>0.69299999999999995</c:v>
                </c:pt>
                <c:pt idx="50">
                  <c:v>0.69299999999999995</c:v>
                </c:pt>
                <c:pt idx="51">
                  <c:v>0.69299999999999995</c:v>
                </c:pt>
                <c:pt idx="52">
                  <c:v>0.69299999999999995</c:v>
                </c:pt>
                <c:pt idx="53">
                  <c:v>0.69299999999999995</c:v>
                </c:pt>
                <c:pt idx="54">
                  <c:v>0.69299999999999995</c:v>
                </c:pt>
                <c:pt idx="55">
                  <c:v>0.69799999999999995</c:v>
                </c:pt>
                <c:pt idx="56">
                  <c:v>0.69799999999999995</c:v>
                </c:pt>
                <c:pt idx="57">
                  <c:v>0.69799999999999995</c:v>
                </c:pt>
                <c:pt idx="58">
                  <c:v>0.69499999999999995</c:v>
                </c:pt>
                <c:pt idx="59">
                  <c:v>0.69499999999999995</c:v>
                </c:pt>
                <c:pt idx="60">
                  <c:v>0.69499999999999995</c:v>
                </c:pt>
                <c:pt idx="61">
                  <c:v>0.69699999999999995</c:v>
                </c:pt>
                <c:pt idx="62">
                  <c:v>0.69699999999999995</c:v>
                </c:pt>
                <c:pt idx="63">
                  <c:v>0.69699999999999995</c:v>
                </c:pt>
                <c:pt idx="64">
                  <c:v>0.70599999999999996</c:v>
                </c:pt>
                <c:pt idx="65">
                  <c:v>0.70599999999999996</c:v>
                </c:pt>
                <c:pt idx="66">
                  <c:v>0.70599999999999996</c:v>
                </c:pt>
                <c:pt idx="67">
                  <c:v>0.71699999999999997</c:v>
                </c:pt>
                <c:pt idx="68">
                  <c:v>0.71699999999999997</c:v>
                </c:pt>
                <c:pt idx="69">
                  <c:v>0.71699999999999997</c:v>
                </c:pt>
                <c:pt idx="70">
                  <c:v>0.71</c:v>
                </c:pt>
                <c:pt idx="71">
                  <c:v>0.71</c:v>
                </c:pt>
                <c:pt idx="72">
                  <c:v>0.71</c:v>
                </c:pt>
                <c:pt idx="73">
                  <c:v>0.71699999999999997</c:v>
                </c:pt>
                <c:pt idx="74">
                  <c:v>0.71699999999999997</c:v>
                </c:pt>
                <c:pt idx="75">
                  <c:v>0.71699999999999997</c:v>
                </c:pt>
                <c:pt idx="76">
                  <c:v>0.73199999999999998</c:v>
                </c:pt>
                <c:pt idx="77">
                  <c:v>0.73199999999999998</c:v>
                </c:pt>
                <c:pt idx="78">
                  <c:v>0.73199999999999998</c:v>
                </c:pt>
                <c:pt idx="79">
                  <c:v>0.73599999999999999</c:v>
                </c:pt>
                <c:pt idx="80">
                  <c:v>0.73599999999999999</c:v>
                </c:pt>
                <c:pt idx="81">
                  <c:v>0.73599999999999999</c:v>
                </c:pt>
                <c:pt idx="82">
                  <c:v>0.72299999999999998</c:v>
                </c:pt>
                <c:pt idx="83">
                  <c:v>0.72299999999999998</c:v>
                </c:pt>
                <c:pt idx="84">
                  <c:v>0.72299999999999998</c:v>
                </c:pt>
                <c:pt idx="85">
                  <c:v>0.73899999999999999</c:v>
                </c:pt>
                <c:pt idx="86">
                  <c:v>0.73899999999999999</c:v>
                </c:pt>
                <c:pt idx="87">
                  <c:v>0.73899999999999999</c:v>
                </c:pt>
                <c:pt idx="88">
                  <c:v>0.754</c:v>
                </c:pt>
                <c:pt idx="89">
                  <c:v>0.754</c:v>
                </c:pt>
                <c:pt idx="90">
                  <c:v>0.754</c:v>
                </c:pt>
                <c:pt idx="91">
                  <c:v>0.76700000000000002</c:v>
                </c:pt>
                <c:pt idx="92">
                  <c:v>0.76700000000000002</c:v>
                </c:pt>
                <c:pt idx="93">
                  <c:v>0.76700000000000002</c:v>
                </c:pt>
                <c:pt idx="94">
                  <c:v>0.76400000000000001</c:v>
                </c:pt>
                <c:pt idx="95">
                  <c:v>0.76400000000000001</c:v>
                </c:pt>
                <c:pt idx="96">
                  <c:v>0.76400000000000001</c:v>
                </c:pt>
                <c:pt idx="97">
                  <c:v>0.79600000000000004</c:v>
                </c:pt>
                <c:pt idx="98">
                  <c:v>0.79600000000000004</c:v>
                </c:pt>
                <c:pt idx="99">
                  <c:v>0.79600000000000004</c:v>
                </c:pt>
                <c:pt idx="100">
                  <c:v>0.81699999999999995</c:v>
                </c:pt>
                <c:pt idx="101">
                  <c:v>0.81699999999999995</c:v>
                </c:pt>
                <c:pt idx="102">
                  <c:v>0.81699999999999995</c:v>
                </c:pt>
                <c:pt idx="103">
                  <c:v>0.83899999999999997</c:v>
                </c:pt>
                <c:pt idx="104">
                  <c:v>0.83899999999999997</c:v>
                </c:pt>
                <c:pt idx="105">
                  <c:v>0.83899999999999997</c:v>
                </c:pt>
                <c:pt idx="106">
                  <c:v>0.83699999999999997</c:v>
                </c:pt>
                <c:pt idx="107">
                  <c:v>0.83699999999999997</c:v>
                </c:pt>
                <c:pt idx="108">
                  <c:v>0.83699999999999997</c:v>
                </c:pt>
                <c:pt idx="109">
                  <c:v>0.85</c:v>
                </c:pt>
                <c:pt idx="110">
                  <c:v>0.85</c:v>
                </c:pt>
                <c:pt idx="111">
                  <c:v>0.85</c:v>
                </c:pt>
                <c:pt idx="112">
                  <c:v>0.85799999999999998</c:v>
                </c:pt>
                <c:pt idx="113">
                  <c:v>0.85799999999999998</c:v>
                </c:pt>
                <c:pt idx="114">
                  <c:v>0.85799999999999998</c:v>
                </c:pt>
                <c:pt idx="115">
                  <c:v>0.86599999999999999</c:v>
                </c:pt>
                <c:pt idx="116">
                  <c:v>0.86599999999999999</c:v>
                </c:pt>
                <c:pt idx="117">
                  <c:v>0.86599999999999999</c:v>
                </c:pt>
                <c:pt idx="118">
                  <c:v>0.84299999999999997</c:v>
                </c:pt>
                <c:pt idx="119">
                  <c:v>0.84299999999999997</c:v>
                </c:pt>
                <c:pt idx="120">
                  <c:v>0.84299999999999997</c:v>
                </c:pt>
                <c:pt idx="121">
                  <c:v>0.82399999999999995</c:v>
                </c:pt>
                <c:pt idx="122">
                  <c:v>0.82399999999999995</c:v>
                </c:pt>
                <c:pt idx="123">
                  <c:v>0.82399999999999995</c:v>
                </c:pt>
                <c:pt idx="124">
                  <c:v>0.81200000000000006</c:v>
                </c:pt>
                <c:pt idx="125">
                  <c:v>0.81200000000000006</c:v>
                </c:pt>
                <c:pt idx="126">
                  <c:v>0.81200000000000006</c:v>
                </c:pt>
                <c:pt idx="127">
                  <c:v>0.79500000000000004</c:v>
                </c:pt>
                <c:pt idx="128">
                  <c:v>0.79500000000000004</c:v>
                </c:pt>
                <c:pt idx="129">
                  <c:v>0.79500000000000004</c:v>
                </c:pt>
                <c:pt idx="130">
                  <c:v>0.76239999999999997</c:v>
                </c:pt>
                <c:pt idx="131">
                  <c:v>0.76239999999999997</c:v>
                </c:pt>
                <c:pt idx="132">
                  <c:v>0.76239999999999997</c:v>
                </c:pt>
                <c:pt idx="133">
                  <c:v>0.74439999999999995</c:v>
                </c:pt>
                <c:pt idx="134">
                  <c:v>0.74439999999999995</c:v>
                </c:pt>
                <c:pt idx="135">
                  <c:v>0.74439999999999995</c:v>
                </c:pt>
                <c:pt idx="136">
                  <c:v>0.73109999999999997</c:v>
                </c:pt>
                <c:pt idx="137">
                  <c:v>0.73109999999999997</c:v>
                </c:pt>
                <c:pt idx="138">
                  <c:v>0.73109999999999997</c:v>
                </c:pt>
                <c:pt idx="139">
                  <c:v>0.72960000000000003</c:v>
                </c:pt>
                <c:pt idx="140">
                  <c:v>0.72960000000000003</c:v>
                </c:pt>
                <c:pt idx="141">
                  <c:v>0.72960000000000003</c:v>
                </c:pt>
                <c:pt idx="142">
                  <c:v>0.69640000000000002</c:v>
                </c:pt>
                <c:pt idx="143">
                  <c:v>0.69640000000000002</c:v>
                </c:pt>
                <c:pt idx="144">
                  <c:v>0.69640000000000002</c:v>
                </c:pt>
                <c:pt idx="145">
                  <c:v>0.69430000000000003</c:v>
                </c:pt>
                <c:pt idx="146">
                  <c:v>0.69430000000000003</c:v>
                </c:pt>
                <c:pt idx="147">
                  <c:v>0.69430000000000003</c:v>
                </c:pt>
                <c:pt idx="148">
                  <c:v>0.69330000000000003</c:v>
                </c:pt>
                <c:pt idx="149">
                  <c:v>0.69330000000000003</c:v>
                </c:pt>
                <c:pt idx="150">
                  <c:v>0.69330000000000003</c:v>
                </c:pt>
                <c:pt idx="151">
                  <c:v>0.70399999999999996</c:v>
                </c:pt>
                <c:pt idx="152">
                  <c:v>0.70399999999999996</c:v>
                </c:pt>
                <c:pt idx="153">
                  <c:v>0.70399999999999996</c:v>
                </c:pt>
                <c:pt idx="154">
                  <c:v>0.67879999999999996</c:v>
                </c:pt>
                <c:pt idx="155">
                  <c:v>0.67879999999999996</c:v>
                </c:pt>
                <c:pt idx="156">
                  <c:v>0.67879999999999996</c:v>
                </c:pt>
                <c:pt idx="157">
                  <c:v>0.67200000000000004</c:v>
                </c:pt>
                <c:pt idx="158">
                  <c:v>0.67200000000000004</c:v>
                </c:pt>
                <c:pt idx="159">
                  <c:v>0.67200000000000004</c:v>
                </c:pt>
                <c:pt idx="160">
                  <c:v>0.67400000000000004</c:v>
                </c:pt>
                <c:pt idx="161">
                  <c:v>0.67400000000000004</c:v>
                </c:pt>
                <c:pt idx="162">
                  <c:v>0.67400000000000004</c:v>
                </c:pt>
                <c:pt idx="163">
                  <c:v>0.67900000000000005</c:v>
                </c:pt>
                <c:pt idx="164">
                  <c:v>0.67900000000000005</c:v>
                </c:pt>
                <c:pt idx="165">
                  <c:v>0.67900000000000005</c:v>
                </c:pt>
                <c:pt idx="166">
                  <c:v>0.66</c:v>
                </c:pt>
                <c:pt idx="167">
                  <c:v>0.66</c:v>
                </c:pt>
                <c:pt idx="168">
                  <c:v>0.66</c:v>
                </c:pt>
                <c:pt idx="169">
                  <c:v>0.66800000000000004</c:v>
                </c:pt>
                <c:pt idx="170">
                  <c:v>0.66800000000000004</c:v>
                </c:pt>
                <c:pt idx="171">
                  <c:v>0.66800000000000004</c:v>
                </c:pt>
                <c:pt idx="172">
                  <c:v>0.67200000000000004</c:v>
                </c:pt>
                <c:pt idx="173">
                  <c:v>0.67200000000000004</c:v>
                </c:pt>
                <c:pt idx="174">
                  <c:v>0.67200000000000004</c:v>
                </c:pt>
                <c:pt idx="175">
                  <c:v>0.68300000000000005</c:v>
                </c:pt>
                <c:pt idx="176">
                  <c:v>0.68300000000000005</c:v>
                </c:pt>
                <c:pt idx="177">
                  <c:v>0.68300000000000005</c:v>
                </c:pt>
                <c:pt idx="178">
                  <c:v>0.65900000000000003</c:v>
                </c:pt>
                <c:pt idx="179">
                  <c:v>0.65900000000000003</c:v>
                </c:pt>
                <c:pt idx="180">
                  <c:v>0.65900000000000003</c:v>
                </c:pt>
                <c:pt idx="181">
                  <c:v>0.66900000000000004</c:v>
                </c:pt>
                <c:pt idx="182">
                  <c:v>0.66900000000000004</c:v>
                </c:pt>
                <c:pt idx="183">
                  <c:v>0.66900000000000004</c:v>
                </c:pt>
                <c:pt idx="184">
                  <c:v>0.68</c:v>
                </c:pt>
                <c:pt idx="185">
                  <c:v>0.68</c:v>
                </c:pt>
                <c:pt idx="186">
                  <c:v>0.68</c:v>
                </c:pt>
                <c:pt idx="187">
                  <c:v>0.7</c:v>
                </c:pt>
                <c:pt idx="188">
                  <c:v>0.7</c:v>
                </c:pt>
                <c:pt idx="189">
                  <c:v>0.7</c:v>
                </c:pt>
                <c:pt idx="190">
                  <c:v>0.68400000000000005</c:v>
                </c:pt>
                <c:pt idx="191">
                  <c:v>0.68400000000000005</c:v>
                </c:pt>
                <c:pt idx="192">
                  <c:v>0.68400000000000005</c:v>
                </c:pt>
                <c:pt idx="193">
                  <c:v>0.70299999999999996</c:v>
                </c:pt>
                <c:pt idx="194">
                  <c:v>0.70299999999999996</c:v>
                </c:pt>
                <c:pt idx="195">
                  <c:v>0.70299999999999996</c:v>
                </c:pt>
                <c:pt idx="196">
                  <c:v>0.71399999999999997</c:v>
                </c:pt>
                <c:pt idx="197">
                  <c:v>0.71399999999999997</c:v>
                </c:pt>
                <c:pt idx="198">
                  <c:v>0.71399999999999997</c:v>
                </c:pt>
                <c:pt idx="199">
                  <c:v>0.73299999999999998</c:v>
                </c:pt>
                <c:pt idx="200">
                  <c:v>0.73299999999999998</c:v>
                </c:pt>
                <c:pt idx="201">
                  <c:v>0.73299999999999998</c:v>
                </c:pt>
                <c:pt idx="202">
                  <c:v>0.71199999999999997</c:v>
                </c:pt>
                <c:pt idx="203">
                  <c:v>0.71199999999999997</c:v>
                </c:pt>
                <c:pt idx="204">
                  <c:v>0.71199999999999997</c:v>
                </c:pt>
                <c:pt idx="205">
                  <c:v>0.72899999999999998</c:v>
                </c:pt>
                <c:pt idx="206">
                  <c:v>0.72899999999999998</c:v>
                </c:pt>
                <c:pt idx="207">
                  <c:v>0.72899999999999998</c:v>
                </c:pt>
                <c:pt idx="208">
                  <c:v>0.747</c:v>
                </c:pt>
                <c:pt idx="209">
                  <c:v>0.747</c:v>
                </c:pt>
                <c:pt idx="210">
                  <c:v>0.747</c:v>
                </c:pt>
                <c:pt idx="211">
                  <c:v>0.77900000000000003</c:v>
                </c:pt>
                <c:pt idx="212">
                  <c:v>0.77900000000000003</c:v>
                </c:pt>
                <c:pt idx="213">
                  <c:v>0.77900000000000003</c:v>
                </c:pt>
                <c:pt idx="214">
                  <c:v>0.76400000000000001</c:v>
                </c:pt>
                <c:pt idx="215">
                  <c:v>0.76400000000000001</c:v>
                </c:pt>
                <c:pt idx="216">
                  <c:v>0.76400000000000001</c:v>
                </c:pt>
                <c:pt idx="217">
                  <c:v>0.78400000000000003</c:v>
                </c:pt>
                <c:pt idx="218">
                  <c:v>0.78400000000000003</c:v>
                </c:pt>
                <c:pt idx="219">
                  <c:v>0.78400000000000003</c:v>
                </c:pt>
                <c:pt idx="220">
                  <c:v>0.80800000000000005</c:v>
                </c:pt>
                <c:pt idx="221">
                  <c:v>0.80800000000000005</c:v>
                </c:pt>
                <c:pt idx="222">
                  <c:v>0.80800000000000005</c:v>
                </c:pt>
                <c:pt idx="223">
                  <c:v>0.83399999999999996</c:v>
                </c:pt>
                <c:pt idx="224">
                  <c:v>0.83399999999999996</c:v>
                </c:pt>
                <c:pt idx="225">
                  <c:v>0.83399999999999996</c:v>
                </c:pt>
                <c:pt idx="226">
                  <c:v>0.81499999999999995</c:v>
                </c:pt>
                <c:pt idx="227">
                  <c:v>0.81499999999999995</c:v>
                </c:pt>
                <c:pt idx="228">
                  <c:v>0.81499999999999995</c:v>
                </c:pt>
                <c:pt idx="229">
                  <c:v>0.82899999999999996</c:v>
                </c:pt>
                <c:pt idx="230">
                  <c:v>0.82899999999999996</c:v>
                </c:pt>
                <c:pt idx="231">
                  <c:v>0.82899999999999996</c:v>
                </c:pt>
                <c:pt idx="232">
                  <c:v>0.84399999999999997</c:v>
                </c:pt>
                <c:pt idx="233">
                  <c:v>0.84399999999999997</c:v>
                </c:pt>
                <c:pt idx="234">
                  <c:v>0.84399999999999997</c:v>
                </c:pt>
                <c:pt idx="235">
                  <c:v>0.87</c:v>
                </c:pt>
                <c:pt idx="236">
                  <c:v>0.87</c:v>
                </c:pt>
                <c:pt idx="237">
                  <c:v>0.87</c:v>
                </c:pt>
                <c:pt idx="238">
                  <c:v>0.84799999999999998</c:v>
                </c:pt>
                <c:pt idx="239">
                  <c:v>0.84799999999999998</c:v>
                </c:pt>
                <c:pt idx="240">
                  <c:v>0.84799999999999998</c:v>
                </c:pt>
                <c:pt idx="241">
                  <c:v>0.87</c:v>
                </c:pt>
                <c:pt idx="242">
                  <c:v>0.87</c:v>
                </c:pt>
                <c:pt idx="243">
                  <c:v>0.87</c:v>
                </c:pt>
                <c:pt idx="244">
                  <c:v>0.88100000000000001</c:v>
                </c:pt>
                <c:pt idx="245">
                  <c:v>0.88100000000000001</c:v>
                </c:pt>
                <c:pt idx="246">
                  <c:v>0.88100000000000001</c:v>
                </c:pt>
                <c:pt idx="247">
                  <c:v>0.92700000000000005</c:v>
                </c:pt>
                <c:pt idx="248">
                  <c:v>0.92700000000000005</c:v>
                </c:pt>
                <c:pt idx="249">
                  <c:v>0.92700000000000005</c:v>
                </c:pt>
                <c:pt idx="250">
                  <c:v>0.81</c:v>
                </c:pt>
                <c:pt idx="251">
                  <c:v>0.81</c:v>
                </c:pt>
                <c:pt idx="252">
                  <c:v>0.81</c:v>
                </c:pt>
                <c:pt idx="253">
                  <c:v>0.81699999999999995</c:v>
                </c:pt>
                <c:pt idx="254">
                  <c:v>0.81699999999999995</c:v>
                </c:pt>
                <c:pt idx="255">
                  <c:v>0.81699999999999995</c:v>
                </c:pt>
                <c:pt idx="256">
                  <c:v>0.80700000000000005</c:v>
                </c:pt>
                <c:pt idx="257">
                  <c:v>0.80700000000000005</c:v>
                </c:pt>
                <c:pt idx="258">
                  <c:v>0.80700000000000005</c:v>
                </c:pt>
                <c:pt idx="259">
                  <c:v>0.81899999999999995</c:v>
                </c:pt>
                <c:pt idx="260">
                  <c:v>0.81899999999999995</c:v>
                </c:pt>
                <c:pt idx="261">
                  <c:v>0.81899999999999995</c:v>
                </c:pt>
                <c:pt idx="262">
                  <c:v>0.77</c:v>
                </c:pt>
                <c:pt idx="263">
                  <c:v>0.77</c:v>
                </c:pt>
                <c:pt idx="264">
                  <c:v>0.77</c:v>
                </c:pt>
                <c:pt idx="265">
                  <c:v>0.78700000000000003</c:v>
                </c:pt>
                <c:pt idx="266">
                  <c:v>0.78700000000000003</c:v>
                </c:pt>
                <c:pt idx="267">
                  <c:v>0.78700000000000003</c:v>
                </c:pt>
                <c:pt idx="268">
                  <c:v>0.80400000000000005</c:v>
                </c:pt>
                <c:pt idx="269">
                  <c:v>0.80400000000000005</c:v>
                </c:pt>
                <c:pt idx="270">
                  <c:v>0.80400000000000005</c:v>
                </c:pt>
                <c:pt idx="271">
                  <c:v>0.85599999999999998</c:v>
                </c:pt>
                <c:pt idx="272">
                  <c:v>0.85599999999999998</c:v>
                </c:pt>
                <c:pt idx="273">
                  <c:v>0.85599999999999998</c:v>
                </c:pt>
                <c:pt idx="274">
                  <c:v>0.84099999999999997</c:v>
                </c:pt>
                <c:pt idx="275">
                  <c:v>0.84099999999999997</c:v>
                </c:pt>
                <c:pt idx="276">
                  <c:v>0.84099999999999997</c:v>
                </c:pt>
                <c:pt idx="277">
                  <c:v>0.88700000000000001</c:v>
                </c:pt>
                <c:pt idx="278">
                  <c:v>0.88700000000000001</c:v>
                </c:pt>
                <c:pt idx="279">
                  <c:v>0.88700000000000001</c:v>
                </c:pt>
                <c:pt idx="280">
                  <c:v>0.92500000000000004</c:v>
                </c:pt>
                <c:pt idx="281">
                  <c:v>0.92500000000000004</c:v>
                </c:pt>
                <c:pt idx="282">
                  <c:v>0.92500000000000004</c:v>
                </c:pt>
                <c:pt idx="283">
                  <c:v>0.98599999999999999</c:v>
                </c:pt>
                <c:pt idx="284">
                  <c:v>0.98599999999999999</c:v>
                </c:pt>
                <c:pt idx="285">
                  <c:v>0.98599999999999999</c:v>
                </c:pt>
                <c:pt idx="286">
                  <c:v>0.98599999999999999</c:v>
                </c:pt>
                <c:pt idx="287">
                  <c:v>0.98599999999999999</c:v>
                </c:pt>
                <c:pt idx="288">
                  <c:v>0.98599999999999999</c:v>
                </c:pt>
                <c:pt idx="289">
                  <c:v>1.0309999999999999</c:v>
                </c:pt>
              </c:numCache>
            </c:numRef>
          </c:val>
          <c:smooth val="0"/>
          <c:extLst>
            <c:ext xmlns:c16="http://schemas.microsoft.com/office/drawing/2014/chart" uri="{C3380CC4-5D6E-409C-BE32-E72D297353CC}">
              <c16:uniqueId val="{00000001-CAAB-49F1-8599-A6D01F5216A3}"/>
            </c:ext>
          </c:extLst>
        </c:ser>
        <c:dLbls>
          <c:showLegendKey val="0"/>
          <c:showVal val="0"/>
          <c:showCatName val="0"/>
          <c:showSerName val="0"/>
          <c:showPercent val="0"/>
          <c:showBubbleSize val="0"/>
        </c:dLbls>
        <c:marker val="1"/>
        <c:smooth val="0"/>
        <c:axId val="507894720"/>
        <c:axId val="471833968"/>
      </c:lineChart>
      <c:dateAx>
        <c:axId val="507894720"/>
        <c:scaling>
          <c:orientation val="minMax"/>
        </c:scaling>
        <c:delete val="0"/>
        <c:axPos val="b"/>
        <c:numFmt formatCode="\'yy" sourceLinked="0"/>
        <c:majorTickMark val="cross"/>
        <c:minorTickMark val="out"/>
        <c:tickLblPos val="nextTo"/>
        <c:spPr>
          <a:noFill/>
          <a:ln w="9525" cap="flat" cmpd="sng" algn="ctr">
            <a:solidFill>
              <a:schemeClr val="tx1"/>
            </a:solidFill>
            <a:round/>
          </a:ln>
          <a:effectLst/>
        </c:spPr>
        <c:txPr>
          <a:bodyPr rot="-60000000" spcFirstLastPara="1" vertOverflow="ellipsis" vert="horz" wrap="square" anchor="ctr" anchorCtr="1"/>
          <a:lstStyle/>
          <a:p>
            <a:pPr>
              <a:defRPr sz="1050" b="0" i="0" u="none" strike="noStrike" kern="1200" baseline="0">
                <a:solidFill>
                  <a:schemeClr val="tx1"/>
                </a:solidFill>
                <a:latin typeface="+mn-lt"/>
                <a:ea typeface="+mn-ea"/>
                <a:cs typeface="+mn-cs"/>
              </a:defRPr>
            </a:pPr>
            <a:endParaRPr lang="en-US"/>
          </a:p>
        </c:txPr>
        <c:crossAx val="471833968"/>
        <c:crosses val="autoZero"/>
        <c:auto val="1"/>
        <c:lblOffset val="100"/>
        <c:baseTimeUnit val="months"/>
        <c:majorUnit val="2"/>
        <c:majorTimeUnit val="years"/>
      </c:dateAx>
      <c:valAx>
        <c:axId val="471833968"/>
        <c:scaling>
          <c:orientation val="minMax"/>
        </c:scaling>
        <c:delete val="0"/>
        <c:axPos val="l"/>
        <c:numFmt formatCode="#,##0.0" sourceLinked="0"/>
        <c:majorTickMark val="cross"/>
        <c:minorTickMark val="out"/>
        <c:tickLblPos val="nextTo"/>
        <c:spPr>
          <a:noFill/>
          <a:ln>
            <a:solidFill>
              <a:schemeClr val="tx1"/>
            </a:solidFill>
          </a:ln>
          <a:effectLst/>
        </c:spPr>
        <c:txPr>
          <a:bodyPr rot="-60000000" spcFirstLastPara="1" vertOverflow="ellipsis" vert="horz" wrap="square" anchor="ctr" anchorCtr="1"/>
          <a:lstStyle/>
          <a:p>
            <a:pPr>
              <a:defRPr sz="1050" b="0" i="0" u="none" strike="noStrike" kern="1200" baseline="0">
                <a:solidFill>
                  <a:schemeClr val="tx1"/>
                </a:solidFill>
                <a:latin typeface="+mn-lt"/>
                <a:ea typeface="+mn-ea"/>
                <a:cs typeface="+mn-cs"/>
              </a:defRPr>
            </a:pPr>
            <a:endParaRPr lang="en-US"/>
          </a:p>
        </c:txPr>
        <c:crossAx val="507894720"/>
        <c:crosses val="autoZero"/>
        <c:crossBetween val="between"/>
      </c:valAx>
      <c:valAx>
        <c:axId val="858985136"/>
        <c:scaling>
          <c:orientation val="minMax"/>
          <c:max val="0.51"/>
          <c:min val="0.5"/>
        </c:scaling>
        <c:delete val="0"/>
        <c:axPos val="r"/>
        <c:numFmt formatCode="General" sourceLinked="1"/>
        <c:majorTickMark val="none"/>
        <c:minorTickMark val="none"/>
        <c:tickLblPos val="none"/>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967926880"/>
        <c:crosses val="max"/>
        <c:crossBetween val="between"/>
      </c:valAx>
      <c:dateAx>
        <c:axId val="967926880"/>
        <c:scaling>
          <c:orientation val="minMax"/>
        </c:scaling>
        <c:delete val="1"/>
        <c:axPos val="b"/>
        <c:numFmt formatCode="mm/dd/yy" sourceLinked="1"/>
        <c:majorTickMark val="out"/>
        <c:minorTickMark val="none"/>
        <c:tickLblPos val="nextTo"/>
        <c:crossAx val="858985136"/>
        <c:crosses val="autoZero"/>
        <c:auto val="1"/>
        <c:lblOffset val="100"/>
        <c:baseTimeUnit val="months"/>
      </c:date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solidFill>
      <a:schemeClr val="bg1"/>
    </a:solidFill>
    <a:ln w="9525" cap="flat" cmpd="sng" algn="ctr">
      <a:noFill/>
      <a:round/>
    </a:ln>
    <a:effectLst/>
  </c:spPr>
  <c:txPr>
    <a:bodyPr/>
    <a:lstStyle/>
    <a:p>
      <a:pPr>
        <a:defRPr/>
      </a:pPr>
      <a:endParaRPr lang="en-US"/>
    </a:p>
  </c:txPr>
  <c:externalData r:id="rId3">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1"/>
          <c:order val="1"/>
          <c:tx>
            <c:v>Recession</c:v>
          </c:tx>
          <c:spPr>
            <a:solidFill>
              <a:schemeClr val="bg1">
                <a:lumMod val="75000"/>
              </a:schemeClr>
            </a:solidFill>
            <a:ln>
              <a:noFill/>
            </a:ln>
            <a:effectLst/>
          </c:spPr>
          <c:invertIfNegative val="0"/>
          <c:cat>
            <c:numRef>
              <c:f>'[Q3.2023 Market Outlook.xlsx]Mortgage Rate'!$A$12:$A$2752</c:f>
              <c:numCache>
                <c:formatCode>yyyy\-mm\-dd</c:formatCode>
                <c:ptCount val="2741"/>
                <c:pt idx="0">
                  <c:v>26025</c:v>
                </c:pt>
                <c:pt idx="1">
                  <c:v>26032</c:v>
                </c:pt>
                <c:pt idx="2">
                  <c:v>26039</c:v>
                </c:pt>
                <c:pt idx="3">
                  <c:v>26046</c:v>
                </c:pt>
                <c:pt idx="4">
                  <c:v>26053</c:v>
                </c:pt>
                <c:pt idx="5">
                  <c:v>26060</c:v>
                </c:pt>
                <c:pt idx="6">
                  <c:v>26067</c:v>
                </c:pt>
                <c:pt idx="7">
                  <c:v>26074</c:v>
                </c:pt>
                <c:pt idx="8">
                  <c:v>26081</c:v>
                </c:pt>
                <c:pt idx="9">
                  <c:v>26088</c:v>
                </c:pt>
                <c:pt idx="10">
                  <c:v>26095</c:v>
                </c:pt>
                <c:pt idx="11">
                  <c:v>26102</c:v>
                </c:pt>
                <c:pt idx="12">
                  <c:v>26109</c:v>
                </c:pt>
                <c:pt idx="13">
                  <c:v>26116</c:v>
                </c:pt>
                <c:pt idx="14">
                  <c:v>26123</c:v>
                </c:pt>
                <c:pt idx="15">
                  <c:v>26130</c:v>
                </c:pt>
                <c:pt idx="16">
                  <c:v>26137</c:v>
                </c:pt>
                <c:pt idx="17">
                  <c:v>26144</c:v>
                </c:pt>
                <c:pt idx="18">
                  <c:v>26151</c:v>
                </c:pt>
                <c:pt idx="19">
                  <c:v>26158</c:v>
                </c:pt>
                <c:pt idx="20">
                  <c:v>26165</c:v>
                </c:pt>
                <c:pt idx="21">
                  <c:v>26172</c:v>
                </c:pt>
                <c:pt idx="22">
                  <c:v>26179</c:v>
                </c:pt>
                <c:pt idx="23">
                  <c:v>26186</c:v>
                </c:pt>
                <c:pt idx="24">
                  <c:v>26193</c:v>
                </c:pt>
                <c:pt idx="25">
                  <c:v>26200</c:v>
                </c:pt>
                <c:pt idx="26">
                  <c:v>26207</c:v>
                </c:pt>
                <c:pt idx="27">
                  <c:v>26214</c:v>
                </c:pt>
                <c:pt idx="28">
                  <c:v>26221</c:v>
                </c:pt>
                <c:pt idx="29">
                  <c:v>26228</c:v>
                </c:pt>
                <c:pt idx="30">
                  <c:v>26235</c:v>
                </c:pt>
                <c:pt idx="31">
                  <c:v>26242</c:v>
                </c:pt>
                <c:pt idx="32">
                  <c:v>26249</c:v>
                </c:pt>
                <c:pt idx="33">
                  <c:v>26256</c:v>
                </c:pt>
                <c:pt idx="34">
                  <c:v>26263</c:v>
                </c:pt>
                <c:pt idx="35">
                  <c:v>26270</c:v>
                </c:pt>
                <c:pt idx="36">
                  <c:v>26277</c:v>
                </c:pt>
                <c:pt idx="37">
                  <c:v>26284</c:v>
                </c:pt>
                <c:pt idx="38">
                  <c:v>26291</c:v>
                </c:pt>
                <c:pt idx="39">
                  <c:v>26298</c:v>
                </c:pt>
                <c:pt idx="40">
                  <c:v>26305</c:v>
                </c:pt>
                <c:pt idx="41">
                  <c:v>26312</c:v>
                </c:pt>
                <c:pt idx="42">
                  <c:v>26319</c:v>
                </c:pt>
                <c:pt idx="43">
                  <c:v>26326</c:v>
                </c:pt>
                <c:pt idx="44">
                  <c:v>26333</c:v>
                </c:pt>
                <c:pt idx="45">
                  <c:v>26340</c:v>
                </c:pt>
                <c:pt idx="46">
                  <c:v>26347</c:v>
                </c:pt>
                <c:pt idx="47">
                  <c:v>26354</c:v>
                </c:pt>
                <c:pt idx="48">
                  <c:v>26361</c:v>
                </c:pt>
                <c:pt idx="49">
                  <c:v>26368</c:v>
                </c:pt>
                <c:pt idx="50">
                  <c:v>26375</c:v>
                </c:pt>
                <c:pt idx="51">
                  <c:v>26382</c:v>
                </c:pt>
                <c:pt idx="52">
                  <c:v>26389</c:v>
                </c:pt>
                <c:pt idx="53">
                  <c:v>26396</c:v>
                </c:pt>
                <c:pt idx="54">
                  <c:v>26403</c:v>
                </c:pt>
                <c:pt idx="55">
                  <c:v>26410</c:v>
                </c:pt>
                <c:pt idx="56">
                  <c:v>26417</c:v>
                </c:pt>
                <c:pt idx="57">
                  <c:v>26424</c:v>
                </c:pt>
                <c:pt idx="58">
                  <c:v>26431</c:v>
                </c:pt>
                <c:pt idx="59">
                  <c:v>26438</c:v>
                </c:pt>
                <c:pt idx="60">
                  <c:v>26445</c:v>
                </c:pt>
                <c:pt idx="61">
                  <c:v>26452</c:v>
                </c:pt>
                <c:pt idx="62">
                  <c:v>26459</c:v>
                </c:pt>
                <c:pt idx="63">
                  <c:v>26466</c:v>
                </c:pt>
                <c:pt idx="64">
                  <c:v>26473</c:v>
                </c:pt>
                <c:pt idx="65">
                  <c:v>26480</c:v>
                </c:pt>
                <c:pt idx="66">
                  <c:v>26487</c:v>
                </c:pt>
                <c:pt idx="67">
                  <c:v>26494</c:v>
                </c:pt>
                <c:pt idx="68">
                  <c:v>26501</c:v>
                </c:pt>
                <c:pt idx="69">
                  <c:v>26508</c:v>
                </c:pt>
                <c:pt idx="70">
                  <c:v>26515</c:v>
                </c:pt>
                <c:pt idx="71">
                  <c:v>26522</c:v>
                </c:pt>
                <c:pt idx="72">
                  <c:v>26529</c:v>
                </c:pt>
                <c:pt idx="73">
                  <c:v>26536</c:v>
                </c:pt>
                <c:pt idx="74">
                  <c:v>26543</c:v>
                </c:pt>
                <c:pt idx="75">
                  <c:v>26550</c:v>
                </c:pt>
                <c:pt idx="76">
                  <c:v>26557</c:v>
                </c:pt>
                <c:pt idx="77">
                  <c:v>26564</c:v>
                </c:pt>
                <c:pt idx="78">
                  <c:v>26571</c:v>
                </c:pt>
                <c:pt idx="79">
                  <c:v>26578</c:v>
                </c:pt>
                <c:pt idx="80">
                  <c:v>26585</c:v>
                </c:pt>
                <c:pt idx="81">
                  <c:v>26592</c:v>
                </c:pt>
                <c:pt idx="82">
                  <c:v>26599</c:v>
                </c:pt>
                <c:pt idx="83">
                  <c:v>26606</c:v>
                </c:pt>
                <c:pt idx="84">
                  <c:v>26613</c:v>
                </c:pt>
                <c:pt idx="85">
                  <c:v>26620</c:v>
                </c:pt>
                <c:pt idx="86">
                  <c:v>26627</c:v>
                </c:pt>
                <c:pt idx="87">
                  <c:v>26634</c:v>
                </c:pt>
                <c:pt idx="88">
                  <c:v>26641</c:v>
                </c:pt>
                <c:pt idx="89">
                  <c:v>26648</c:v>
                </c:pt>
                <c:pt idx="90">
                  <c:v>26655</c:v>
                </c:pt>
                <c:pt idx="91">
                  <c:v>26662</c:v>
                </c:pt>
                <c:pt idx="92">
                  <c:v>26669</c:v>
                </c:pt>
                <c:pt idx="93">
                  <c:v>26676</c:v>
                </c:pt>
                <c:pt idx="94">
                  <c:v>26683</c:v>
                </c:pt>
                <c:pt idx="95">
                  <c:v>26690</c:v>
                </c:pt>
                <c:pt idx="96">
                  <c:v>26697</c:v>
                </c:pt>
                <c:pt idx="97">
                  <c:v>26704</c:v>
                </c:pt>
                <c:pt idx="98">
                  <c:v>26711</c:v>
                </c:pt>
                <c:pt idx="99">
                  <c:v>26718</c:v>
                </c:pt>
                <c:pt idx="100">
                  <c:v>26725</c:v>
                </c:pt>
                <c:pt idx="101">
                  <c:v>26732</c:v>
                </c:pt>
                <c:pt idx="102">
                  <c:v>26739</c:v>
                </c:pt>
                <c:pt idx="103">
                  <c:v>26746</c:v>
                </c:pt>
                <c:pt idx="104">
                  <c:v>26753</c:v>
                </c:pt>
                <c:pt idx="105">
                  <c:v>26760</c:v>
                </c:pt>
                <c:pt idx="106">
                  <c:v>26767</c:v>
                </c:pt>
                <c:pt idx="107">
                  <c:v>26774</c:v>
                </c:pt>
                <c:pt idx="108">
                  <c:v>26781</c:v>
                </c:pt>
                <c:pt idx="109">
                  <c:v>26788</c:v>
                </c:pt>
                <c:pt idx="110">
                  <c:v>26795</c:v>
                </c:pt>
                <c:pt idx="111">
                  <c:v>26802</c:v>
                </c:pt>
                <c:pt idx="112">
                  <c:v>26808</c:v>
                </c:pt>
                <c:pt idx="113">
                  <c:v>26816</c:v>
                </c:pt>
                <c:pt idx="114">
                  <c:v>26823</c:v>
                </c:pt>
                <c:pt idx="115">
                  <c:v>26830</c:v>
                </c:pt>
                <c:pt idx="116">
                  <c:v>26837</c:v>
                </c:pt>
                <c:pt idx="117">
                  <c:v>26844</c:v>
                </c:pt>
                <c:pt idx="118">
                  <c:v>26851</c:v>
                </c:pt>
                <c:pt idx="119">
                  <c:v>26858</c:v>
                </c:pt>
                <c:pt idx="120">
                  <c:v>26865</c:v>
                </c:pt>
                <c:pt idx="121">
                  <c:v>26872</c:v>
                </c:pt>
                <c:pt idx="122">
                  <c:v>26879</c:v>
                </c:pt>
                <c:pt idx="123">
                  <c:v>26886</c:v>
                </c:pt>
                <c:pt idx="124">
                  <c:v>26893</c:v>
                </c:pt>
                <c:pt idx="125">
                  <c:v>26900</c:v>
                </c:pt>
                <c:pt idx="126">
                  <c:v>26907</c:v>
                </c:pt>
                <c:pt idx="127">
                  <c:v>26914</c:v>
                </c:pt>
                <c:pt idx="128">
                  <c:v>26921</c:v>
                </c:pt>
                <c:pt idx="129">
                  <c:v>26928</c:v>
                </c:pt>
                <c:pt idx="130">
                  <c:v>26935</c:v>
                </c:pt>
                <c:pt idx="131">
                  <c:v>26942</c:v>
                </c:pt>
                <c:pt idx="132">
                  <c:v>26949</c:v>
                </c:pt>
                <c:pt idx="133">
                  <c:v>26956</c:v>
                </c:pt>
                <c:pt idx="134">
                  <c:v>26963</c:v>
                </c:pt>
                <c:pt idx="135">
                  <c:v>26970</c:v>
                </c:pt>
                <c:pt idx="136">
                  <c:v>26977</c:v>
                </c:pt>
                <c:pt idx="137">
                  <c:v>26984</c:v>
                </c:pt>
                <c:pt idx="138">
                  <c:v>26991</c:v>
                </c:pt>
                <c:pt idx="139">
                  <c:v>26998</c:v>
                </c:pt>
                <c:pt idx="140">
                  <c:v>27005</c:v>
                </c:pt>
                <c:pt idx="141">
                  <c:v>27012</c:v>
                </c:pt>
                <c:pt idx="142">
                  <c:v>27019</c:v>
                </c:pt>
                <c:pt idx="143">
                  <c:v>27026</c:v>
                </c:pt>
                <c:pt idx="144">
                  <c:v>27033</c:v>
                </c:pt>
                <c:pt idx="145">
                  <c:v>27040</c:v>
                </c:pt>
                <c:pt idx="146">
                  <c:v>27047</c:v>
                </c:pt>
                <c:pt idx="147">
                  <c:v>27054</c:v>
                </c:pt>
                <c:pt idx="148">
                  <c:v>27061</c:v>
                </c:pt>
                <c:pt idx="149">
                  <c:v>27068</c:v>
                </c:pt>
                <c:pt idx="150">
                  <c:v>27075</c:v>
                </c:pt>
                <c:pt idx="151">
                  <c:v>27082</c:v>
                </c:pt>
                <c:pt idx="152">
                  <c:v>27089</c:v>
                </c:pt>
                <c:pt idx="153">
                  <c:v>27096</c:v>
                </c:pt>
                <c:pt idx="154">
                  <c:v>27103</c:v>
                </c:pt>
                <c:pt idx="155">
                  <c:v>27110</c:v>
                </c:pt>
                <c:pt idx="156">
                  <c:v>27117</c:v>
                </c:pt>
                <c:pt idx="157">
                  <c:v>27124</c:v>
                </c:pt>
                <c:pt idx="158">
                  <c:v>27131</c:v>
                </c:pt>
                <c:pt idx="159">
                  <c:v>27138</c:v>
                </c:pt>
                <c:pt idx="160">
                  <c:v>27145</c:v>
                </c:pt>
                <c:pt idx="161">
                  <c:v>27152</c:v>
                </c:pt>
                <c:pt idx="162">
                  <c:v>27159</c:v>
                </c:pt>
                <c:pt idx="163">
                  <c:v>27166</c:v>
                </c:pt>
                <c:pt idx="164">
                  <c:v>27173</c:v>
                </c:pt>
                <c:pt idx="165">
                  <c:v>27180</c:v>
                </c:pt>
                <c:pt idx="166">
                  <c:v>27187</c:v>
                </c:pt>
                <c:pt idx="167">
                  <c:v>27194</c:v>
                </c:pt>
                <c:pt idx="168">
                  <c:v>27201</c:v>
                </c:pt>
                <c:pt idx="169">
                  <c:v>27208</c:v>
                </c:pt>
                <c:pt idx="170">
                  <c:v>27215</c:v>
                </c:pt>
                <c:pt idx="171">
                  <c:v>27222</c:v>
                </c:pt>
                <c:pt idx="172">
                  <c:v>27229</c:v>
                </c:pt>
                <c:pt idx="173">
                  <c:v>27236</c:v>
                </c:pt>
                <c:pt idx="174">
                  <c:v>27243</c:v>
                </c:pt>
                <c:pt idx="175">
                  <c:v>27250</c:v>
                </c:pt>
                <c:pt idx="176">
                  <c:v>27257</c:v>
                </c:pt>
                <c:pt idx="177">
                  <c:v>27264</c:v>
                </c:pt>
                <c:pt idx="178">
                  <c:v>27271</c:v>
                </c:pt>
                <c:pt idx="179">
                  <c:v>27278</c:v>
                </c:pt>
                <c:pt idx="180">
                  <c:v>27285</c:v>
                </c:pt>
                <c:pt idx="181">
                  <c:v>27292</c:v>
                </c:pt>
                <c:pt idx="182">
                  <c:v>27299</c:v>
                </c:pt>
                <c:pt idx="183">
                  <c:v>27306</c:v>
                </c:pt>
                <c:pt idx="184">
                  <c:v>27313</c:v>
                </c:pt>
                <c:pt idx="185">
                  <c:v>27320</c:v>
                </c:pt>
                <c:pt idx="186">
                  <c:v>27327</c:v>
                </c:pt>
                <c:pt idx="187">
                  <c:v>27334</c:v>
                </c:pt>
                <c:pt idx="188">
                  <c:v>27341</c:v>
                </c:pt>
                <c:pt idx="189">
                  <c:v>27348</c:v>
                </c:pt>
                <c:pt idx="190">
                  <c:v>27355</c:v>
                </c:pt>
                <c:pt idx="191">
                  <c:v>27362</c:v>
                </c:pt>
                <c:pt idx="192">
                  <c:v>27369</c:v>
                </c:pt>
                <c:pt idx="193">
                  <c:v>27376</c:v>
                </c:pt>
                <c:pt idx="194">
                  <c:v>27383</c:v>
                </c:pt>
                <c:pt idx="195">
                  <c:v>27390</c:v>
                </c:pt>
                <c:pt idx="196">
                  <c:v>27397</c:v>
                </c:pt>
                <c:pt idx="197">
                  <c:v>27404</c:v>
                </c:pt>
                <c:pt idx="198">
                  <c:v>27411</c:v>
                </c:pt>
                <c:pt idx="199">
                  <c:v>27418</c:v>
                </c:pt>
                <c:pt idx="200">
                  <c:v>27425</c:v>
                </c:pt>
                <c:pt idx="201">
                  <c:v>27432</c:v>
                </c:pt>
                <c:pt idx="202">
                  <c:v>27439</c:v>
                </c:pt>
                <c:pt idx="203">
                  <c:v>27446</c:v>
                </c:pt>
                <c:pt idx="204">
                  <c:v>27453</c:v>
                </c:pt>
                <c:pt idx="205">
                  <c:v>27460</c:v>
                </c:pt>
                <c:pt idx="206">
                  <c:v>27467</c:v>
                </c:pt>
                <c:pt idx="207">
                  <c:v>27474</c:v>
                </c:pt>
                <c:pt idx="208">
                  <c:v>27481</c:v>
                </c:pt>
                <c:pt idx="209">
                  <c:v>27488</c:v>
                </c:pt>
                <c:pt idx="210">
                  <c:v>27495</c:v>
                </c:pt>
                <c:pt idx="211">
                  <c:v>27502</c:v>
                </c:pt>
                <c:pt idx="212">
                  <c:v>27509</c:v>
                </c:pt>
                <c:pt idx="213">
                  <c:v>27516</c:v>
                </c:pt>
                <c:pt idx="214">
                  <c:v>27523</c:v>
                </c:pt>
                <c:pt idx="215">
                  <c:v>27530</c:v>
                </c:pt>
                <c:pt idx="216">
                  <c:v>27537</c:v>
                </c:pt>
                <c:pt idx="217">
                  <c:v>27544</c:v>
                </c:pt>
                <c:pt idx="218">
                  <c:v>27551</c:v>
                </c:pt>
                <c:pt idx="219">
                  <c:v>27558</c:v>
                </c:pt>
                <c:pt idx="220">
                  <c:v>27565</c:v>
                </c:pt>
                <c:pt idx="221">
                  <c:v>27572</c:v>
                </c:pt>
                <c:pt idx="222">
                  <c:v>27578</c:v>
                </c:pt>
                <c:pt idx="223">
                  <c:v>27586</c:v>
                </c:pt>
                <c:pt idx="224">
                  <c:v>27593</c:v>
                </c:pt>
                <c:pt idx="225">
                  <c:v>27600</c:v>
                </c:pt>
                <c:pt idx="226">
                  <c:v>27607</c:v>
                </c:pt>
                <c:pt idx="227">
                  <c:v>27614</c:v>
                </c:pt>
                <c:pt idx="228">
                  <c:v>27621</c:v>
                </c:pt>
                <c:pt idx="229">
                  <c:v>27628</c:v>
                </c:pt>
                <c:pt idx="230">
                  <c:v>27635</c:v>
                </c:pt>
                <c:pt idx="231">
                  <c:v>27642</c:v>
                </c:pt>
                <c:pt idx="232">
                  <c:v>27649</c:v>
                </c:pt>
                <c:pt idx="233">
                  <c:v>27656</c:v>
                </c:pt>
                <c:pt idx="234">
                  <c:v>27663</c:v>
                </c:pt>
                <c:pt idx="235">
                  <c:v>27670</c:v>
                </c:pt>
                <c:pt idx="236">
                  <c:v>27677</c:v>
                </c:pt>
                <c:pt idx="237">
                  <c:v>27684</c:v>
                </c:pt>
                <c:pt idx="238">
                  <c:v>27691</c:v>
                </c:pt>
                <c:pt idx="239">
                  <c:v>27698</c:v>
                </c:pt>
                <c:pt idx="240">
                  <c:v>27705</c:v>
                </c:pt>
                <c:pt idx="241">
                  <c:v>27712</c:v>
                </c:pt>
                <c:pt idx="242">
                  <c:v>27719</c:v>
                </c:pt>
                <c:pt idx="243">
                  <c:v>27726</c:v>
                </c:pt>
                <c:pt idx="244">
                  <c:v>27733</c:v>
                </c:pt>
                <c:pt idx="245">
                  <c:v>27740</c:v>
                </c:pt>
                <c:pt idx="246">
                  <c:v>27747</c:v>
                </c:pt>
                <c:pt idx="247">
                  <c:v>27754</c:v>
                </c:pt>
                <c:pt idx="248">
                  <c:v>27761</c:v>
                </c:pt>
                <c:pt idx="249">
                  <c:v>27768</c:v>
                </c:pt>
                <c:pt idx="250">
                  <c:v>27775</c:v>
                </c:pt>
                <c:pt idx="251">
                  <c:v>27782</c:v>
                </c:pt>
                <c:pt idx="252">
                  <c:v>27789</c:v>
                </c:pt>
                <c:pt idx="253">
                  <c:v>27796</c:v>
                </c:pt>
                <c:pt idx="254">
                  <c:v>27803</c:v>
                </c:pt>
                <c:pt idx="255">
                  <c:v>27810</c:v>
                </c:pt>
                <c:pt idx="256">
                  <c:v>27817</c:v>
                </c:pt>
                <c:pt idx="257">
                  <c:v>27824</c:v>
                </c:pt>
                <c:pt idx="258">
                  <c:v>27831</c:v>
                </c:pt>
                <c:pt idx="259">
                  <c:v>27838</c:v>
                </c:pt>
                <c:pt idx="260">
                  <c:v>27845</c:v>
                </c:pt>
                <c:pt idx="261">
                  <c:v>27852</c:v>
                </c:pt>
                <c:pt idx="262">
                  <c:v>27859</c:v>
                </c:pt>
                <c:pt idx="263">
                  <c:v>27866</c:v>
                </c:pt>
                <c:pt idx="264">
                  <c:v>27873</c:v>
                </c:pt>
                <c:pt idx="265">
                  <c:v>27880</c:v>
                </c:pt>
                <c:pt idx="266">
                  <c:v>27887</c:v>
                </c:pt>
                <c:pt idx="267">
                  <c:v>27894</c:v>
                </c:pt>
                <c:pt idx="268">
                  <c:v>27901</c:v>
                </c:pt>
                <c:pt idx="269">
                  <c:v>27908</c:v>
                </c:pt>
                <c:pt idx="270">
                  <c:v>27915</c:v>
                </c:pt>
                <c:pt idx="271">
                  <c:v>27922</c:v>
                </c:pt>
                <c:pt idx="272">
                  <c:v>27929</c:v>
                </c:pt>
                <c:pt idx="273">
                  <c:v>27936</c:v>
                </c:pt>
                <c:pt idx="274">
                  <c:v>27943</c:v>
                </c:pt>
                <c:pt idx="275">
                  <c:v>27950</c:v>
                </c:pt>
                <c:pt idx="276">
                  <c:v>27957</c:v>
                </c:pt>
                <c:pt idx="277">
                  <c:v>27964</c:v>
                </c:pt>
                <c:pt idx="278">
                  <c:v>27971</c:v>
                </c:pt>
                <c:pt idx="279">
                  <c:v>27978</c:v>
                </c:pt>
                <c:pt idx="280">
                  <c:v>27985</c:v>
                </c:pt>
                <c:pt idx="281">
                  <c:v>27992</c:v>
                </c:pt>
                <c:pt idx="282">
                  <c:v>27999</c:v>
                </c:pt>
                <c:pt idx="283">
                  <c:v>28006</c:v>
                </c:pt>
                <c:pt idx="284">
                  <c:v>28013</c:v>
                </c:pt>
                <c:pt idx="285">
                  <c:v>28020</c:v>
                </c:pt>
                <c:pt idx="286">
                  <c:v>28027</c:v>
                </c:pt>
                <c:pt idx="287">
                  <c:v>28034</c:v>
                </c:pt>
                <c:pt idx="288">
                  <c:v>28041</c:v>
                </c:pt>
                <c:pt idx="289">
                  <c:v>28048</c:v>
                </c:pt>
                <c:pt idx="290">
                  <c:v>28055</c:v>
                </c:pt>
                <c:pt idx="291">
                  <c:v>28062</c:v>
                </c:pt>
                <c:pt idx="292">
                  <c:v>28069</c:v>
                </c:pt>
                <c:pt idx="293">
                  <c:v>28076</c:v>
                </c:pt>
                <c:pt idx="294">
                  <c:v>28083</c:v>
                </c:pt>
                <c:pt idx="295">
                  <c:v>28090</c:v>
                </c:pt>
                <c:pt idx="296">
                  <c:v>28097</c:v>
                </c:pt>
                <c:pt idx="297">
                  <c:v>28104</c:v>
                </c:pt>
                <c:pt idx="298">
                  <c:v>28111</c:v>
                </c:pt>
                <c:pt idx="299">
                  <c:v>28118</c:v>
                </c:pt>
                <c:pt idx="300">
                  <c:v>28125</c:v>
                </c:pt>
                <c:pt idx="301">
                  <c:v>28132</c:v>
                </c:pt>
                <c:pt idx="302">
                  <c:v>28139</c:v>
                </c:pt>
                <c:pt idx="303">
                  <c:v>28146</c:v>
                </c:pt>
                <c:pt idx="304">
                  <c:v>28153</c:v>
                </c:pt>
                <c:pt idx="305">
                  <c:v>28160</c:v>
                </c:pt>
                <c:pt idx="306">
                  <c:v>28167</c:v>
                </c:pt>
                <c:pt idx="307">
                  <c:v>28174</c:v>
                </c:pt>
                <c:pt idx="308">
                  <c:v>28181</c:v>
                </c:pt>
                <c:pt idx="309">
                  <c:v>28188</c:v>
                </c:pt>
                <c:pt idx="310">
                  <c:v>28195</c:v>
                </c:pt>
                <c:pt idx="311">
                  <c:v>28202</c:v>
                </c:pt>
                <c:pt idx="312">
                  <c:v>28209</c:v>
                </c:pt>
                <c:pt idx="313">
                  <c:v>28216</c:v>
                </c:pt>
                <c:pt idx="314">
                  <c:v>28223</c:v>
                </c:pt>
                <c:pt idx="315">
                  <c:v>28230</c:v>
                </c:pt>
                <c:pt idx="316">
                  <c:v>28237</c:v>
                </c:pt>
                <c:pt idx="317">
                  <c:v>28244</c:v>
                </c:pt>
                <c:pt idx="318">
                  <c:v>28251</c:v>
                </c:pt>
                <c:pt idx="319">
                  <c:v>28258</c:v>
                </c:pt>
                <c:pt idx="320">
                  <c:v>28265</c:v>
                </c:pt>
                <c:pt idx="321">
                  <c:v>28272</c:v>
                </c:pt>
                <c:pt idx="322">
                  <c:v>28279</c:v>
                </c:pt>
                <c:pt idx="323">
                  <c:v>28286</c:v>
                </c:pt>
                <c:pt idx="324">
                  <c:v>28293</c:v>
                </c:pt>
                <c:pt idx="325">
                  <c:v>28300</c:v>
                </c:pt>
                <c:pt idx="326">
                  <c:v>28307</c:v>
                </c:pt>
                <c:pt idx="327">
                  <c:v>28314</c:v>
                </c:pt>
                <c:pt idx="328">
                  <c:v>28321</c:v>
                </c:pt>
                <c:pt idx="329">
                  <c:v>28328</c:v>
                </c:pt>
                <c:pt idx="330">
                  <c:v>28335</c:v>
                </c:pt>
                <c:pt idx="331">
                  <c:v>28342</c:v>
                </c:pt>
                <c:pt idx="332">
                  <c:v>28349</c:v>
                </c:pt>
                <c:pt idx="333">
                  <c:v>28356</c:v>
                </c:pt>
                <c:pt idx="334">
                  <c:v>28363</c:v>
                </c:pt>
                <c:pt idx="335">
                  <c:v>28370</c:v>
                </c:pt>
                <c:pt idx="336">
                  <c:v>28377</c:v>
                </c:pt>
                <c:pt idx="337">
                  <c:v>28384</c:v>
                </c:pt>
                <c:pt idx="338">
                  <c:v>28391</c:v>
                </c:pt>
                <c:pt idx="339">
                  <c:v>28398</c:v>
                </c:pt>
                <c:pt idx="340">
                  <c:v>28405</c:v>
                </c:pt>
                <c:pt idx="341">
                  <c:v>28412</c:v>
                </c:pt>
                <c:pt idx="342">
                  <c:v>28419</c:v>
                </c:pt>
                <c:pt idx="343">
                  <c:v>28426</c:v>
                </c:pt>
                <c:pt idx="344">
                  <c:v>28433</c:v>
                </c:pt>
                <c:pt idx="345">
                  <c:v>28440</c:v>
                </c:pt>
                <c:pt idx="346">
                  <c:v>28447</c:v>
                </c:pt>
                <c:pt idx="347">
                  <c:v>28454</c:v>
                </c:pt>
                <c:pt idx="348">
                  <c:v>28461</c:v>
                </c:pt>
                <c:pt idx="349">
                  <c:v>28468</c:v>
                </c:pt>
                <c:pt idx="350">
                  <c:v>28475</c:v>
                </c:pt>
                <c:pt idx="351">
                  <c:v>28482</c:v>
                </c:pt>
                <c:pt idx="352">
                  <c:v>28489</c:v>
                </c:pt>
                <c:pt idx="353">
                  <c:v>28496</c:v>
                </c:pt>
                <c:pt idx="354">
                  <c:v>28503</c:v>
                </c:pt>
                <c:pt idx="355">
                  <c:v>28510</c:v>
                </c:pt>
                <c:pt idx="356">
                  <c:v>28517</c:v>
                </c:pt>
                <c:pt idx="357">
                  <c:v>28524</c:v>
                </c:pt>
                <c:pt idx="358">
                  <c:v>28531</c:v>
                </c:pt>
                <c:pt idx="359">
                  <c:v>28538</c:v>
                </c:pt>
                <c:pt idx="360">
                  <c:v>28545</c:v>
                </c:pt>
                <c:pt idx="361">
                  <c:v>28552</c:v>
                </c:pt>
                <c:pt idx="362">
                  <c:v>28559</c:v>
                </c:pt>
                <c:pt idx="363">
                  <c:v>28566</c:v>
                </c:pt>
                <c:pt idx="364">
                  <c:v>28573</c:v>
                </c:pt>
                <c:pt idx="365">
                  <c:v>28580</c:v>
                </c:pt>
                <c:pt idx="366">
                  <c:v>28587</c:v>
                </c:pt>
                <c:pt idx="367">
                  <c:v>28594</c:v>
                </c:pt>
                <c:pt idx="368">
                  <c:v>28601</c:v>
                </c:pt>
                <c:pt idx="369">
                  <c:v>28608</c:v>
                </c:pt>
                <c:pt idx="370">
                  <c:v>28615</c:v>
                </c:pt>
                <c:pt idx="371">
                  <c:v>28622</c:v>
                </c:pt>
                <c:pt idx="372">
                  <c:v>28629</c:v>
                </c:pt>
                <c:pt idx="373">
                  <c:v>28636</c:v>
                </c:pt>
                <c:pt idx="374">
                  <c:v>28643</c:v>
                </c:pt>
                <c:pt idx="375">
                  <c:v>28650</c:v>
                </c:pt>
                <c:pt idx="376">
                  <c:v>28657</c:v>
                </c:pt>
                <c:pt idx="377">
                  <c:v>28664</c:v>
                </c:pt>
                <c:pt idx="378">
                  <c:v>28671</c:v>
                </c:pt>
                <c:pt idx="379">
                  <c:v>28678</c:v>
                </c:pt>
                <c:pt idx="380">
                  <c:v>28685</c:v>
                </c:pt>
                <c:pt idx="381">
                  <c:v>28692</c:v>
                </c:pt>
                <c:pt idx="382">
                  <c:v>28699</c:v>
                </c:pt>
                <c:pt idx="383">
                  <c:v>28706</c:v>
                </c:pt>
                <c:pt idx="384">
                  <c:v>28713</c:v>
                </c:pt>
                <c:pt idx="385">
                  <c:v>28720</c:v>
                </c:pt>
                <c:pt idx="386">
                  <c:v>28727</c:v>
                </c:pt>
                <c:pt idx="387">
                  <c:v>28734</c:v>
                </c:pt>
                <c:pt idx="388">
                  <c:v>28741</c:v>
                </c:pt>
                <c:pt idx="389">
                  <c:v>28748</c:v>
                </c:pt>
                <c:pt idx="390">
                  <c:v>28755</c:v>
                </c:pt>
                <c:pt idx="391">
                  <c:v>28762</c:v>
                </c:pt>
                <c:pt idx="392">
                  <c:v>28769</c:v>
                </c:pt>
                <c:pt idx="393">
                  <c:v>28776</c:v>
                </c:pt>
                <c:pt idx="394">
                  <c:v>28783</c:v>
                </c:pt>
                <c:pt idx="395">
                  <c:v>28790</c:v>
                </c:pt>
                <c:pt idx="396">
                  <c:v>28797</c:v>
                </c:pt>
                <c:pt idx="397">
                  <c:v>28804</c:v>
                </c:pt>
                <c:pt idx="398">
                  <c:v>28811</c:v>
                </c:pt>
                <c:pt idx="399">
                  <c:v>28818</c:v>
                </c:pt>
                <c:pt idx="400">
                  <c:v>28825</c:v>
                </c:pt>
                <c:pt idx="401">
                  <c:v>28832</c:v>
                </c:pt>
                <c:pt idx="402">
                  <c:v>28839</c:v>
                </c:pt>
                <c:pt idx="403">
                  <c:v>28846</c:v>
                </c:pt>
                <c:pt idx="404">
                  <c:v>28853</c:v>
                </c:pt>
                <c:pt idx="405">
                  <c:v>28860</c:v>
                </c:pt>
                <c:pt idx="406">
                  <c:v>28867</c:v>
                </c:pt>
                <c:pt idx="407">
                  <c:v>28874</c:v>
                </c:pt>
                <c:pt idx="408">
                  <c:v>28881</c:v>
                </c:pt>
                <c:pt idx="409">
                  <c:v>28888</c:v>
                </c:pt>
                <c:pt idx="410">
                  <c:v>28895</c:v>
                </c:pt>
                <c:pt idx="411">
                  <c:v>28902</c:v>
                </c:pt>
                <c:pt idx="412">
                  <c:v>28909</c:v>
                </c:pt>
                <c:pt idx="413">
                  <c:v>28916</c:v>
                </c:pt>
                <c:pt idx="414">
                  <c:v>28923</c:v>
                </c:pt>
                <c:pt idx="415">
                  <c:v>28930</c:v>
                </c:pt>
                <c:pt idx="416">
                  <c:v>28937</c:v>
                </c:pt>
                <c:pt idx="417">
                  <c:v>28944</c:v>
                </c:pt>
                <c:pt idx="418">
                  <c:v>28951</c:v>
                </c:pt>
                <c:pt idx="419">
                  <c:v>28958</c:v>
                </c:pt>
                <c:pt idx="420">
                  <c:v>28965</c:v>
                </c:pt>
                <c:pt idx="421">
                  <c:v>28972</c:v>
                </c:pt>
                <c:pt idx="422">
                  <c:v>28979</c:v>
                </c:pt>
                <c:pt idx="423">
                  <c:v>28986</c:v>
                </c:pt>
                <c:pt idx="424">
                  <c:v>28993</c:v>
                </c:pt>
                <c:pt idx="425">
                  <c:v>29000</c:v>
                </c:pt>
                <c:pt idx="426">
                  <c:v>29007</c:v>
                </c:pt>
                <c:pt idx="427">
                  <c:v>29014</c:v>
                </c:pt>
                <c:pt idx="428">
                  <c:v>29021</c:v>
                </c:pt>
                <c:pt idx="429">
                  <c:v>29028</c:v>
                </c:pt>
                <c:pt idx="430">
                  <c:v>29035</c:v>
                </c:pt>
                <c:pt idx="431">
                  <c:v>29042</c:v>
                </c:pt>
                <c:pt idx="432">
                  <c:v>29049</c:v>
                </c:pt>
                <c:pt idx="433">
                  <c:v>29056</c:v>
                </c:pt>
                <c:pt idx="434">
                  <c:v>29063</c:v>
                </c:pt>
                <c:pt idx="435">
                  <c:v>29070</c:v>
                </c:pt>
                <c:pt idx="436">
                  <c:v>29077</c:v>
                </c:pt>
                <c:pt idx="437">
                  <c:v>29084</c:v>
                </c:pt>
                <c:pt idx="438">
                  <c:v>29091</c:v>
                </c:pt>
                <c:pt idx="439">
                  <c:v>29098</c:v>
                </c:pt>
                <c:pt idx="440">
                  <c:v>29105</c:v>
                </c:pt>
                <c:pt idx="441">
                  <c:v>29112</c:v>
                </c:pt>
                <c:pt idx="442">
                  <c:v>29119</c:v>
                </c:pt>
                <c:pt idx="443">
                  <c:v>29126</c:v>
                </c:pt>
                <c:pt idx="444">
                  <c:v>29133</c:v>
                </c:pt>
                <c:pt idx="445">
                  <c:v>29140</c:v>
                </c:pt>
                <c:pt idx="446">
                  <c:v>29147</c:v>
                </c:pt>
                <c:pt idx="447">
                  <c:v>29154</c:v>
                </c:pt>
                <c:pt idx="448">
                  <c:v>29161</c:v>
                </c:pt>
                <c:pt idx="449">
                  <c:v>29168</c:v>
                </c:pt>
                <c:pt idx="450">
                  <c:v>29175</c:v>
                </c:pt>
                <c:pt idx="451">
                  <c:v>29182</c:v>
                </c:pt>
                <c:pt idx="452">
                  <c:v>29189</c:v>
                </c:pt>
                <c:pt idx="453">
                  <c:v>29196</c:v>
                </c:pt>
                <c:pt idx="454">
                  <c:v>29203</c:v>
                </c:pt>
                <c:pt idx="455">
                  <c:v>29210</c:v>
                </c:pt>
                <c:pt idx="456">
                  <c:v>29217</c:v>
                </c:pt>
                <c:pt idx="457">
                  <c:v>29224</c:v>
                </c:pt>
                <c:pt idx="458">
                  <c:v>29231</c:v>
                </c:pt>
                <c:pt idx="459">
                  <c:v>29238</c:v>
                </c:pt>
                <c:pt idx="460">
                  <c:v>29245</c:v>
                </c:pt>
                <c:pt idx="461">
                  <c:v>29252</c:v>
                </c:pt>
                <c:pt idx="462">
                  <c:v>29259</c:v>
                </c:pt>
                <c:pt idx="463">
                  <c:v>29266</c:v>
                </c:pt>
                <c:pt idx="464">
                  <c:v>29273</c:v>
                </c:pt>
                <c:pt idx="465">
                  <c:v>29280</c:v>
                </c:pt>
                <c:pt idx="466">
                  <c:v>29287</c:v>
                </c:pt>
                <c:pt idx="467">
                  <c:v>29294</c:v>
                </c:pt>
                <c:pt idx="468">
                  <c:v>29301</c:v>
                </c:pt>
                <c:pt idx="469">
                  <c:v>29308</c:v>
                </c:pt>
                <c:pt idx="470">
                  <c:v>29315</c:v>
                </c:pt>
                <c:pt idx="471">
                  <c:v>29322</c:v>
                </c:pt>
                <c:pt idx="472">
                  <c:v>29329</c:v>
                </c:pt>
                <c:pt idx="473">
                  <c:v>29336</c:v>
                </c:pt>
                <c:pt idx="474">
                  <c:v>29343</c:v>
                </c:pt>
                <c:pt idx="475">
                  <c:v>29350</c:v>
                </c:pt>
                <c:pt idx="476">
                  <c:v>29357</c:v>
                </c:pt>
                <c:pt idx="477">
                  <c:v>29364</c:v>
                </c:pt>
                <c:pt idx="478">
                  <c:v>29371</c:v>
                </c:pt>
                <c:pt idx="479">
                  <c:v>29378</c:v>
                </c:pt>
                <c:pt idx="480">
                  <c:v>29385</c:v>
                </c:pt>
                <c:pt idx="481">
                  <c:v>29392</c:v>
                </c:pt>
                <c:pt idx="482">
                  <c:v>29399</c:v>
                </c:pt>
                <c:pt idx="483">
                  <c:v>29406</c:v>
                </c:pt>
                <c:pt idx="484">
                  <c:v>29413</c:v>
                </c:pt>
                <c:pt idx="485">
                  <c:v>29420</c:v>
                </c:pt>
                <c:pt idx="486">
                  <c:v>29427</c:v>
                </c:pt>
                <c:pt idx="487">
                  <c:v>29434</c:v>
                </c:pt>
                <c:pt idx="488">
                  <c:v>29441</c:v>
                </c:pt>
                <c:pt idx="489">
                  <c:v>29448</c:v>
                </c:pt>
                <c:pt idx="490">
                  <c:v>29455</c:v>
                </c:pt>
                <c:pt idx="491">
                  <c:v>29462</c:v>
                </c:pt>
                <c:pt idx="492">
                  <c:v>29469</c:v>
                </c:pt>
                <c:pt idx="493">
                  <c:v>29476</c:v>
                </c:pt>
                <c:pt idx="494">
                  <c:v>29483</c:v>
                </c:pt>
                <c:pt idx="495">
                  <c:v>29490</c:v>
                </c:pt>
                <c:pt idx="496">
                  <c:v>29497</c:v>
                </c:pt>
                <c:pt idx="497">
                  <c:v>29504</c:v>
                </c:pt>
                <c:pt idx="498">
                  <c:v>29511</c:v>
                </c:pt>
                <c:pt idx="499">
                  <c:v>29518</c:v>
                </c:pt>
                <c:pt idx="500">
                  <c:v>29525</c:v>
                </c:pt>
                <c:pt idx="501">
                  <c:v>29532</c:v>
                </c:pt>
                <c:pt idx="502">
                  <c:v>29539</c:v>
                </c:pt>
                <c:pt idx="503">
                  <c:v>29546</c:v>
                </c:pt>
                <c:pt idx="504">
                  <c:v>29553</c:v>
                </c:pt>
                <c:pt idx="505">
                  <c:v>29560</c:v>
                </c:pt>
                <c:pt idx="506">
                  <c:v>29567</c:v>
                </c:pt>
                <c:pt idx="507">
                  <c:v>29574</c:v>
                </c:pt>
                <c:pt idx="508">
                  <c:v>29581</c:v>
                </c:pt>
                <c:pt idx="509">
                  <c:v>29588</c:v>
                </c:pt>
                <c:pt idx="510">
                  <c:v>29595</c:v>
                </c:pt>
                <c:pt idx="511">
                  <c:v>29602</c:v>
                </c:pt>
                <c:pt idx="512">
                  <c:v>29609</c:v>
                </c:pt>
                <c:pt idx="513">
                  <c:v>29616</c:v>
                </c:pt>
                <c:pt idx="514">
                  <c:v>29623</c:v>
                </c:pt>
                <c:pt idx="515">
                  <c:v>29630</c:v>
                </c:pt>
                <c:pt idx="516">
                  <c:v>29637</c:v>
                </c:pt>
                <c:pt idx="517">
                  <c:v>29644</c:v>
                </c:pt>
                <c:pt idx="518">
                  <c:v>29651</c:v>
                </c:pt>
                <c:pt idx="519">
                  <c:v>29658</c:v>
                </c:pt>
                <c:pt idx="520">
                  <c:v>29665</c:v>
                </c:pt>
                <c:pt idx="521">
                  <c:v>29672</c:v>
                </c:pt>
                <c:pt idx="522">
                  <c:v>29679</c:v>
                </c:pt>
                <c:pt idx="523">
                  <c:v>29686</c:v>
                </c:pt>
                <c:pt idx="524">
                  <c:v>29693</c:v>
                </c:pt>
                <c:pt idx="525">
                  <c:v>29700</c:v>
                </c:pt>
                <c:pt idx="526">
                  <c:v>29707</c:v>
                </c:pt>
                <c:pt idx="527">
                  <c:v>29714</c:v>
                </c:pt>
                <c:pt idx="528">
                  <c:v>29721</c:v>
                </c:pt>
                <c:pt idx="529">
                  <c:v>29728</c:v>
                </c:pt>
                <c:pt idx="530">
                  <c:v>29735</c:v>
                </c:pt>
                <c:pt idx="531">
                  <c:v>29742</c:v>
                </c:pt>
                <c:pt idx="532">
                  <c:v>29749</c:v>
                </c:pt>
                <c:pt idx="533">
                  <c:v>29756</c:v>
                </c:pt>
                <c:pt idx="534">
                  <c:v>29763</c:v>
                </c:pt>
                <c:pt idx="535">
                  <c:v>29770</c:v>
                </c:pt>
                <c:pt idx="536">
                  <c:v>29777</c:v>
                </c:pt>
                <c:pt idx="537">
                  <c:v>29784</c:v>
                </c:pt>
                <c:pt idx="538">
                  <c:v>29791</c:v>
                </c:pt>
                <c:pt idx="539">
                  <c:v>29798</c:v>
                </c:pt>
                <c:pt idx="540">
                  <c:v>29805</c:v>
                </c:pt>
                <c:pt idx="541">
                  <c:v>29812</c:v>
                </c:pt>
                <c:pt idx="542">
                  <c:v>29819</c:v>
                </c:pt>
                <c:pt idx="543">
                  <c:v>29826</c:v>
                </c:pt>
                <c:pt idx="544">
                  <c:v>29833</c:v>
                </c:pt>
                <c:pt idx="545">
                  <c:v>29840</c:v>
                </c:pt>
                <c:pt idx="546">
                  <c:v>29847</c:v>
                </c:pt>
                <c:pt idx="547">
                  <c:v>29854</c:v>
                </c:pt>
                <c:pt idx="548">
                  <c:v>29861</c:v>
                </c:pt>
                <c:pt idx="549">
                  <c:v>29868</c:v>
                </c:pt>
                <c:pt idx="550">
                  <c:v>29875</c:v>
                </c:pt>
                <c:pt idx="551">
                  <c:v>29880</c:v>
                </c:pt>
                <c:pt idx="552">
                  <c:v>29889</c:v>
                </c:pt>
                <c:pt idx="553">
                  <c:v>29896</c:v>
                </c:pt>
                <c:pt idx="554">
                  <c:v>29903</c:v>
                </c:pt>
                <c:pt idx="555">
                  <c:v>29910</c:v>
                </c:pt>
                <c:pt idx="556">
                  <c:v>29917</c:v>
                </c:pt>
                <c:pt idx="557">
                  <c:v>29924</c:v>
                </c:pt>
                <c:pt idx="558">
                  <c:v>29931</c:v>
                </c:pt>
                <c:pt idx="559">
                  <c:v>29938</c:v>
                </c:pt>
                <c:pt idx="560">
                  <c:v>29945</c:v>
                </c:pt>
                <c:pt idx="561">
                  <c:v>29951</c:v>
                </c:pt>
                <c:pt idx="562">
                  <c:v>29959</c:v>
                </c:pt>
                <c:pt idx="563">
                  <c:v>29966</c:v>
                </c:pt>
                <c:pt idx="564">
                  <c:v>29973</c:v>
                </c:pt>
                <c:pt idx="565">
                  <c:v>29980</c:v>
                </c:pt>
                <c:pt idx="566">
                  <c:v>29987</c:v>
                </c:pt>
                <c:pt idx="567">
                  <c:v>29994</c:v>
                </c:pt>
                <c:pt idx="568">
                  <c:v>30001</c:v>
                </c:pt>
                <c:pt idx="569">
                  <c:v>30008</c:v>
                </c:pt>
                <c:pt idx="570">
                  <c:v>30015</c:v>
                </c:pt>
                <c:pt idx="571">
                  <c:v>30022</c:v>
                </c:pt>
                <c:pt idx="572">
                  <c:v>30029</c:v>
                </c:pt>
                <c:pt idx="573">
                  <c:v>30036</c:v>
                </c:pt>
                <c:pt idx="574">
                  <c:v>30043</c:v>
                </c:pt>
                <c:pt idx="575">
                  <c:v>30050</c:v>
                </c:pt>
                <c:pt idx="576">
                  <c:v>30057</c:v>
                </c:pt>
                <c:pt idx="577">
                  <c:v>30064</c:v>
                </c:pt>
                <c:pt idx="578">
                  <c:v>30071</c:v>
                </c:pt>
                <c:pt idx="579">
                  <c:v>30078</c:v>
                </c:pt>
                <c:pt idx="580">
                  <c:v>30085</c:v>
                </c:pt>
                <c:pt idx="581">
                  <c:v>30092</c:v>
                </c:pt>
                <c:pt idx="582">
                  <c:v>30099</c:v>
                </c:pt>
                <c:pt idx="583">
                  <c:v>30106</c:v>
                </c:pt>
                <c:pt idx="584">
                  <c:v>30113</c:v>
                </c:pt>
                <c:pt idx="585">
                  <c:v>30120</c:v>
                </c:pt>
                <c:pt idx="586">
                  <c:v>30127</c:v>
                </c:pt>
                <c:pt idx="587">
                  <c:v>30134</c:v>
                </c:pt>
                <c:pt idx="588">
                  <c:v>30141</c:v>
                </c:pt>
                <c:pt idx="589">
                  <c:v>30148</c:v>
                </c:pt>
                <c:pt idx="590">
                  <c:v>30155</c:v>
                </c:pt>
                <c:pt idx="591">
                  <c:v>30162</c:v>
                </c:pt>
                <c:pt idx="592">
                  <c:v>30169</c:v>
                </c:pt>
                <c:pt idx="593">
                  <c:v>30176</c:v>
                </c:pt>
                <c:pt idx="594">
                  <c:v>30183</c:v>
                </c:pt>
                <c:pt idx="595">
                  <c:v>30190</c:v>
                </c:pt>
                <c:pt idx="596">
                  <c:v>30197</c:v>
                </c:pt>
                <c:pt idx="597">
                  <c:v>30204</c:v>
                </c:pt>
                <c:pt idx="598">
                  <c:v>30211</c:v>
                </c:pt>
                <c:pt idx="599">
                  <c:v>30218</c:v>
                </c:pt>
                <c:pt idx="600">
                  <c:v>30225</c:v>
                </c:pt>
                <c:pt idx="601">
                  <c:v>30232</c:v>
                </c:pt>
                <c:pt idx="602">
                  <c:v>30239</c:v>
                </c:pt>
                <c:pt idx="603">
                  <c:v>30246</c:v>
                </c:pt>
                <c:pt idx="604">
                  <c:v>30253</c:v>
                </c:pt>
                <c:pt idx="605">
                  <c:v>30260</c:v>
                </c:pt>
                <c:pt idx="606">
                  <c:v>30267</c:v>
                </c:pt>
                <c:pt idx="607">
                  <c:v>30274</c:v>
                </c:pt>
                <c:pt idx="608">
                  <c:v>30281</c:v>
                </c:pt>
                <c:pt idx="609">
                  <c:v>30288</c:v>
                </c:pt>
                <c:pt idx="610">
                  <c:v>30295</c:v>
                </c:pt>
                <c:pt idx="611">
                  <c:v>30302</c:v>
                </c:pt>
                <c:pt idx="612">
                  <c:v>30309</c:v>
                </c:pt>
                <c:pt idx="613">
                  <c:v>30316</c:v>
                </c:pt>
                <c:pt idx="614">
                  <c:v>30323</c:v>
                </c:pt>
                <c:pt idx="615">
                  <c:v>30330</c:v>
                </c:pt>
                <c:pt idx="616">
                  <c:v>30337</c:v>
                </c:pt>
                <c:pt idx="617">
                  <c:v>30344</c:v>
                </c:pt>
                <c:pt idx="618">
                  <c:v>30351</c:v>
                </c:pt>
                <c:pt idx="619">
                  <c:v>30358</c:v>
                </c:pt>
                <c:pt idx="620">
                  <c:v>30365</c:v>
                </c:pt>
                <c:pt idx="621">
                  <c:v>30372</c:v>
                </c:pt>
                <c:pt idx="622">
                  <c:v>30379</c:v>
                </c:pt>
                <c:pt idx="623">
                  <c:v>30386</c:v>
                </c:pt>
                <c:pt idx="624">
                  <c:v>30393</c:v>
                </c:pt>
                <c:pt idx="625">
                  <c:v>30400</c:v>
                </c:pt>
                <c:pt idx="626">
                  <c:v>30407</c:v>
                </c:pt>
                <c:pt idx="627">
                  <c:v>30414</c:v>
                </c:pt>
                <c:pt idx="628">
                  <c:v>30421</c:v>
                </c:pt>
                <c:pt idx="629">
                  <c:v>30428</c:v>
                </c:pt>
                <c:pt idx="630">
                  <c:v>30435</c:v>
                </c:pt>
                <c:pt idx="631">
                  <c:v>30442</c:v>
                </c:pt>
                <c:pt idx="632">
                  <c:v>30449</c:v>
                </c:pt>
                <c:pt idx="633">
                  <c:v>30456</c:v>
                </c:pt>
                <c:pt idx="634">
                  <c:v>30463</c:v>
                </c:pt>
                <c:pt idx="635">
                  <c:v>30470</c:v>
                </c:pt>
                <c:pt idx="636">
                  <c:v>30477</c:v>
                </c:pt>
                <c:pt idx="637">
                  <c:v>30484</c:v>
                </c:pt>
                <c:pt idx="638">
                  <c:v>30491</c:v>
                </c:pt>
                <c:pt idx="639">
                  <c:v>30498</c:v>
                </c:pt>
                <c:pt idx="640">
                  <c:v>30505</c:v>
                </c:pt>
                <c:pt idx="641">
                  <c:v>30512</c:v>
                </c:pt>
                <c:pt idx="642">
                  <c:v>30519</c:v>
                </c:pt>
                <c:pt idx="643">
                  <c:v>30526</c:v>
                </c:pt>
                <c:pt idx="644">
                  <c:v>30533</c:v>
                </c:pt>
                <c:pt idx="645">
                  <c:v>30540</c:v>
                </c:pt>
                <c:pt idx="646">
                  <c:v>30547</c:v>
                </c:pt>
                <c:pt idx="647">
                  <c:v>30554</c:v>
                </c:pt>
                <c:pt idx="648">
                  <c:v>30561</c:v>
                </c:pt>
                <c:pt idx="649">
                  <c:v>30568</c:v>
                </c:pt>
                <c:pt idx="650">
                  <c:v>30575</c:v>
                </c:pt>
                <c:pt idx="651">
                  <c:v>30582</c:v>
                </c:pt>
                <c:pt idx="652">
                  <c:v>30589</c:v>
                </c:pt>
                <c:pt idx="653">
                  <c:v>30596</c:v>
                </c:pt>
                <c:pt idx="654">
                  <c:v>30603</c:v>
                </c:pt>
                <c:pt idx="655">
                  <c:v>30610</c:v>
                </c:pt>
                <c:pt idx="656">
                  <c:v>30617</c:v>
                </c:pt>
                <c:pt idx="657">
                  <c:v>30624</c:v>
                </c:pt>
                <c:pt idx="658">
                  <c:v>30631</c:v>
                </c:pt>
                <c:pt idx="659">
                  <c:v>30638</c:v>
                </c:pt>
                <c:pt idx="660">
                  <c:v>30645</c:v>
                </c:pt>
                <c:pt idx="661">
                  <c:v>30652</c:v>
                </c:pt>
                <c:pt idx="662">
                  <c:v>30659</c:v>
                </c:pt>
                <c:pt idx="663">
                  <c:v>30666</c:v>
                </c:pt>
                <c:pt idx="664">
                  <c:v>30673</c:v>
                </c:pt>
                <c:pt idx="665">
                  <c:v>30680</c:v>
                </c:pt>
                <c:pt idx="666">
                  <c:v>30687</c:v>
                </c:pt>
                <c:pt idx="667">
                  <c:v>30694</c:v>
                </c:pt>
                <c:pt idx="668">
                  <c:v>30701</c:v>
                </c:pt>
                <c:pt idx="669">
                  <c:v>30708</c:v>
                </c:pt>
                <c:pt idx="670">
                  <c:v>30715</c:v>
                </c:pt>
                <c:pt idx="671">
                  <c:v>30722</c:v>
                </c:pt>
                <c:pt idx="672">
                  <c:v>30729</c:v>
                </c:pt>
                <c:pt idx="673">
                  <c:v>30736</c:v>
                </c:pt>
                <c:pt idx="674">
                  <c:v>30743</c:v>
                </c:pt>
                <c:pt idx="675">
                  <c:v>30750</c:v>
                </c:pt>
                <c:pt idx="676">
                  <c:v>30757</c:v>
                </c:pt>
                <c:pt idx="677">
                  <c:v>30764</c:v>
                </c:pt>
                <c:pt idx="678">
                  <c:v>30771</c:v>
                </c:pt>
                <c:pt idx="679">
                  <c:v>30778</c:v>
                </c:pt>
                <c:pt idx="680">
                  <c:v>30785</c:v>
                </c:pt>
                <c:pt idx="681">
                  <c:v>30792</c:v>
                </c:pt>
                <c:pt idx="682">
                  <c:v>30799</c:v>
                </c:pt>
                <c:pt idx="683">
                  <c:v>30806</c:v>
                </c:pt>
                <c:pt idx="684">
                  <c:v>30813</c:v>
                </c:pt>
                <c:pt idx="685">
                  <c:v>30820</c:v>
                </c:pt>
                <c:pt idx="686">
                  <c:v>30827</c:v>
                </c:pt>
                <c:pt idx="687">
                  <c:v>30834</c:v>
                </c:pt>
                <c:pt idx="688">
                  <c:v>30841</c:v>
                </c:pt>
                <c:pt idx="689">
                  <c:v>30848</c:v>
                </c:pt>
                <c:pt idx="690">
                  <c:v>30855</c:v>
                </c:pt>
                <c:pt idx="691">
                  <c:v>30862</c:v>
                </c:pt>
                <c:pt idx="692">
                  <c:v>30869</c:v>
                </c:pt>
                <c:pt idx="693">
                  <c:v>30876</c:v>
                </c:pt>
                <c:pt idx="694">
                  <c:v>30883</c:v>
                </c:pt>
                <c:pt idx="695">
                  <c:v>30890</c:v>
                </c:pt>
                <c:pt idx="696">
                  <c:v>30897</c:v>
                </c:pt>
                <c:pt idx="697">
                  <c:v>30904</c:v>
                </c:pt>
                <c:pt idx="698">
                  <c:v>30911</c:v>
                </c:pt>
                <c:pt idx="699">
                  <c:v>30918</c:v>
                </c:pt>
                <c:pt idx="700">
                  <c:v>30925</c:v>
                </c:pt>
                <c:pt idx="701">
                  <c:v>30932</c:v>
                </c:pt>
                <c:pt idx="702">
                  <c:v>30939</c:v>
                </c:pt>
                <c:pt idx="703">
                  <c:v>30946</c:v>
                </c:pt>
                <c:pt idx="704">
                  <c:v>30953</c:v>
                </c:pt>
                <c:pt idx="705">
                  <c:v>30960</c:v>
                </c:pt>
                <c:pt idx="706">
                  <c:v>30967</c:v>
                </c:pt>
                <c:pt idx="707">
                  <c:v>30974</c:v>
                </c:pt>
                <c:pt idx="708">
                  <c:v>30981</c:v>
                </c:pt>
                <c:pt idx="709">
                  <c:v>30988</c:v>
                </c:pt>
                <c:pt idx="710">
                  <c:v>30995</c:v>
                </c:pt>
                <c:pt idx="711">
                  <c:v>31002</c:v>
                </c:pt>
                <c:pt idx="712">
                  <c:v>31009</c:v>
                </c:pt>
                <c:pt idx="713">
                  <c:v>31016</c:v>
                </c:pt>
                <c:pt idx="714">
                  <c:v>31023</c:v>
                </c:pt>
                <c:pt idx="715">
                  <c:v>31030</c:v>
                </c:pt>
                <c:pt idx="716">
                  <c:v>31037</c:v>
                </c:pt>
                <c:pt idx="717">
                  <c:v>31044</c:v>
                </c:pt>
                <c:pt idx="718">
                  <c:v>31051</c:v>
                </c:pt>
                <c:pt idx="719">
                  <c:v>31058</c:v>
                </c:pt>
                <c:pt idx="720">
                  <c:v>31065</c:v>
                </c:pt>
                <c:pt idx="721">
                  <c:v>31072</c:v>
                </c:pt>
                <c:pt idx="722">
                  <c:v>31079</c:v>
                </c:pt>
                <c:pt idx="723">
                  <c:v>31086</c:v>
                </c:pt>
                <c:pt idx="724">
                  <c:v>31093</c:v>
                </c:pt>
                <c:pt idx="725">
                  <c:v>31100</c:v>
                </c:pt>
                <c:pt idx="726">
                  <c:v>31107</c:v>
                </c:pt>
                <c:pt idx="727">
                  <c:v>31114</c:v>
                </c:pt>
                <c:pt idx="728">
                  <c:v>31121</c:v>
                </c:pt>
                <c:pt idx="729">
                  <c:v>31128</c:v>
                </c:pt>
                <c:pt idx="730">
                  <c:v>31135</c:v>
                </c:pt>
                <c:pt idx="731">
                  <c:v>31142</c:v>
                </c:pt>
                <c:pt idx="732">
                  <c:v>31149</c:v>
                </c:pt>
                <c:pt idx="733">
                  <c:v>31156</c:v>
                </c:pt>
                <c:pt idx="734">
                  <c:v>31163</c:v>
                </c:pt>
                <c:pt idx="735">
                  <c:v>31170</c:v>
                </c:pt>
                <c:pt idx="736">
                  <c:v>31177</c:v>
                </c:pt>
                <c:pt idx="737">
                  <c:v>31184</c:v>
                </c:pt>
                <c:pt idx="738">
                  <c:v>31191</c:v>
                </c:pt>
                <c:pt idx="739">
                  <c:v>31198</c:v>
                </c:pt>
                <c:pt idx="740">
                  <c:v>31205</c:v>
                </c:pt>
                <c:pt idx="741">
                  <c:v>31212</c:v>
                </c:pt>
                <c:pt idx="742">
                  <c:v>31219</c:v>
                </c:pt>
                <c:pt idx="743">
                  <c:v>31226</c:v>
                </c:pt>
                <c:pt idx="744">
                  <c:v>31233</c:v>
                </c:pt>
                <c:pt idx="745">
                  <c:v>31240</c:v>
                </c:pt>
                <c:pt idx="746">
                  <c:v>31247</c:v>
                </c:pt>
                <c:pt idx="747">
                  <c:v>31254</c:v>
                </c:pt>
                <c:pt idx="748">
                  <c:v>31261</c:v>
                </c:pt>
                <c:pt idx="749">
                  <c:v>31268</c:v>
                </c:pt>
                <c:pt idx="750">
                  <c:v>31275</c:v>
                </c:pt>
                <c:pt idx="751">
                  <c:v>31282</c:v>
                </c:pt>
                <c:pt idx="752">
                  <c:v>31289</c:v>
                </c:pt>
                <c:pt idx="753">
                  <c:v>31296</c:v>
                </c:pt>
                <c:pt idx="754">
                  <c:v>31303</c:v>
                </c:pt>
                <c:pt idx="755">
                  <c:v>31310</c:v>
                </c:pt>
                <c:pt idx="756">
                  <c:v>31317</c:v>
                </c:pt>
                <c:pt idx="757">
                  <c:v>31324</c:v>
                </c:pt>
                <c:pt idx="758">
                  <c:v>31331</c:v>
                </c:pt>
                <c:pt idx="759">
                  <c:v>31338</c:v>
                </c:pt>
                <c:pt idx="760">
                  <c:v>31345</c:v>
                </c:pt>
                <c:pt idx="761">
                  <c:v>31352</c:v>
                </c:pt>
                <c:pt idx="762">
                  <c:v>31359</c:v>
                </c:pt>
                <c:pt idx="763">
                  <c:v>31366</c:v>
                </c:pt>
                <c:pt idx="764">
                  <c:v>31373</c:v>
                </c:pt>
                <c:pt idx="765">
                  <c:v>31380</c:v>
                </c:pt>
                <c:pt idx="766">
                  <c:v>31387</c:v>
                </c:pt>
                <c:pt idx="767">
                  <c:v>31394</c:v>
                </c:pt>
                <c:pt idx="768">
                  <c:v>31401</c:v>
                </c:pt>
                <c:pt idx="769">
                  <c:v>31408</c:v>
                </c:pt>
                <c:pt idx="770">
                  <c:v>31415</c:v>
                </c:pt>
                <c:pt idx="771">
                  <c:v>31422</c:v>
                </c:pt>
                <c:pt idx="772">
                  <c:v>31429</c:v>
                </c:pt>
                <c:pt idx="773">
                  <c:v>31436</c:v>
                </c:pt>
                <c:pt idx="774">
                  <c:v>31443</c:v>
                </c:pt>
                <c:pt idx="775">
                  <c:v>31450</c:v>
                </c:pt>
                <c:pt idx="776">
                  <c:v>31457</c:v>
                </c:pt>
                <c:pt idx="777">
                  <c:v>31464</c:v>
                </c:pt>
                <c:pt idx="778">
                  <c:v>31471</c:v>
                </c:pt>
                <c:pt idx="779">
                  <c:v>31478</c:v>
                </c:pt>
                <c:pt idx="780">
                  <c:v>31485</c:v>
                </c:pt>
                <c:pt idx="781">
                  <c:v>31492</c:v>
                </c:pt>
                <c:pt idx="782">
                  <c:v>31499</c:v>
                </c:pt>
                <c:pt idx="783">
                  <c:v>31506</c:v>
                </c:pt>
                <c:pt idx="784">
                  <c:v>31513</c:v>
                </c:pt>
                <c:pt idx="785">
                  <c:v>31520</c:v>
                </c:pt>
                <c:pt idx="786">
                  <c:v>31527</c:v>
                </c:pt>
                <c:pt idx="787">
                  <c:v>31534</c:v>
                </c:pt>
                <c:pt idx="788">
                  <c:v>31541</c:v>
                </c:pt>
                <c:pt idx="789">
                  <c:v>31548</c:v>
                </c:pt>
                <c:pt idx="790">
                  <c:v>31555</c:v>
                </c:pt>
                <c:pt idx="791">
                  <c:v>31562</c:v>
                </c:pt>
                <c:pt idx="792">
                  <c:v>31569</c:v>
                </c:pt>
                <c:pt idx="793">
                  <c:v>31576</c:v>
                </c:pt>
                <c:pt idx="794">
                  <c:v>31583</c:v>
                </c:pt>
                <c:pt idx="795">
                  <c:v>31590</c:v>
                </c:pt>
                <c:pt idx="796">
                  <c:v>31597</c:v>
                </c:pt>
                <c:pt idx="797">
                  <c:v>31604</c:v>
                </c:pt>
                <c:pt idx="798">
                  <c:v>31611</c:v>
                </c:pt>
                <c:pt idx="799">
                  <c:v>31618</c:v>
                </c:pt>
                <c:pt idx="800">
                  <c:v>31625</c:v>
                </c:pt>
                <c:pt idx="801">
                  <c:v>31632</c:v>
                </c:pt>
                <c:pt idx="802">
                  <c:v>31639</c:v>
                </c:pt>
                <c:pt idx="803">
                  <c:v>31646</c:v>
                </c:pt>
                <c:pt idx="804">
                  <c:v>31653</c:v>
                </c:pt>
                <c:pt idx="805">
                  <c:v>31660</c:v>
                </c:pt>
                <c:pt idx="806">
                  <c:v>31667</c:v>
                </c:pt>
                <c:pt idx="807">
                  <c:v>31674</c:v>
                </c:pt>
                <c:pt idx="808">
                  <c:v>31681</c:v>
                </c:pt>
                <c:pt idx="809">
                  <c:v>31688</c:v>
                </c:pt>
                <c:pt idx="810">
                  <c:v>31695</c:v>
                </c:pt>
                <c:pt idx="811">
                  <c:v>31702</c:v>
                </c:pt>
                <c:pt idx="812">
                  <c:v>31709</c:v>
                </c:pt>
                <c:pt idx="813">
                  <c:v>31716</c:v>
                </c:pt>
                <c:pt idx="814">
                  <c:v>31723</c:v>
                </c:pt>
                <c:pt idx="815">
                  <c:v>31730</c:v>
                </c:pt>
                <c:pt idx="816">
                  <c:v>31737</c:v>
                </c:pt>
                <c:pt idx="817">
                  <c:v>31744</c:v>
                </c:pt>
                <c:pt idx="818">
                  <c:v>31751</c:v>
                </c:pt>
                <c:pt idx="819">
                  <c:v>31758</c:v>
                </c:pt>
                <c:pt idx="820">
                  <c:v>31765</c:v>
                </c:pt>
                <c:pt idx="821">
                  <c:v>31772</c:v>
                </c:pt>
                <c:pt idx="822">
                  <c:v>31779</c:v>
                </c:pt>
                <c:pt idx="823">
                  <c:v>31786</c:v>
                </c:pt>
                <c:pt idx="824">
                  <c:v>31793</c:v>
                </c:pt>
                <c:pt idx="825">
                  <c:v>31800</c:v>
                </c:pt>
                <c:pt idx="826">
                  <c:v>31807</c:v>
                </c:pt>
                <c:pt idx="827">
                  <c:v>31814</c:v>
                </c:pt>
                <c:pt idx="828">
                  <c:v>31821</c:v>
                </c:pt>
                <c:pt idx="829">
                  <c:v>31828</c:v>
                </c:pt>
                <c:pt idx="830">
                  <c:v>31835</c:v>
                </c:pt>
                <c:pt idx="831">
                  <c:v>31842</c:v>
                </c:pt>
                <c:pt idx="832">
                  <c:v>31849</c:v>
                </c:pt>
                <c:pt idx="833">
                  <c:v>31856</c:v>
                </c:pt>
                <c:pt idx="834">
                  <c:v>31863</c:v>
                </c:pt>
                <c:pt idx="835">
                  <c:v>31870</c:v>
                </c:pt>
                <c:pt idx="836">
                  <c:v>31877</c:v>
                </c:pt>
                <c:pt idx="837">
                  <c:v>31884</c:v>
                </c:pt>
                <c:pt idx="838">
                  <c:v>31891</c:v>
                </c:pt>
                <c:pt idx="839">
                  <c:v>31898</c:v>
                </c:pt>
                <c:pt idx="840">
                  <c:v>31905</c:v>
                </c:pt>
                <c:pt idx="841">
                  <c:v>31912</c:v>
                </c:pt>
                <c:pt idx="842">
                  <c:v>31919</c:v>
                </c:pt>
                <c:pt idx="843">
                  <c:v>31926</c:v>
                </c:pt>
                <c:pt idx="844">
                  <c:v>31933</c:v>
                </c:pt>
                <c:pt idx="845">
                  <c:v>31940</c:v>
                </c:pt>
                <c:pt idx="846">
                  <c:v>31947</c:v>
                </c:pt>
                <c:pt idx="847">
                  <c:v>31954</c:v>
                </c:pt>
                <c:pt idx="848">
                  <c:v>31961</c:v>
                </c:pt>
                <c:pt idx="849">
                  <c:v>31968</c:v>
                </c:pt>
                <c:pt idx="850">
                  <c:v>31975</c:v>
                </c:pt>
                <c:pt idx="851">
                  <c:v>31982</c:v>
                </c:pt>
                <c:pt idx="852">
                  <c:v>31989</c:v>
                </c:pt>
                <c:pt idx="853">
                  <c:v>31996</c:v>
                </c:pt>
                <c:pt idx="854">
                  <c:v>32003</c:v>
                </c:pt>
                <c:pt idx="855">
                  <c:v>32010</c:v>
                </c:pt>
                <c:pt idx="856">
                  <c:v>32017</c:v>
                </c:pt>
                <c:pt idx="857">
                  <c:v>32024</c:v>
                </c:pt>
                <c:pt idx="858">
                  <c:v>32031</c:v>
                </c:pt>
                <c:pt idx="859">
                  <c:v>32038</c:v>
                </c:pt>
                <c:pt idx="860">
                  <c:v>32045</c:v>
                </c:pt>
                <c:pt idx="861">
                  <c:v>32052</c:v>
                </c:pt>
                <c:pt idx="862">
                  <c:v>32059</c:v>
                </c:pt>
                <c:pt idx="863">
                  <c:v>32066</c:v>
                </c:pt>
                <c:pt idx="864">
                  <c:v>32073</c:v>
                </c:pt>
                <c:pt idx="865">
                  <c:v>32080</c:v>
                </c:pt>
                <c:pt idx="866">
                  <c:v>32087</c:v>
                </c:pt>
                <c:pt idx="867">
                  <c:v>32094</c:v>
                </c:pt>
                <c:pt idx="868">
                  <c:v>32101</c:v>
                </c:pt>
                <c:pt idx="869">
                  <c:v>32108</c:v>
                </c:pt>
                <c:pt idx="870">
                  <c:v>32115</c:v>
                </c:pt>
                <c:pt idx="871">
                  <c:v>32122</c:v>
                </c:pt>
                <c:pt idx="872">
                  <c:v>32129</c:v>
                </c:pt>
                <c:pt idx="873">
                  <c:v>32136</c:v>
                </c:pt>
                <c:pt idx="874">
                  <c:v>32142</c:v>
                </c:pt>
                <c:pt idx="875">
                  <c:v>32150</c:v>
                </c:pt>
                <c:pt idx="876">
                  <c:v>32157</c:v>
                </c:pt>
                <c:pt idx="877">
                  <c:v>32164</c:v>
                </c:pt>
                <c:pt idx="878">
                  <c:v>32171</c:v>
                </c:pt>
                <c:pt idx="879">
                  <c:v>32178</c:v>
                </c:pt>
                <c:pt idx="880">
                  <c:v>32185</c:v>
                </c:pt>
                <c:pt idx="881">
                  <c:v>32192</c:v>
                </c:pt>
                <c:pt idx="882">
                  <c:v>32199</c:v>
                </c:pt>
                <c:pt idx="883">
                  <c:v>32206</c:v>
                </c:pt>
                <c:pt idx="884">
                  <c:v>32213</c:v>
                </c:pt>
                <c:pt idx="885">
                  <c:v>32220</c:v>
                </c:pt>
                <c:pt idx="886">
                  <c:v>32227</c:v>
                </c:pt>
                <c:pt idx="887">
                  <c:v>32234</c:v>
                </c:pt>
                <c:pt idx="888">
                  <c:v>32241</c:v>
                </c:pt>
                <c:pt idx="889">
                  <c:v>32248</c:v>
                </c:pt>
                <c:pt idx="890">
                  <c:v>32255</c:v>
                </c:pt>
                <c:pt idx="891">
                  <c:v>32262</c:v>
                </c:pt>
                <c:pt idx="892">
                  <c:v>32269</c:v>
                </c:pt>
                <c:pt idx="893">
                  <c:v>32276</c:v>
                </c:pt>
                <c:pt idx="894">
                  <c:v>32283</c:v>
                </c:pt>
                <c:pt idx="895">
                  <c:v>32290</c:v>
                </c:pt>
                <c:pt idx="896">
                  <c:v>32297</c:v>
                </c:pt>
                <c:pt idx="897">
                  <c:v>32304</c:v>
                </c:pt>
                <c:pt idx="898">
                  <c:v>32311</c:v>
                </c:pt>
                <c:pt idx="899">
                  <c:v>32318</c:v>
                </c:pt>
                <c:pt idx="900">
                  <c:v>32325</c:v>
                </c:pt>
                <c:pt idx="901">
                  <c:v>32332</c:v>
                </c:pt>
                <c:pt idx="902">
                  <c:v>32339</c:v>
                </c:pt>
                <c:pt idx="903">
                  <c:v>32346</c:v>
                </c:pt>
                <c:pt idx="904">
                  <c:v>32353</c:v>
                </c:pt>
                <c:pt idx="905">
                  <c:v>32360</c:v>
                </c:pt>
                <c:pt idx="906">
                  <c:v>32367</c:v>
                </c:pt>
                <c:pt idx="907">
                  <c:v>32374</c:v>
                </c:pt>
                <c:pt idx="908">
                  <c:v>32381</c:v>
                </c:pt>
                <c:pt idx="909">
                  <c:v>32388</c:v>
                </c:pt>
                <c:pt idx="910">
                  <c:v>32395</c:v>
                </c:pt>
                <c:pt idx="911">
                  <c:v>32402</c:v>
                </c:pt>
                <c:pt idx="912">
                  <c:v>32409</c:v>
                </c:pt>
                <c:pt idx="913">
                  <c:v>32416</c:v>
                </c:pt>
                <c:pt idx="914">
                  <c:v>32423</c:v>
                </c:pt>
                <c:pt idx="915">
                  <c:v>32430</c:v>
                </c:pt>
                <c:pt idx="916">
                  <c:v>32437</c:v>
                </c:pt>
                <c:pt idx="917">
                  <c:v>32444</c:v>
                </c:pt>
                <c:pt idx="918">
                  <c:v>32451</c:v>
                </c:pt>
                <c:pt idx="919">
                  <c:v>32458</c:v>
                </c:pt>
                <c:pt idx="920">
                  <c:v>32465</c:v>
                </c:pt>
                <c:pt idx="921">
                  <c:v>32472</c:v>
                </c:pt>
                <c:pt idx="922">
                  <c:v>32479</c:v>
                </c:pt>
                <c:pt idx="923">
                  <c:v>32486</c:v>
                </c:pt>
                <c:pt idx="924">
                  <c:v>32493</c:v>
                </c:pt>
                <c:pt idx="925">
                  <c:v>32500</c:v>
                </c:pt>
                <c:pt idx="926">
                  <c:v>32507</c:v>
                </c:pt>
                <c:pt idx="927">
                  <c:v>32514</c:v>
                </c:pt>
                <c:pt idx="928">
                  <c:v>32521</c:v>
                </c:pt>
                <c:pt idx="929">
                  <c:v>32528</c:v>
                </c:pt>
                <c:pt idx="930">
                  <c:v>32535</c:v>
                </c:pt>
                <c:pt idx="931">
                  <c:v>32542</c:v>
                </c:pt>
                <c:pt idx="932">
                  <c:v>32549</c:v>
                </c:pt>
                <c:pt idx="933">
                  <c:v>32556</c:v>
                </c:pt>
                <c:pt idx="934">
                  <c:v>32563</c:v>
                </c:pt>
                <c:pt idx="935">
                  <c:v>32570</c:v>
                </c:pt>
                <c:pt idx="936">
                  <c:v>32577</c:v>
                </c:pt>
                <c:pt idx="937">
                  <c:v>32584</c:v>
                </c:pt>
                <c:pt idx="938">
                  <c:v>32591</c:v>
                </c:pt>
                <c:pt idx="939">
                  <c:v>32598</c:v>
                </c:pt>
                <c:pt idx="940">
                  <c:v>32605</c:v>
                </c:pt>
                <c:pt idx="941">
                  <c:v>32612</c:v>
                </c:pt>
                <c:pt idx="942">
                  <c:v>32619</c:v>
                </c:pt>
                <c:pt idx="943">
                  <c:v>32626</c:v>
                </c:pt>
                <c:pt idx="944">
                  <c:v>32633</c:v>
                </c:pt>
                <c:pt idx="945">
                  <c:v>32640</c:v>
                </c:pt>
                <c:pt idx="946">
                  <c:v>32647</c:v>
                </c:pt>
                <c:pt idx="947">
                  <c:v>32654</c:v>
                </c:pt>
                <c:pt idx="948">
                  <c:v>32661</c:v>
                </c:pt>
                <c:pt idx="949">
                  <c:v>32668</c:v>
                </c:pt>
                <c:pt idx="950">
                  <c:v>32675</c:v>
                </c:pt>
                <c:pt idx="951">
                  <c:v>32682</c:v>
                </c:pt>
                <c:pt idx="952">
                  <c:v>32689</c:v>
                </c:pt>
                <c:pt idx="953">
                  <c:v>32696</c:v>
                </c:pt>
                <c:pt idx="954">
                  <c:v>32703</c:v>
                </c:pt>
                <c:pt idx="955">
                  <c:v>32710</c:v>
                </c:pt>
                <c:pt idx="956">
                  <c:v>32717</c:v>
                </c:pt>
                <c:pt idx="957">
                  <c:v>32724</c:v>
                </c:pt>
                <c:pt idx="958">
                  <c:v>32731</c:v>
                </c:pt>
                <c:pt idx="959">
                  <c:v>32738</c:v>
                </c:pt>
                <c:pt idx="960">
                  <c:v>32745</c:v>
                </c:pt>
                <c:pt idx="961">
                  <c:v>32752</c:v>
                </c:pt>
                <c:pt idx="962">
                  <c:v>32759</c:v>
                </c:pt>
                <c:pt idx="963">
                  <c:v>32766</c:v>
                </c:pt>
                <c:pt idx="964">
                  <c:v>32773</c:v>
                </c:pt>
                <c:pt idx="965">
                  <c:v>32780</c:v>
                </c:pt>
                <c:pt idx="966">
                  <c:v>32787</c:v>
                </c:pt>
                <c:pt idx="967">
                  <c:v>32794</c:v>
                </c:pt>
                <c:pt idx="968">
                  <c:v>32801</c:v>
                </c:pt>
                <c:pt idx="969">
                  <c:v>32808</c:v>
                </c:pt>
                <c:pt idx="970">
                  <c:v>32815</c:v>
                </c:pt>
                <c:pt idx="971">
                  <c:v>32822</c:v>
                </c:pt>
                <c:pt idx="972">
                  <c:v>32829</c:v>
                </c:pt>
                <c:pt idx="973">
                  <c:v>32836</c:v>
                </c:pt>
                <c:pt idx="974">
                  <c:v>32843</c:v>
                </c:pt>
                <c:pt idx="975">
                  <c:v>32850</c:v>
                </c:pt>
                <c:pt idx="976">
                  <c:v>32857</c:v>
                </c:pt>
                <c:pt idx="977">
                  <c:v>32864</c:v>
                </c:pt>
                <c:pt idx="978">
                  <c:v>32871</c:v>
                </c:pt>
                <c:pt idx="979">
                  <c:v>32878</c:v>
                </c:pt>
                <c:pt idx="980">
                  <c:v>32885</c:v>
                </c:pt>
                <c:pt idx="981">
                  <c:v>32892</c:v>
                </c:pt>
                <c:pt idx="982">
                  <c:v>32899</c:v>
                </c:pt>
                <c:pt idx="983">
                  <c:v>32906</c:v>
                </c:pt>
                <c:pt idx="984">
                  <c:v>32913</c:v>
                </c:pt>
                <c:pt idx="985">
                  <c:v>32920</c:v>
                </c:pt>
                <c:pt idx="986">
                  <c:v>32927</c:v>
                </c:pt>
                <c:pt idx="987">
                  <c:v>32934</c:v>
                </c:pt>
                <c:pt idx="988">
                  <c:v>32941</c:v>
                </c:pt>
                <c:pt idx="989">
                  <c:v>32948</c:v>
                </c:pt>
                <c:pt idx="990">
                  <c:v>32955</c:v>
                </c:pt>
                <c:pt idx="991">
                  <c:v>32962</c:v>
                </c:pt>
                <c:pt idx="992">
                  <c:v>32969</c:v>
                </c:pt>
                <c:pt idx="993">
                  <c:v>32976</c:v>
                </c:pt>
                <c:pt idx="994">
                  <c:v>32983</c:v>
                </c:pt>
                <c:pt idx="995">
                  <c:v>32990</c:v>
                </c:pt>
                <c:pt idx="996">
                  <c:v>32997</c:v>
                </c:pt>
                <c:pt idx="997">
                  <c:v>33004</c:v>
                </c:pt>
                <c:pt idx="998">
                  <c:v>33011</c:v>
                </c:pt>
                <c:pt idx="999">
                  <c:v>33018</c:v>
                </c:pt>
                <c:pt idx="1000">
                  <c:v>33025</c:v>
                </c:pt>
                <c:pt idx="1001">
                  <c:v>33032</c:v>
                </c:pt>
                <c:pt idx="1002">
                  <c:v>33039</c:v>
                </c:pt>
                <c:pt idx="1003">
                  <c:v>33046</c:v>
                </c:pt>
                <c:pt idx="1004">
                  <c:v>33053</c:v>
                </c:pt>
                <c:pt idx="1005">
                  <c:v>33060</c:v>
                </c:pt>
                <c:pt idx="1006">
                  <c:v>33067</c:v>
                </c:pt>
                <c:pt idx="1007">
                  <c:v>33074</c:v>
                </c:pt>
                <c:pt idx="1008">
                  <c:v>33081</c:v>
                </c:pt>
                <c:pt idx="1009">
                  <c:v>33088</c:v>
                </c:pt>
                <c:pt idx="1010">
                  <c:v>33095</c:v>
                </c:pt>
                <c:pt idx="1011">
                  <c:v>33102</c:v>
                </c:pt>
                <c:pt idx="1012">
                  <c:v>33109</c:v>
                </c:pt>
                <c:pt idx="1013">
                  <c:v>33116</c:v>
                </c:pt>
                <c:pt idx="1014">
                  <c:v>33123</c:v>
                </c:pt>
                <c:pt idx="1015">
                  <c:v>33130</c:v>
                </c:pt>
                <c:pt idx="1016">
                  <c:v>33137</c:v>
                </c:pt>
                <c:pt idx="1017">
                  <c:v>33144</c:v>
                </c:pt>
                <c:pt idx="1018">
                  <c:v>33151</c:v>
                </c:pt>
                <c:pt idx="1019">
                  <c:v>33158</c:v>
                </c:pt>
                <c:pt idx="1020">
                  <c:v>33165</c:v>
                </c:pt>
                <c:pt idx="1021">
                  <c:v>33172</c:v>
                </c:pt>
                <c:pt idx="1022">
                  <c:v>33179</c:v>
                </c:pt>
                <c:pt idx="1023">
                  <c:v>33186</c:v>
                </c:pt>
                <c:pt idx="1024">
                  <c:v>33193</c:v>
                </c:pt>
                <c:pt idx="1025">
                  <c:v>33200</c:v>
                </c:pt>
                <c:pt idx="1026">
                  <c:v>33207</c:v>
                </c:pt>
                <c:pt idx="1027">
                  <c:v>33214</c:v>
                </c:pt>
                <c:pt idx="1028">
                  <c:v>33221</c:v>
                </c:pt>
                <c:pt idx="1029">
                  <c:v>33228</c:v>
                </c:pt>
                <c:pt idx="1030">
                  <c:v>33235</c:v>
                </c:pt>
                <c:pt idx="1031">
                  <c:v>33242</c:v>
                </c:pt>
                <c:pt idx="1032">
                  <c:v>33249</c:v>
                </c:pt>
                <c:pt idx="1033">
                  <c:v>33256</c:v>
                </c:pt>
                <c:pt idx="1034">
                  <c:v>33263</c:v>
                </c:pt>
                <c:pt idx="1035">
                  <c:v>33270</c:v>
                </c:pt>
                <c:pt idx="1036">
                  <c:v>33277</c:v>
                </c:pt>
                <c:pt idx="1037">
                  <c:v>33284</c:v>
                </c:pt>
                <c:pt idx="1038">
                  <c:v>33291</c:v>
                </c:pt>
                <c:pt idx="1039">
                  <c:v>33298</c:v>
                </c:pt>
                <c:pt idx="1040">
                  <c:v>33305</c:v>
                </c:pt>
                <c:pt idx="1041">
                  <c:v>33312</c:v>
                </c:pt>
                <c:pt idx="1042">
                  <c:v>33319</c:v>
                </c:pt>
                <c:pt idx="1043">
                  <c:v>33326</c:v>
                </c:pt>
                <c:pt idx="1044">
                  <c:v>33333</c:v>
                </c:pt>
                <c:pt idx="1045">
                  <c:v>33340</c:v>
                </c:pt>
                <c:pt idx="1046">
                  <c:v>33347</c:v>
                </c:pt>
                <c:pt idx="1047">
                  <c:v>33354</c:v>
                </c:pt>
                <c:pt idx="1048">
                  <c:v>33361</c:v>
                </c:pt>
                <c:pt idx="1049">
                  <c:v>33368</c:v>
                </c:pt>
                <c:pt idx="1050">
                  <c:v>33375</c:v>
                </c:pt>
                <c:pt idx="1051">
                  <c:v>33382</c:v>
                </c:pt>
                <c:pt idx="1052">
                  <c:v>33389</c:v>
                </c:pt>
                <c:pt idx="1053">
                  <c:v>33396</c:v>
                </c:pt>
                <c:pt idx="1054">
                  <c:v>33403</c:v>
                </c:pt>
                <c:pt idx="1055">
                  <c:v>33410</c:v>
                </c:pt>
                <c:pt idx="1056">
                  <c:v>33417</c:v>
                </c:pt>
                <c:pt idx="1057">
                  <c:v>33424</c:v>
                </c:pt>
                <c:pt idx="1058">
                  <c:v>33431</c:v>
                </c:pt>
                <c:pt idx="1059">
                  <c:v>33438</c:v>
                </c:pt>
                <c:pt idx="1060">
                  <c:v>33445</c:v>
                </c:pt>
                <c:pt idx="1061">
                  <c:v>33452</c:v>
                </c:pt>
                <c:pt idx="1062">
                  <c:v>33459</c:v>
                </c:pt>
                <c:pt idx="1063">
                  <c:v>33466</c:v>
                </c:pt>
                <c:pt idx="1064">
                  <c:v>33473</c:v>
                </c:pt>
                <c:pt idx="1065">
                  <c:v>33480</c:v>
                </c:pt>
                <c:pt idx="1066">
                  <c:v>33487</c:v>
                </c:pt>
                <c:pt idx="1067">
                  <c:v>33494</c:v>
                </c:pt>
                <c:pt idx="1068">
                  <c:v>33501</c:v>
                </c:pt>
                <c:pt idx="1069">
                  <c:v>33508</c:v>
                </c:pt>
                <c:pt idx="1070">
                  <c:v>33515</c:v>
                </c:pt>
                <c:pt idx="1071">
                  <c:v>33522</c:v>
                </c:pt>
                <c:pt idx="1072">
                  <c:v>33529</c:v>
                </c:pt>
                <c:pt idx="1073">
                  <c:v>33536</c:v>
                </c:pt>
                <c:pt idx="1074">
                  <c:v>33543</c:v>
                </c:pt>
                <c:pt idx="1075">
                  <c:v>33550</c:v>
                </c:pt>
                <c:pt idx="1076">
                  <c:v>33557</c:v>
                </c:pt>
                <c:pt idx="1077">
                  <c:v>33564</c:v>
                </c:pt>
                <c:pt idx="1078">
                  <c:v>33571</c:v>
                </c:pt>
                <c:pt idx="1079">
                  <c:v>33578</c:v>
                </c:pt>
                <c:pt idx="1080">
                  <c:v>33585</c:v>
                </c:pt>
                <c:pt idx="1081">
                  <c:v>33592</c:v>
                </c:pt>
                <c:pt idx="1082">
                  <c:v>33599</c:v>
                </c:pt>
                <c:pt idx="1083">
                  <c:v>33606</c:v>
                </c:pt>
                <c:pt idx="1084">
                  <c:v>33613</c:v>
                </c:pt>
                <c:pt idx="1085">
                  <c:v>33620</c:v>
                </c:pt>
                <c:pt idx="1086">
                  <c:v>33627</c:v>
                </c:pt>
                <c:pt idx="1087">
                  <c:v>33634</c:v>
                </c:pt>
                <c:pt idx="1088">
                  <c:v>33641</c:v>
                </c:pt>
                <c:pt idx="1089">
                  <c:v>33648</c:v>
                </c:pt>
                <c:pt idx="1090">
                  <c:v>33655</c:v>
                </c:pt>
                <c:pt idx="1091">
                  <c:v>33662</c:v>
                </c:pt>
                <c:pt idx="1092">
                  <c:v>33669</c:v>
                </c:pt>
                <c:pt idx="1093">
                  <c:v>33676</c:v>
                </c:pt>
                <c:pt idx="1094">
                  <c:v>33683</c:v>
                </c:pt>
                <c:pt idx="1095">
                  <c:v>33690</c:v>
                </c:pt>
                <c:pt idx="1096">
                  <c:v>33697</c:v>
                </c:pt>
                <c:pt idx="1097">
                  <c:v>33704</c:v>
                </c:pt>
                <c:pt idx="1098">
                  <c:v>33711</c:v>
                </c:pt>
                <c:pt idx="1099">
                  <c:v>33718</c:v>
                </c:pt>
                <c:pt idx="1100">
                  <c:v>33725</c:v>
                </c:pt>
                <c:pt idx="1101">
                  <c:v>33732</c:v>
                </c:pt>
                <c:pt idx="1102">
                  <c:v>33739</c:v>
                </c:pt>
                <c:pt idx="1103">
                  <c:v>33746</c:v>
                </c:pt>
                <c:pt idx="1104">
                  <c:v>33753</c:v>
                </c:pt>
                <c:pt idx="1105">
                  <c:v>33760</c:v>
                </c:pt>
                <c:pt idx="1106">
                  <c:v>33767</c:v>
                </c:pt>
                <c:pt idx="1107">
                  <c:v>33774</c:v>
                </c:pt>
                <c:pt idx="1108">
                  <c:v>33781</c:v>
                </c:pt>
                <c:pt idx="1109">
                  <c:v>33788</c:v>
                </c:pt>
                <c:pt idx="1110">
                  <c:v>33795</c:v>
                </c:pt>
                <c:pt idx="1111">
                  <c:v>33802</c:v>
                </c:pt>
                <c:pt idx="1112">
                  <c:v>33809</c:v>
                </c:pt>
                <c:pt idx="1113">
                  <c:v>33816</c:v>
                </c:pt>
                <c:pt idx="1114">
                  <c:v>33823</c:v>
                </c:pt>
                <c:pt idx="1115">
                  <c:v>33830</c:v>
                </c:pt>
                <c:pt idx="1116">
                  <c:v>33837</c:v>
                </c:pt>
                <c:pt idx="1117">
                  <c:v>33844</c:v>
                </c:pt>
                <c:pt idx="1118">
                  <c:v>33851</c:v>
                </c:pt>
                <c:pt idx="1119">
                  <c:v>33858</c:v>
                </c:pt>
                <c:pt idx="1120">
                  <c:v>33865</c:v>
                </c:pt>
                <c:pt idx="1121">
                  <c:v>33871</c:v>
                </c:pt>
                <c:pt idx="1122">
                  <c:v>33879</c:v>
                </c:pt>
                <c:pt idx="1123">
                  <c:v>33886</c:v>
                </c:pt>
                <c:pt idx="1124">
                  <c:v>33893</c:v>
                </c:pt>
                <c:pt idx="1125">
                  <c:v>33900</c:v>
                </c:pt>
                <c:pt idx="1126">
                  <c:v>33907</c:v>
                </c:pt>
                <c:pt idx="1127">
                  <c:v>33914</c:v>
                </c:pt>
                <c:pt idx="1128">
                  <c:v>33921</c:v>
                </c:pt>
                <c:pt idx="1129">
                  <c:v>33928</c:v>
                </c:pt>
                <c:pt idx="1130">
                  <c:v>33935</c:v>
                </c:pt>
                <c:pt idx="1131">
                  <c:v>33942</c:v>
                </c:pt>
                <c:pt idx="1132">
                  <c:v>33949</c:v>
                </c:pt>
                <c:pt idx="1133">
                  <c:v>33956</c:v>
                </c:pt>
                <c:pt idx="1134">
                  <c:v>33963</c:v>
                </c:pt>
                <c:pt idx="1135">
                  <c:v>33969</c:v>
                </c:pt>
                <c:pt idx="1136">
                  <c:v>33977</c:v>
                </c:pt>
                <c:pt idx="1137">
                  <c:v>33984</c:v>
                </c:pt>
                <c:pt idx="1138">
                  <c:v>33991</c:v>
                </c:pt>
                <c:pt idx="1139">
                  <c:v>33998</c:v>
                </c:pt>
                <c:pt idx="1140">
                  <c:v>34005</c:v>
                </c:pt>
                <c:pt idx="1141">
                  <c:v>34012</c:v>
                </c:pt>
                <c:pt idx="1142">
                  <c:v>34019</c:v>
                </c:pt>
                <c:pt idx="1143">
                  <c:v>34026</c:v>
                </c:pt>
                <c:pt idx="1144">
                  <c:v>34033</c:v>
                </c:pt>
                <c:pt idx="1145">
                  <c:v>34040</c:v>
                </c:pt>
                <c:pt idx="1146">
                  <c:v>34047</c:v>
                </c:pt>
                <c:pt idx="1147">
                  <c:v>34054</c:v>
                </c:pt>
                <c:pt idx="1148">
                  <c:v>34061</c:v>
                </c:pt>
                <c:pt idx="1149">
                  <c:v>34068</c:v>
                </c:pt>
                <c:pt idx="1150">
                  <c:v>34075</c:v>
                </c:pt>
                <c:pt idx="1151">
                  <c:v>34082</c:v>
                </c:pt>
                <c:pt idx="1152">
                  <c:v>34089</c:v>
                </c:pt>
                <c:pt idx="1153">
                  <c:v>34096</c:v>
                </c:pt>
                <c:pt idx="1154">
                  <c:v>34103</c:v>
                </c:pt>
                <c:pt idx="1155">
                  <c:v>34110</c:v>
                </c:pt>
                <c:pt idx="1156">
                  <c:v>34117</c:v>
                </c:pt>
                <c:pt idx="1157">
                  <c:v>34124</c:v>
                </c:pt>
                <c:pt idx="1158">
                  <c:v>34131</c:v>
                </c:pt>
                <c:pt idx="1159">
                  <c:v>34138</c:v>
                </c:pt>
                <c:pt idx="1160">
                  <c:v>34145</c:v>
                </c:pt>
                <c:pt idx="1161">
                  <c:v>34152</c:v>
                </c:pt>
                <c:pt idx="1162">
                  <c:v>34159</c:v>
                </c:pt>
                <c:pt idx="1163">
                  <c:v>34166</c:v>
                </c:pt>
                <c:pt idx="1164">
                  <c:v>34173</c:v>
                </c:pt>
                <c:pt idx="1165">
                  <c:v>34180</c:v>
                </c:pt>
                <c:pt idx="1166">
                  <c:v>34187</c:v>
                </c:pt>
                <c:pt idx="1167">
                  <c:v>34194</c:v>
                </c:pt>
                <c:pt idx="1168">
                  <c:v>34201</c:v>
                </c:pt>
                <c:pt idx="1169">
                  <c:v>34208</c:v>
                </c:pt>
                <c:pt idx="1170">
                  <c:v>34215</c:v>
                </c:pt>
                <c:pt idx="1171">
                  <c:v>34222</c:v>
                </c:pt>
                <c:pt idx="1172">
                  <c:v>34229</c:v>
                </c:pt>
                <c:pt idx="1173">
                  <c:v>34236</c:v>
                </c:pt>
                <c:pt idx="1174">
                  <c:v>34243</c:v>
                </c:pt>
                <c:pt idx="1175">
                  <c:v>34250</c:v>
                </c:pt>
                <c:pt idx="1176">
                  <c:v>34257</c:v>
                </c:pt>
                <c:pt idx="1177">
                  <c:v>34264</c:v>
                </c:pt>
                <c:pt idx="1178">
                  <c:v>34271</c:v>
                </c:pt>
                <c:pt idx="1179">
                  <c:v>34278</c:v>
                </c:pt>
                <c:pt idx="1180">
                  <c:v>34285</c:v>
                </c:pt>
                <c:pt idx="1181">
                  <c:v>34292</c:v>
                </c:pt>
                <c:pt idx="1182">
                  <c:v>34299</c:v>
                </c:pt>
                <c:pt idx="1183">
                  <c:v>34307</c:v>
                </c:pt>
                <c:pt idx="1184">
                  <c:v>34313</c:v>
                </c:pt>
                <c:pt idx="1185">
                  <c:v>34320</c:v>
                </c:pt>
                <c:pt idx="1186">
                  <c:v>34327</c:v>
                </c:pt>
                <c:pt idx="1187">
                  <c:v>34334</c:v>
                </c:pt>
                <c:pt idx="1188">
                  <c:v>34341</c:v>
                </c:pt>
                <c:pt idx="1189">
                  <c:v>34348</c:v>
                </c:pt>
                <c:pt idx="1190">
                  <c:v>34355</c:v>
                </c:pt>
                <c:pt idx="1191">
                  <c:v>34362</c:v>
                </c:pt>
                <c:pt idx="1192">
                  <c:v>34369</c:v>
                </c:pt>
                <c:pt idx="1193">
                  <c:v>34376</c:v>
                </c:pt>
                <c:pt idx="1194">
                  <c:v>34383</c:v>
                </c:pt>
                <c:pt idx="1195">
                  <c:v>34390</c:v>
                </c:pt>
                <c:pt idx="1196">
                  <c:v>34397</c:v>
                </c:pt>
                <c:pt idx="1197">
                  <c:v>34404</c:v>
                </c:pt>
                <c:pt idx="1198">
                  <c:v>34411</c:v>
                </c:pt>
                <c:pt idx="1199">
                  <c:v>34418</c:v>
                </c:pt>
                <c:pt idx="1200">
                  <c:v>34425</c:v>
                </c:pt>
                <c:pt idx="1201">
                  <c:v>34432</c:v>
                </c:pt>
                <c:pt idx="1202">
                  <c:v>34439</c:v>
                </c:pt>
                <c:pt idx="1203">
                  <c:v>34446</c:v>
                </c:pt>
                <c:pt idx="1204">
                  <c:v>34453</c:v>
                </c:pt>
                <c:pt idx="1205">
                  <c:v>34460</c:v>
                </c:pt>
                <c:pt idx="1206">
                  <c:v>34467</c:v>
                </c:pt>
                <c:pt idx="1207">
                  <c:v>34474</c:v>
                </c:pt>
                <c:pt idx="1208">
                  <c:v>34481</c:v>
                </c:pt>
                <c:pt idx="1209">
                  <c:v>34488</c:v>
                </c:pt>
                <c:pt idx="1210">
                  <c:v>34495</c:v>
                </c:pt>
                <c:pt idx="1211">
                  <c:v>34502</c:v>
                </c:pt>
                <c:pt idx="1212">
                  <c:v>34509</c:v>
                </c:pt>
                <c:pt idx="1213">
                  <c:v>34516</c:v>
                </c:pt>
                <c:pt idx="1214">
                  <c:v>34523</c:v>
                </c:pt>
                <c:pt idx="1215">
                  <c:v>34530</c:v>
                </c:pt>
                <c:pt idx="1216">
                  <c:v>34537</c:v>
                </c:pt>
                <c:pt idx="1217">
                  <c:v>34544</c:v>
                </c:pt>
                <c:pt idx="1218">
                  <c:v>34551</c:v>
                </c:pt>
                <c:pt idx="1219">
                  <c:v>34558</c:v>
                </c:pt>
                <c:pt idx="1220">
                  <c:v>34565</c:v>
                </c:pt>
                <c:pt idx="1221">
                  <c:v>34572</c:v>
                </c:pt>
                <c:pt idx="1222">
                  <c:v>34579</c:v>
                </c:pt>
                <c:pt idx="1223">
                  <c:v>34586</c:v>
                </c:pt>
                <c:pt idx="1224">
                  <c:v>34593</c:v>
                </c:pt>
                <c:pt idx="1225">
                  <c:v>34600</c:v>
                </c:pt>
                <c:pt idx="1226">
                  <c:v>34607</c:v>
                </c:pt>
                <c:pt idx="1227">
                  <c:v>34614</c:v>
                </c:pt>
                <c:pt idx="1228">
                  <c:v>34621</c:v>
                </c:pt>
                <c:pt idx="1229">
                  <c:v>34628</c:v>
                </c:pt>
                <c:pt idx="1230">
                  <c:v>34635</c:v>
                </c:pt>
                <c:pt idx="1231">
                  <c:v>34642</c:v>
                </c:pt>
                <c:pt idx="1232">
                  <c:v>34649</c:v>
                </c:pt>
                <c:pt idx="1233">
                  <c:v>34656</c:v>
                </c:pt>
                <c:pt idx="1234">
                  <c:v>34663</c:v>
                </c:pt>
                <c:pt idx="1235">
                  <c:v>34670</c:v>
                </c:pt>
                <c:pt idx="1236">
                  <c:v>34677</c:v>
                </c:pt>
                <c:pt idx="1237">
                  <c:v>34684</c:v>
                </c:pt>
                <c:pt idx="1238">
                  <c:v>34691</c:v>
                </c:pt>
                <c:pt idx="1239">
                  <c:v>34698</c:v>
                </c:pt>
                <c:pt idx="1240">
                  <c:v>34705</c:v>
                </c:pt>
                <c:pt idx="1241">
                  <c:v>34712</c:v>
                </c:pt>
                <c:pt idx="1242">
                  <c:v>34719</c:v>
                </c:pt>
                <c:pt idx="1243">
                  <c:v>34726</c:v>
                </c:pt>
                <c:pt idx="1244">
                  <c:v>34733</c:v>
                </c:pt>
                <c:pt idx="1245">
                  <c:v>34740</c:v>
                </c:pt>
                <c:pt idx="1246">
                  <c:v>34747</c:v>
                </c:pt>
                <c:pt idx="1247">
                  <c:v>34754</c:v>
                </c:pt>
                <c:pt idx="1248">
                  <c:v>34761</c:v>
                </c:pt>
                <c:pt idx="1249">
                  <c:v>34768</c:v>
                </c:pt>
                <c:pt idx="1250">
                  <c:v>34775</c:v>
                </c:pt>
                <c:pt idx="1251">
                  <c:v>34782</c:v>
                </c:pt>
                <c:pt idx="1252">
                  <c:v>34789</c:v>
                </c:pt>
                <c:pt idx="1253">
                  <c:v>34796</c:v>
                </c:pt>
                <c:pt idx="1254">
                  <c:v>34803</c:v>
                </c:pt>
                <c:pt idx="1255">
                  <c:v>34810</c:v>
                </c:pt>
                <c:pt idx="1256">
                  <c:v>34817</c:v>
                </c:pt>
                <c:pt idx="1257">
                  <c:v>34824</c:v>
                </c:pt>
                <c:pt idx="1258">
                  <c:v>34831</c:v>
                </c:pt>
                <c:pt idx="1259">
                  <c:v>34838</c:v>
                </c:pt>
                <c:pt idx="1260">
                  <c:v>34845</c:v>
                </c:pt>
                <c:pt idx="1261">
                  <c:v>34852</c:v>
                </c:pt>
                <c:pt idx="1262">
                  <c:v>34859</c:v>
                </c:pt>
                <c:pt idx="1263">
                  <c:v>34866</c:v>
                </c:pt>
                <c:pt idx="1264">
                  <c:v>34873</c:v>
                </c:pt>
                <c:pt idx="1265">
                  <c:v>34880</c:v>
                </c:pt>
                <c:pt idx="1266">
                  <c:v>34887</c:v>
                </c:pt>
                <c:pt idx="1267">
                  <c:v>34894</c:v>
                </c:pt>
                <c:pt idx="1268">
                  <c:v>34901</c:v>
                </c:pt>
                <c:pt idx="1269">
                  <c:v>34908</c:v>
                </c:pt>
                <c:pt idx="1270">
                  <c:v>34915</c:v>
                </c:pt>
                <c:pt idx="1271">
                  <c:v>34922</c:v>
                </c:pt>
                <c:pt idx="1272">
                  <c:v>34929</c:v>
                </c:pt>
                <c:pt idx="1273">
                  <c:v>34936</c:v>
                </c:pt>
                <c:pt idx="1274">
                  <c:v>34943</c:v>
                </c:pt>
                <c:pt idx="1275">
                  <c:v>34950</c:v>
                </c:pt>
                <c:pt idx="1276">
                  <c:v>34957</c:v>
                </c:pt>
                <c:pt idx="1277">
                  <c:v>34964</c:v>
                </c:pt>
                <c:pt idx="1278">
                  <c:v>34971</c:v>
                </c:pt>
                <c:pt idx="1279">
                  <c:v>34978</c:v>
                </c:pt>
                <c:pt idx="1280">
                  <c:v>34985</c:v>
                </c:pt>
                <c:pt idx="1281">
                  <c:v>34992</c:v>
                </c:pt>
                <c:pt idx="1282">
                  <c:v>34999</c:v>
                </c:pt>
                <c:pt idx="1283">
                  <c:v>35006</c:v>
                </c:pt>
                <c:pt idx="1284">
                  <c:v>35012</c:v>
                </c:pt>
                <c:pt idx="1285">
                  <c:v>35020</c:v>
                </c:pt>
                <c:pt idx="1286">
                  <c:v>35027</c:v>
                </c:pt>
                <c:pt idx="1287">
                  <c:v>35034</c:v>
                </c:pt>
                <c:pt idx="1288">
                  <c:v>35041</c:v>
                </c:pt>
                <c:pt idx="1289">
                  <c:v>35048</c:v>
                </c:pt>
                <c:pt idx="1290">
                  <c:v>35055</c:v>
                </c:pt>
                <c:pt idx="1291">
                  <c:v>35062</c:v>
                </c:pt>
                <c:pt idx="1292">
                  <c:v>35069</c:v>
                </c:pt>
                <c:pt idx="1293">
                  <c:v>35076</c:v>
                </c:pt>
                <c:pt idx="1294">
                  <c:v>35083</c:v>
                </c:pt>
                <c:pt idx="1295">
                  <c:v>35090</c:v>
                </c:pt>
                <c:pt idx="1296">
                  <c:v>35097</c:v>
                </c:pt>
                <c:pt idx="1297">
                  <c:v>35104</c:v>
                </c:pt>
                <c:pt idx="1298">
                  <c:v>35111</c:v>
                </c:pt>
                <c:pt idx="1299">
                  <c:v>35118</c:v>
                </c:pt>
                <c:pt idx="1300">
                  <c:v>35125</c:v>
                </c:pt>
                <c:pt idx="1301">
                  <c:v>35132</c:v>
                </c:pt>
                <c:pt idx="1302">
                  <c:v>35139</c:v>
                </c:pt>
                <c:pt idx="1303">
                  <c:v>35146</c:v>
                </c:pt>
                <c:pt idx="1304">
                  <c:v>35153</c:v>
                </c:pt>
                <c:pt idx="1305">
                  <c:v>35160</c:v>
                </c:pt>
                <c:pt idx="1306">
                  <c:v>35167</c:v>
                </c:pt>
                <c:pt idx="1307">
                  <c:v>35174</c:v>
                </c:pt>
                <c:pt idx="1308">
                  <c:v>35181</c:v>
                </c:pt>
                <c:pt idx="1309">
                  <c:v>35188</c:v>
                </c:pt>
                <c:pt idx="1310">
                  <c:v>35195</c:v>
                </c:pt>
                <c:pt idx="1311">
                  <c:v>35202</c:v>
                </c:pt>
                <c:pt idx="1312">
                  <c:v>35209</c:v>
                </c:pt>
                <c:pt idx="1313">
                  <c:v>35216</c:v>
                </c:pt>
                <c:pt idx="1314">
                  <c:v>35223</c:v>
                </c:pt>
                <c:pt idx="1315">
                  <c:v>35230</c:v>
                </c:pt>
                <c:pt idx="1316">
                  <c:v>35237</c:v>
                </c:pt>
                <c:pt idx="1317">
                  <c:v>35244</c:v>
                </c:pt>
                <c:pt idx="1318">
                  <c:v>35251</c:v>
                </c:pt>
                <c:pt idx="1319">
                  <c:v>35258</c:v>
                </c:pt>
                <c:pt idx="1320">
                  <c:v>35265</c:v>
                </c:pt>
                <c:pt idx="1321">
                  <c:v>35272</c:v>
                </c:pt>
                <c:pt idx="1322">
                  <c:v>35279</c:v>
                </c:pt>
                <c:pt idx="1323">
                  <c:v>35286</c:v>
                </c:pt>
                <c:pt idx="1324">
                  <c:v>35293</c:v>
                </c:pt>
                <c:pt idx="1325">
                  <c:v>35300</c:v>
                </c:pt>
                <c:pt idx="1326">
                  <c:v>35307</c:v>
                </c:pt>
                <c:pt idx="1327">
                  <c:v>35314</c:v>
                </c:pt>
                <c:pt idx="1328">
                  <c:v>35321</c:v>
                </c:pt>
                <c:pt idx="1329">
                  <c:v>35328</c:v>
                </c:pt>
                <c:pt idx="1330">
                  <c:v>35335</c:v>
                </c:pt>
                <c:pt idx="1331">
                  <c:v>35342</c:v>
                </c:pt>
                <c:pt idx="1332">
                  <c:v>35349</c:v>
                </c:pt>
                <c:pt idx="1333">
                  <c:v>35356</c:v>
                </c:pt>
                <c:pt idx="1334">
                  <c:v>35363</c:v>
                </c:pt>
                <c:pt idx="1335">
                  <c:v>35370</c:v>
                </c:pt>
                <c:pt idx="1336">
                  <c:v>35377</c:v>
                </c:pt>
                <c:pt idx="1337">
                  <c:v>35384</c:v>
                </c:pt>
                <c:pt idx="1338">
                  <c:v>35391</c:v>
                </c:pt>
                <c:pt idx="1339">
                  <c:v>35398</c:v>
                </c:pt>
                <c:pt idx="1340">
                  <c:v>35405</c:v>
                </c:pt>
                <c:pt idx="1341">
                  <c:v>35412</c:v>
                </c:pt>
                <c:pt idx="1342">
                  <c:v>35419</c:v>
                </c:pt>
                <c:pt idx="1343">
                  <c:v>35426</c:v>
                </c:pt>
                <c:pt idx="1344">
                  <c:v>35433</c:v>
                </c:pt>
                <c:pt idx="1345">
                  <c:v>35440</c:v>
                </c:pt>
                <c:pt idx="1346">
                  <c:v>35447</c:v>
                </c:pt>
                <c:pt idx="1347">
                  <c:v>35454</c:v>
                </c:pt>
                <c:pt idx="1348">
                  <c:v>35461</c:v>
                </c:pt>
                <c:pt idx="1349">
                  <c:v>35468</c:v>
                </c:pt>
                <c:pt idx="1350">
                  <c:v>35475</c:v>
                </c:pt>
                <c:pt idx="1351">
                  <c:v>35482</c:v>
                </c:pt>
                <c:pt idx="1352">
                  <c:v>35489</c:v>
                </c:pt>
                <c:pt idx="1353">
                  <c:v>35496</c:v>
                </c:pt>
                <c:pt idx="1354">
                  <c:v>35503</c:v>
                </c:pt>
                <c:pt idx="1355">
                  <c:v>35510</c:v>
                </c:pt>
                <c:pt idx="1356">
                  <c:v>35517</c:v>
                </c:pt>
                <c:pt idx="1357">
                  <c:v>35524</c:v>
                </c:pt>
                <c:pt idx="1358">
                  <c:v>35531</c:v>
                </c:pt>
                <c:pt idx="1359">
                  <c:v>35538</c:v>
                </c:pt>
                <c:pt idx="1360">
                  <c:v>35545</c:v>
                </c:pt>
                <c:pt idx="1361">
                  <c:v>35552</c:v>
                </c:pt>
                <c:pt idx="1362">
                  <c:v>35559</c:v>
                </c:pt>
                <c:pt idx="1363">
                  <c:v>35566</c:v>
                </c:pt>
                <c:pt idx="1364">
                  <c:v>35573</c:v>
                </c:pt>
                <c:pt idx="1365">
                  <c:v>35580</c:v>
                </c:pt>
                <c:pt idx="1366">
                  <c:v>35587</c:v>
                </c:pt>
                <c:pt idx="1367">
                  <c:v>35594</c:v>
                </c:pt>
                <c:pt idx="1368">
                  <c:v>35601</c:v>
                </c:pt>
                <c:pt idx="1369">
                  <c:v>35608</c:v>
                </c:pt>
                <c:pt idx="1370">
                  <c:v>35615</c:v>
                </c:pt>
                <c:pt idx="1371">
                  <c:v>35622</c:v>
                </c:pt>
                <c:pt idx="1372">
                  <c:v>35629</c:v>
                </c:pt>
                <c:pt idx="1373">
                  <c:v>35636</c:v>
                </c:pt>
                <c:pt idx="1374">
                  <c:v>35643</c:v>
                </c:pt>
                <c:pt idx="1375">
                  <c:v>35650</c:v>
                </c:pt>
                <c:pt idx="1376">
                  <c:v>35657</c:v>
                </c:pt>
                <c:pt idx="1377">
                  <c:v>35664</c:v>
                </c:pt>
                <c:pt idx="1378">
                  <c:v>35671</c:v>
                </c:pt>
                <c:pt idx="1379">
                  <c:v>35678</c:v>
                </c:pt>
                <c:pt idx="1380">
                  <c:v>35685</c:v>
                </c:pt>
                <c:pt idx="1381">
                  <c:v>35692</c:v>
                </c:pt>
                <c:pt idx="1382">
                  <c:v>35699</c:v>
                </c:pt>
                <c:pt idx="1383">
                  <c:v>35706</c:v>
                </c:pt>
                <c:pt idx="1384">
                  <c:v>35713</c:v>
                </c:pt>
                <c:pt idx="1385">
                  <c:v>35720</c:v>
                </c:pt>
                <c:pt idx="1386">
                  <c:v>35727</c:v>
                </c:pt>
                <c:pt idx="1387">
                  <c:v>35734</c:v>
                </c:pt>
                <c:pt idx="1388">
                  <c:v>35741</c:v>
                </c:pt>
                <c:pt idx="1389">
                  <c:v>35748</c:v>
                </c:pt>
                <c:pt idx="1390">
                  <c:v>35755</c:v>
                </c:pt>
                <c:pt idx="1391">
                  <c:v>35762</c:v>
                </c:pt>
                <c:pt idx="1392">
                  <c:v>35769</c:v>
                </c:pt>
                <c:pt idx="1393">
                  <c:v>35776</c:v>
                </c:pt>
                <c:pt idx="1394">
                  <c:v>35783</c:v>
                </c:pt>
                <c:pt idx="1395">
                  <c:v>35790</c:v>
                </c:pt>
                <c:pt idx="1396">
                  <c:v>35797</c:v>
                </c:pt>
                <c:pt idx="1397">
                  <c:v>35804</c:v>
                </c:pt>
                <c:pt idx="1398">
                  <c:v>35811</c:v>
                </c:pt>
                <c:pt idx="1399">
                  <c:v>35818</c:v>
                </c:pt>
                <c:pt idx="1400">
                  <c:v>35825</c:v>
                </c:pt>
                <c:pt idx="1401">
                  <c:v>35832</c:v>
                </c:pt>
                <c:pt idx="1402">
                  <c:v>35839</c:v>
                </c:pt>
                <c:pt idx="1403">
                  <c:v>35846</c:v>
                </c:pt>
                <c:pt idx="1404">
                  <c:v>35854</c:v>
                </c:pt>
                <c:pt idx="1405">
                  <c:v>35860</c:v>
                </c:pt>
                <c:pt idx="1406">
                  <c:v>35867</c:v>
                </c:pt>
                <c:pt idx="1407">
                  <c:v>35874</c:v>
                </c:pt>
                <c:pt idx="1408">
                  <c:v>35881</c:v>
                </c:pt>
                <c:pt idx="1409">
                  <c:v>35888</c:v>
                </c:pt>
                <c:pt idx="1410">
                  <c:v>35895</c:v>
                </c:pt>
                <c:pt idx="1411">
                  <c:v>35902</c:v>
                </c:pt>
                <c:pt idx="1412">
                  <c:v>35909</c:v>
                </c:pt>
                <c:pt idx="1413">
                  <c:v>35916</c:v>
                </c:pt>
                <c:pt idx="1414">
                  <c:v>35923</c:v>
                </c:pt>
                <c:pt idx="1415">
                  <c:v>35930</c:v>
                </c:pt>
                <c:pt idx="1416">
                  <c:v>35937</c:v>
                </c:pt>
                <c:pt idx="1417">
                  <c:v>35944</c:v>
                </c:pt>
                <c:pt idx="1418">
                  <c:v>35951</c:v>
                </c:pt>
                <c:pt idx="1419">
                  <c:v>35958</c:v>
                </c:pt>
                <c:pt idx="1420">
                  <c:v>35965</c:v>
                </c:pt>
                <c:pt idx="1421">
                  <c:v>35972</c:v>
                </c:pt>
                <c:pt idx="1422">
                  <c:v>35979</c:v>
                </c:pt>
                <c:pt idx="1423">
                  <c:v>35986</c:v>
                </c:pt>
                <c:pt idx="1424">
                  <c:v>35993</c:v>
                </c:pt>
                <c:pt idx="1425">
                  <c:v>36000</c:v>
                </c:pt>
                <c:pt idx="1426">
                  <c:v>36007</c:v>
                </c:pt>
                <c:pt idx="1427">
                  <c:v>36014</c:v>
                </c:pt>
                <c:pt idx="1428">
                  <c:v>36021</c:v>
                </c:pt>
                <c:pt idx="1429">
                  <c:v>36028</c:v>
                </c:pt>
                <c:pt idx="1430">
                  <c:v>36035</c:v>
                </c:pt>
                <c:pt idx="1431">
                  <c:v>36042</c:v>
                </c:pt>
                <c:pt idx="1432">
                  <c:v>36049</c:v>
                </c:pt>
                <c:pt idx="1433">
                  <c:v>36056</c:v>
                </c:pt>
                <c:pt idx="1434">
                  <c:v>36063</c:v>
                </c:pt>
                <c:pt idx="1435">
                  <c:v>36070</c:v>
                </c:pt>
                <c:pt idx="1436">
                  <c:v>36077</c:v>
                </c:pt>
                <c:pt idx="1437">
                  <c:v>36084</c:v>
                </c:pt>
                <c:pt idx="1438">
                  <c:v>36091</c:v>
                </c:pt>
                <c:pt idx="1439">
                  <c:v>36098</c:v>
                </c:pt>
                <c:pt idx="1440">
                  <c:v>36105</c:v>
                </c:pt>
                <c:pt idx="1441">
                  <c:v>36112</c:v>
                </c:pt>
                <c:pt idx="1442">
                  <c:v>36119</c:v>
                </c:pt>
                <c:pt idx="1443">
                  <c:v>36126</c:v>
                </c:pt>
                <c:pt idx="1444">
                  <c:v>36133</c:v>
                </c:pt>
                <c:pt idx="1445">
                  <c:v>36140</c:v>
                </c:pt>
                <c:pt idx="1446">
                  <c:v>36147</c:v>
                </c:pt>
                <c:pt idx="1447">
                  <c:v>36154</c:v>
                </c:pt>
                <c:pt idx="1448">
                  <c:v>36160</c:v>
                </c:pt>
                <c:pt idx="1449">
                  <c:v>36168</c:v>
                </c:pt>
                <c:pt idx="1450">
                  <c:v>36175</c:v>
                </c:pt>
                <c:pt idx="1451">
                  <c:v>36182</c:v>
                </c:pt>
                <c:pt idx="1452">
                  <c:v>36189</c:v>
                </c:pt>
                <c:pt idx="1453">
                  <c:v>36196</c:v>
                </c:pt>
                <c:pt idx="1454">
                  <c:v>36203</c:v>
                </c:pt>
                <c:pt idx="1455">
                  <c:v>36210</c:v>
                </c:pt>
                <c:pt idx="1456">
                  <c:v>36217</c:v>
                </c:pt>
                <c:pt idx="1457">
                  <c:v>36224</c:v>
                </c:pt>
                <c:pt idx="1458">
                  <c:v>36231</c:v>
                </c:pt>
                <c:pt idx="1459">
                  <c:v>36238</c:v>
                </c:pt>
                <c:pt idx="1460">
                  <c:v>36245</c:v>
                </c:pt>
                <c:pt idx="1461">
                  <c:v>36252</c:v>
                </c:pt>
                <c:pt idx="1462">
                  <c:v>36259</c:v>
                </c:pt>
                <c:pt idx="1463">
                  <c:v>36266</c:v>
                </c:pt>
                <c:pt idx="1464">
                  <c:v>36273</c:v>
                </c:pt>
                <c:pt idx="1465">
                  <c:v>36280</c:v>
                </c:pt>
                <c:pt idx="1466">
                  <c:v>36287</c:v>
                </c:pt>
                <c:pt idx="1467">
                  <c:v>36294</c:v>
                </c:pt>
                <c:pt idx="1468">
                  <c:v>36301</c:v>
                </c:pt>
                <c:pt idx="1469">
                  <c:v>36308</c:v>
                </c:pt>
                <c:pt idx="1470">
                  <c:v>36315</c:v>
                </c:pt>
                <c:pt idx="1471">
                  <c:v>36322</c:v>
                </c:pt>
                <c:pt idx="1472">
                  <c:v>36329</c:v>
                </c:pt>
                <c:pt idx="1473">
                  <c:v>36336</c:v>
                </c:pt>
                <c:pt idx="1474">
                  <c:v>36343</c:v>
                </c:pt>
                <c:pt idx="1475">
                  <c:v>36350</c:v>
                </c:pt>
                <c:pt idx="1476">
                  <c:v>36357</c:v>
                </c:pt>
                <c:pt idx="1477">
                  <c:v>36364</c:v>
                </c:pt>
                <c:pt idx="1478">
                  <c:v>36371</c:v>
                </c:pt>
                <c:pt idx="1479">
                  <c:v>36378</c:v>
                </c:pt>
                <c:pt idx="1480">
                  <c:v>36385</c:v>
                </c:pt>
                <c:pt idx="1481">
                  <c:v>36392</c:v>
                </c:pt>
                <c:pt idx="1482">
                  <c:v>36399</c:v>
                </c:pt>
                <c:pt idx="1483">
                  <c:v>36406</c:v>
                </c:pt>
                <c:pt idx="1484">
                  <c:v>36413</c:v>
                </c:pt>
                <c:pt idx="1485">
                  <c:v>36420</c:v>
                </c:pt>
                <c:pt idx="1486">
                  <c:v>36427</c:v>
                </c:pt>
                <c:pt idx="1487">
                  <c:v>36434</c:v>
                </c:pt>
                <c:pt idx="1488">
                  <c:v>36441</c:v>
                </c:pt>
                <c:pt idx="1489">
                  <c:v>36448</c:v>
                </c:pt>
                <c:pt idx="1490">
                  <c:v>36455</c:v>
                </c:pt>
                <c:pt idx="1491">
                  <c:v>36462</c:v>
                </c:pt>
                <c:pt idx="1492">
                  <c:v>36469</c:v>
                </c:pt>
                <c:pt idx="1493">
                  <c:v>36476</c:v>
                </c:pt>
                <c:pt idx="1494">
                  <c:v>36483</c:v>
                </c:pt>
                <c:pt idx="1495">
                  <c:v>36490</c:v>
                </c:pt>
                <c:pt idx="1496">
                  <c:v>36497</c:v>
                </c:pt>
                <c:pt idx="1497">
                  <c:v>36504</c:v>
                </c:pt>
                <c:pt idx="1498">
                  <c:v>36511</c:v>
                </c:pt>
                <c:pt idx="1499">
                  <c:v>36518</c:v>
                </c:pt>
                <c:pt idx="1500">
                  <c:v>36525</c:v>
                </c:pt>
                <c:pt idx="1501">
                  <c:v>36532</c:v>
                </c:pt>
                <c:pt idx="1502">
                  <c:v>36539</c:v>
                </c:pt>
                <c:pt idx="1503">
                  <c:v>36546</c:v>
                </c:pt>
                <c:pt idx="1504">
                  <c:v>36553</c:v>
                </c:pt>
                <c:pt idx="1505">
                  <c:v>36560</c:v>
                </c:pt>
                <c:pt idx="1506">
                  <c:v>36567</c:v>
                </c:pt>
                <c:pt idx="1507">
                  <c:v>36574</c:v>
                </c:pt>
                <c:pt idx="1508">
                  <c:v>36581</c:v>
                </c:pt>
                <c:pt idx="1509">
                  <c:v>36588</c:v>
                </c:pt>
                <c:pt idx="1510">
                  <c:v>36595</c:v>
                </c:pt>
                <c:pt idx="1511">
                  <c:v>36602</c:v>
                </c:pt>
                <c:pt idx="1512">
                  <c:v>36609</c:v>
                </c:pt>
                <c:pt idx="1513">
                  <c:v>36616</c:v>
                </c:pt>
                <c:pt idx="1514">
                  <c:v>36623</c:v>
                </c:pt>
                <c:pt idx="1515">
                  <c:v>36630</c:v>
                </c:pt>
                <c:pt idx="1516">
                  <c:v>36637</c:v>
                </c:pt>
                <c:pt idx="1517">
                  <c:v>36644</c:v>
                </c:pt>
                <c:pt idx="1518">
                  <c:v>36651</c:v>
                </c:pt>
                <c:pt idx="1519">
                  <c:v>36658</c:v>
                </c:pt>
                <c:pt idx="1520">
                  <c:v>36665</c:v>
                </c:pt>
                <c:pt idx="1521">
                  <c:v>36672</c:v>
                </c:pt>
                <c:pt idx="1522">
                  <c:v>36679</c:v>
                </c:pt>
                <c:pt idx="1523">
                  <c:v>36686</c:v>
                </c:pt>
                <c:pt idx="1524">
                  <c:v>36693</c:v>
                </c:pt>
                <c:pt idx="1525">
                  <c:v>36700</c:v>
                </c:pt>
                <c:pt idx="1526">
                  <c:v>36707</c:v>
                </c:pt>
                <c:pt idx="1527">
                  <c:v>36714</c:v>
                </c:pt>
                <c:pt idx="1528">
                  <c:v>36721</c:v>
                </c:pt>
                <c:pt idx="1529">
                  <c:v>36728</c:v>
                </c:pt>
                <c:pt idx="1530">
                  <c:v>36735</c:v>
                </c:pt>
                <c:pt idx="1531">
                  <c:v>36742</c:v>
                </c:pt>
                <c:pt idx="1532">
                  <c:v>36749</c:v>
                </c:pt>
                <c:pt idx="1533">
                  <c:v>36756</c:v>
                </c:pt>
                <c:pt idx="1534">
                  <c:v>36763</c:v>
                </c:pt>
                <c:pt idx="1535">
                  <c:v>36770</c:v>
                </c:pt>
                <c:pt idx="1536">
                  <c:v>36777</c:v>
                </c:pt>
                <c:pt idx="1537">
                  <c:v>36784</c:v>
                </c:pt>
                <c:pt idx="1538">
                  <c:v>36791</c:v>
                </c:pt>
                <c:pt idx="1539">
                  <c:v>36798</c:v>
                </c:pt>
                <c:pt idx="1540">
                  <c:v>36805</c:v>
                </c:pt>
                <c:pt idx="1541">
                  <c:v>36812</c:v>
                </c:pt>
                <c:pt idx="1542">
                  <c:v>36819</c:v>
                </c:pt>
                <c:pt idx="1543">
                  <c:v>36826</c:v>
                </c:pt>
                <c:pt idx="1544">
                  <c:v>36833</c:v>
                </c:pt>
                <c:pt idx="1545">
                  <c:v>36840</c:v>
                </c:pt>
                <c:pt idx="1546">
                  <c:v>36847</c:v>
                </c:pt>
                <c:pt idx="1547">
                  <c:v>36854</c:v>
                </c:pt>
                <c:pt idx="1548">
                  <c:v>36861</c:v>
                </c:pt>
                <c:pt idx="1549">
                  <c:v>36868</c:v>
                </c:pt>
                <c:pt idx="1550">
                  <c:v>36875</c:v>
                </c:pt>
                <c:pt idx="1551">
                  <c:v>36882</c:v>
                </c:pt>
                <c:pt idx="1552">
                  <c:v>36889</c:v>
                </c:pt>
                <c:pt idx="1553">
                  <c:v>36896</c:v>
                </c:pt>
                <c:pt idx="1554">
                  <c:v>36903</c:v>
                </c:pt>
                <c:pt idx="1555">
                  <c:v>36910</c:v>
                </c:pt>
                <c:pt idx="1556">
                  <c:v>36917</c:v>
                </c:pt>
                <c:pt idx="1557">
                  <c:v>36924</c:v>
                </c:pt>
                <c:pt idx="1558">
                  <c:v>36931</c:v>
                </c:pt>
                <c:pt idx="1559">
                  <c:v>36938</c:v>
                </c:pt>
                <c:pt idx="1560">
                  <c:v>36945</c:v>
                </c:pt>
                <c:pt idx="1561">
                  <c:v>36952</c:v>
                </c:pt>
                <c:pt idx="1562">
                  <c:v>36959</c:v>
                </c:pt>
                <c:pt idx="1563">
                  <c:v>36966</c:v>
                </c:pt>
                <c:pt idx="1564">
                  <c:v>36973</c:v>
                </c:pt>
                <c:pt idx="1565">
                  <c:v>36980</c:v>
                </c:pt>
                <c:pt idx="1566">
                  <c:v>36987</c:v>
                </c:pt>
                <c:pt idx="1567">
                  <c:v>36994</c:v>
                </c:pt>
                <c:pt idx="1568">
                  <c:v>37001</c:v>
                </c:pt>
                <c:pt idx="1569">
                  <c:v>37008</c:v>
                </c:pt>
                <c:pt idx="1570">
                  <c:v>37015</c:v>
                </c:pt>
                <c:pt idx="1571">
                  <c:v>37022</c:v>
                </c:pt>
                <c:pt idx="1572">
                  <c:v>37029</c:v>
                </c:pt>
                <c:pt idx="1573">
                  <c:v>37036</c:v>
                </c:pt>
                <c:pt idx="1574">
                  <c:v>37043</c:v>
                </c:pt>
                <c:pt idx="1575">
                  <c:v>37050</c:v>
                </c:pt>
                <c:pt idx="1576">
                  <c:v>37057</c:v>
                </c:pt>
                <c:pt idx="1577">
                  <c:v>37064</c:v>
                </c:pt>
                <c:pt idx="1578">
                  <c:v>37071</c:v>
                </c:pt>
                <c:pt idx="1579">
                  <c:v>37078</c:v>
                </c:pt>
                <c:pt idx="1580">
                  <c:v>37085</c:v>
                </c:pt>
                <c:pt idx="1581">
                  <c:v>37092</c:v>
                </c:pt>
                <c:pt idx="1582">
                  <c:v>37099</c:v>
                </c:pt>
                <c:pt idx="1583">
                  <c:v>37106</c:v>
                </c:pt>
                <c:pt idx="1584">
                  <c:v>37113</c:v>
                </c:pt>
                <c:pt idx="1585">
                  <c:v>37120</c:v>
                </c:pt>
                <c:pt idx="1586">
                  <c:v>37127</c:v>
                </c:pt>
                <c:pt idx="1587">
                  <c:v>37134</c:v>
                </c:pt>
                <c:pt idx="1588">
                  <c:v>37141</c:v>
                </c:pt>
                <c:pt idx="1589">
                  <c:v>37148</c:v>
                </c:pt>
                <c:pt idx="1590">
                  <c:v>37155</c:v>
                </c:pt>
                <c:pt idx="1591">
                  <c:v>37162</c:v>
                </c:pt>
                <c:pt idx="1592">
                  <c:v>37169</c:v>
                </c:pt>
                <c:pt idx="1593">
                  <c:v>37176</c:v>
                </c:pt>
                <c:pt idx="1594">
                  <c:v>37183</c:v>
                </c:pt>
                <c:pt idx="1595">
                  <c:v>37190</c:v>
                </c:pt>
                <c:pt idx="1596">
                  <c:v>37197</c:v>
                </c:pt>
                <c:pt idx="1597">
                  <c:v>37204</c:v>
                </c:pt>
                <c:pt idx="1598">
                  <c:v>37211</c:v>
                </c:pt>
                <c:pt idx="1599">
                  <c:v>37218</c:v>
                </c:pt>
                <c:pt idx="1600">
                  <c:v>37225</c:v>
                </c:pt>
                <c:pt idx="1601">
                  <c:v>37232</c:v>
                </c:pt>
                <c:pt idx="1602">
                  <c:v>37239</c:v>
                </c:pt>
                <c:pt idx="1603">
                  <c:v>37246</c:v>
                </c:pt>
                <c:pt idx="1604">
                  <c:v>37253</c:v>
                </c:pt>
                <c:pt idx="1605">
                  <c:v>37260</c:v>
                </c:pt>
                <c:pt idx="1606">
                  <c:v>37267</c:v>
                </c:pt>
                <c:pt idx="1607">
                  <c:v>37274</c:v>
                </c:pt>
                <c:pt idx="1608">
                  <c:v>37281</c:v>
                </c:pt>
                <c:pt idx="1609">
                  <c:v>37288</c:v>
                </c:pt>
                <c:pt idx="1610">
                  <c:v>37295</c:v>
                </c:pt>
                <c:pt idx="1611">
                  <c:v>37302</c:v>
                </c:pt>
                <c:pt idx="1612">
                  <c:v>37309</c:v>
                </c:pt>
                <c:pt idx="1613">
                  <c:v>37316</c:v>
                </c:pt>
                <c:pt idx="1614">
                  <c:v>37323</c:v>
                </c:pt>
                <c:pt idx="1615">
                  <c:v>37330</c:v>
                </c:pt>
                <c:pt idx="1616">
                  <c:v>37337</c:v>
                </c:pt>
                <c:pt idx="1617">
                  <c:v>37344</c:v>
                </c:pt>
                <c:pt idx="1618">
                  <c:v>37351</c:v>
                </c:pt>
                <c:pt idx="1619">
                  <c:v>37358</c:v>
                </c:pt>
                <c:pt idx="1620">
                  <c:v>37365</c:v>
                </c:pt>
                <c:pt idx="1621">
                  <c:v>37372</c:v>
                </c:pt>
                <c:pt idx="1622">
                  <c:v>37379</c:v>
                </c:pt>
                <c:pt idx="1623">
                  <c:v>37386</c:v>
                </c:pt>
                <c:pt idx="1624">
                  <c:v>37393</c:v>
                </c:pt>
                <c:pt idx="1625">
                  <c:v>37400</c:v>
                </c:pt>
                <c:pt idx="1626">
                  <c:v>37407</c:v>
                </c:pt>
                <c:pt idx="1627">
                  <c:v>37414</c:v>
                </c:pt>
                <c:pt idx="1628">
                  <c:v>37421</c:v>
                </c:pt>
                <c:pt idx="1629">
                  <c:v>37428</c:v>
                </c:pt>
                <c:pt idx="1630">
                  <c:v>37435</c:v>
                </c:pt>
                <c:pt idx="1631">
                  <c:v>37442</c:v>
                </c:pt>
                <c:pt idx="1632">
                  <c:v>37449</c:v>
                </c:pt>
                <c:pt idx="1633">
                  <c:v>37456</c:v>
                </c:pt>
                <c:pt idx="1634">
                  <c:v>37463</c:v>
                </c:pt>
                <c:pt idx="1635">
                  <c:v>37470</c:v>
                </c:pt>
                <c:pt idx="1636">
                  <c:v>37477</c:v>
                </c:pt>
                <c:pt idx="1637">
                  <c:v>37484</c:v>
                </c:pt>
                <c:pt idx="1638">
                  <c:v>37491</c:v>
                </c:pt>
                <c:pt idx="1639">
                  <c:v>37498</c:v>
                </c:pt>
                <c:pt idx="1640">
                  <c:v>37505</c:v>
                </c:pt>
                <c:pt idx="1641">
                  <c:v>37512</c:v>
                </c:pt>
                <c:pt idx="1642">
                  <c:v>37519</c:v>
                </c:pt>
                <c:pt idx="1643">
                  <c:v>37526</c:v>
                </c:pt>
                <c:pt idx="1644">
                  <c:v>37533</c:v>
                </c:pt>
                <c:pt idx="1645">
                  <c:v>37540</c:v>
                </c:pt>
                <c:pt idx="1646">
                  <c:v>37547</c:v>
                </c:pt>
                <c:pt idx="1647">
                  <c:v>37554</c:v>
                </c:pt>
                <c:pt idx="1648">
                  <c:v>37561</c:v>
                </c:pt>
                <c:pt idx="1649">
                  <c:v>37568</c:v>
                </c:pt>
                <c:pt idx="1650">
                  <c:v>37575</c:v>
                </c:pt>
                <c:pt idx="1651">
                  <c:v>37582</c:v>
                </c:pt>
                <c:pt idx="1652">
                  <c:v>37589</c:v>
                </c:pt>
                <c:pt idx="1653">
                  <c:v>37596</c:v>
                </c:pt>
                <c:pt idx="1654">
                  <c:v>37603</c:v>
                </c:pt>
                <c:pt idx="1655">
                  <c:v>37610</c:v>
                </c:pt>
                <c:pt idx="1656">
                  <c:v>37617</c:v>
                </c:pt>
                <c:pt idx="1657">
                  <c:v>37624</c:v>
                </c:pt>
                <c:pt idx="1658">
                  <c:v>37631</c:v>
                </c:pt>
                <c:pt idx="1659">
                  <c:v>37638</c:v>
                </c:pt>
                <c:pt idx="1660">
                  <c:v>37645</c:v>
                </c:pt>
                <c:pt idx="1661">
                  <c:v>37652</c:v>
                </c:pt>
                <c:pt idx="1662">
                  <c:v>37659</c:v>
                </c:pt>
                <c:pt idx="1663">
                  <c:v>37666</c:v>
                </c:pt>
                <c:pt idx="1664">
                  <c:v>37673</c:v>
                </c:pt>
                <c:pt idx="1665">
                  <c:v>37680</c:v>
                </c:pt>
                <c:pt idx="1666">
                  <c:v>37687</c:v>
                </c:pt>
                <c:pt idx="1667">
                  <c:v>37694</c:v>
                </c:pt>
                <c:pt idx="1668">
                  <c:v>37701</c:v>
                </c:pt>
                <c:pt idx="1669">
                  <c:v>37708</c:v>
                </c:pt>
                <c:pt idx="1670">
                  <c:v>37715</c:v>
                </c:pt>
                <c:pt idx="1671">
                  <c:v>37722</c:v>
                </c:pt>
                <c:pt idx="1672">
                  <c:v>37729</c:v>
                </c:pt>
                <c:pt idx="1673">
                  <c:v>37736</c:v>
                </c:pt>
                <c:pt idx="1674">
                  <c:v>37743</c:v>
                </c:pt>
                <c:pt idx="1675">
                  <c:v>37750</c:v>
                </c:pt>
                <c:pt idx="1676">
                  <c:v>37757</c:v>
                </c:pt>
                <c:pt idx="1677">
                  <c:v>37764</c:v>
                </c:pt>
                <c:pt idx="1678">
                  <c:v>37771</c:v>
                </c:pt>
                <c:pt idx="1679">
                  <c:v>37778</c:v>
                </c:pt>
                <c:pt idx="1680">
                  <c:v>37785</c:v>
                </c:pt>
                <c:pt idx="1681">
                  <c:v>37792</c:v>
                </c:pt>
                <c:pt idx="1682">
                  <c:v>37799</c:v>
                </c:pt>
                <c:pt idx="1683">
                  <c:v>37806</c:v>
                </c:pt>
                <c:pt idx="1684">
                  <c:v>37813</c:v>
                </c:pt>
                <c:pt idx="1685">
                  <c:v>37820</c:v>
                </c:pt>
                <c:pt idx="1686">
                  <c:v>37827</c:v>
                </c:pt>
                <c:pt idx="1687">
                  <c:v>37834</c:v>
                </c:pt>
                <c:pt idx="1688">
                  <c:v>37841</c:v>
                </c:pt>
                <c:pt idx="1689">
                  <c:v>37848</c:v>
                </c:pt>
                <c:pt idx="1690">
                  <c:v>37855</c:v>
                </c:pt>
                <c:pt idx="1691">
                  <c:v>37862</c:v>
                </c:pt>
                <c:pt idx="1692">
                  <c:v>37869</c:v>
                </c:pt>
                <c:pt idx="1693">
                  <c:v>37876</c:v>
                </c:pt>
                <c:pt idx="1694">
                  <c:v>37883</c:v>
                </c:pt>
                <c:pt idx="1695">
                  <c:v>37890</c:v>
                </c:pt>
                <c:pt idx="1696">
                  <c:v>37897</c:v>
                </c:pt>
                <c:pt idx="1697">
                  <c:v>37904</c:v>
                </c:pt>
                <c:pt idx="1698">
                  <c:v>37911</c:v>
                </c:pt>
                <c:pt idx="1699">
                  <c:v>37918</c:v>
                </c:pt>
                <c:pt idx="1700">
                  <c:v>37925</c:v>
                </c:pt>
                <c:pt idx="1701">
                  <c:v>37932</c:v>
                </c:pt>
                <c:pt idx="1702">
                  <c:v>37939</c:v>
                </c:pt>
                <c:pt idx="1703">
                  <c:v>37946</c:v>
                </c:pt>
                <c:pt idx="1704">
                  <c:v>37953</c:v>
                </c:pt>
                <c:pt idx="1705">
                  <c:v>37960</c:v>
                </c:pt>
                <c:pt idx="1706">
                  <c:v>37967</c:v>
                </c:pt>
                <c:pt idx="1707">
                  <c:v>37974</c:v>
                </c:pt>
                <c:pt idx="1708">
                  <c:v>37981</c:v>
                </c:pt>
                <c:pt idx="1709">
                  <c:v>37986</c:v>
                </c:pt>
                <c:pt idx="1710">
                  <c:v>37994</c:v>
                </c:pt>
                <c:pt idx="1711">
                  <c:v>38001</c:v>
                </c:pt>
                <c:pt idx="1712">
                  <c:v>38008</c:v>
                </c:pt>
                <c:pt idx="1713">
                  <c:v>38015</c:v>
                </c:pt>
                <c:pt idx="1714">
                  <c:v>38022</c:v>
                </c:pt>
                <c:pt idx="1715">
                  <c:v>38029</c:v>
                </c:pt>
                <c:pt idx="1716">
                  <c:v>38036</c:v>
                </c:pt>
                <c:pt idx="1717">
                  <c:v>38043</c:v>
                </c:pt>
                <c:pt idx="1718">
                  <c:v>38050</c:v>
                </c:pt>
                <c:pt idx="1719">
                  <c:v>38057</c:v>
                </c:pt>
                <c:pt idx="1720">
                  <c:v>38064</c:v>
                </c:pt>
                <c:pt idx="1721">
                  <c:v>38071</c:v>
                </c:pt>
                <c:pt idx="1722">
                  <c:v>38078</c:v>
                </c:pt>
                <c:pt idx="1723">
                  <c:v>38085</c:v>
                </c:pt>
                <c:pt idx="1724">
                  <c:v>38092</c:v>
                </c:pt>
                <c:pt idx="1725">
                  <c:v>38099</c:v>
                </c:pt>
                <c:pt idx="1726">
                  <c:v>38106</c:v>
                </c:pt>
                <c:pt idx="1727">
                  <c:v>38113</c:v>
                </c:pt>
                <c:pt idx="1728">
                  <c:v>38120</c:v>
                </c:pt>
                <c:pt idx="1729">
                  <c:v>38127</c:v>
                </c:pt>
                <c:pt idx="1730">
                  <c:v>38134</c:v>
                </c:pt>
                <c:pt idx="1731">
                  <c:v>38141</c:v>
                </c:pt>
                <c:pt idx="1732">
                  <c:v>38148</c:v>
                </c:pt>
                <c:pt idx="1733">
                  <c:v>38155</c:v>
                </c:pt>
                <c:pt idx="1734">
                  <c:v>38162</c:v>
                </c:pt>
                <c:pt idx="1735">
                  <c:v>38169</c:v>
                </c:pt>
                <c:pt idx="1736">
                  <c:v>38176</c:v>
                </c:pt>
                <c:pt idx="1737">
                  <c:v>38183</c:v>
                </c:pt>
                <c:pt idx="1738">
                  <c:v>38190</c:v>
                </c:pt>
                <c:pt idx="1739">
                  <c:v>38197</c:v>
                </c:pt>
                <c:pt idx="1740">
                  <c:v>38204</c:v>
                </c:pt>
                <c:pt idx="1741">
                  <c:v>38211</c:v>
                </c:pt>
                <c:pt idx="1742">
                  <c:v>38218</c:v>
                </c:pt>
                <c:pt idx="1743">
                  <c:v>38225</c:v>
                </c:pt>
                <c:pt idx="1744">
                  <c:v>38232</c:v>
                </c:pt>
                <c:pt idx="1745">
                  <c:v>38239</c:v>
                </c:pt>
                <c:pt idx="1746">
                  <c:v>38246</c:v>
                </c:pt>
                <c:pt idx="1747">
                  <c:v>38253</c:v>
                </c:pt>
                <c:pt idx="1748">
                  <c:v>38260</c:v>
                </c:pt>
                <c:pt idx="1749">
                  <c:v>38267</c:v>
                </c:pt>
                <c:pt idx="1750">
                  <c:v>38274</c:v>
                </c:pt>
                <c:pt idx="1751">
                  <c:v>38281</c:v>
                </c:pt>
                <c:pt idx="1752">
                  <c:v>38288</c:v>
                </c:pt>
                <c:pt idx="1753">
                  <c:v>38295</c:v>
                </c:pt>
                <c:pt idx="1754">
                  <c:v>38302</c:v>
                </c:pt>
                <c:pt idx="1755">
                  <c:v>38309</c:v>
                </c:pt>
                <c:pt idx="1756">
                  <c:v>38315</c:v>
                </c:pt>
                <c:pt idx="1757">
                  <c:v>38323</c:v>
                </c:pt>
                <c:pt idx="1758">
                  <c:v>38330</c:v>
                </c:pt>
                <c:pt idx="1759">
                  <c:v>38337</c:v>
                </c:pt>
                <c:pt idx="1760">
                  <c:v>38343</c:v>
                </c:pt>
                <c:pt idx="1761">
                  <c:v>38350</c:v>
                </c:pt>
                <c:pt idx="1762">
                  <c:v>38358</c:v>
                </c:pt>
                <c:pt idx="1763">
                  <c:v>38365</c:v>
                </c:pt>
                <c:pt idx="1764">
                  <c:v>38372</c:v>
                </c:pt>
                <c:pt idx="1765">
                  <c:v>38379</c:v>
                </c:pt>
                <c:pt idx="1766">
                  <c:v>38386</c:v>
                </c:pt>
                <c:pt idx="1767">
                  <c:v>38393</c:v>
                </c:pt>
                <c:pt idx="1768">
                  <c:v>38400</c:v>
                </c:pt>
                <c:pt idx="1769">
                  <c:v>38407</c:v>
                </c:pt>
                <c:pt idx="1770">
                  <c:v>38414</c:v>
                </c:pt>
                <c:pt idx="1771">
                  <c:v>38421</c:v>
                </c:pt>
                <c:pt idx="1772">
                  <c:v>38428</c:v>
                </c:pt>
                <c:pt idx="1773">
                  <c:v>38435</c:v>
                </c:pt>
                <c:pt idx="1774">
                  <c:v>38442</c:v>
                </c:pt>
                <c:pt idx="1775">
                  <c:v>38449</c:v>
                </c:pt>
                <c:pt idx="1776">
                  <c:v>38456</c:v>
                </c:pt>
                <c:pt idx="1777">
                  <c:v>38463</c:v>
                </c:pt>
                <c:pt idx="1778">
                  <c:v>38470</c:v>
                </c:pt>
                <c:pt idx="1779">
                  <c:v>38477</c:v>
                </c:pt>
                <c:pt idx="1780">
                  <c:v>38484</c:v>
                </c:pt>
                <c:pt idx="1781">
                  <c:v>38491</c:v>
                </c:pt>
                <c:pt idx="1782">
                  <c:v>38498</c:v>
                </c:pt>
                <c:pt idx="1783">
                  <c:v>38505</c:v>
                </c:pt>
                <c:pt idx="1784">
                  <c:v>38512</c:v>
                </c:pt>
                <c:pt idx="1785">
                  <c:v>38519</c:v>
                </c:pt>
                <c:pt idx="1786">
                  <c:v>38526</c:v>
                </c:pt>
                <c:pt idx="1787">
                  <c:v>38533</c:v>
                </c:pt>
                <c:pt idx="1788">
                  <c:v>38540</c:v>
                </c:pt>
                <c:pt idx="1789">
                  <c:v>38547</c:v>
                </c:pt>
                <c:pt idx="1790">
                  <c:v>38554</c:v>
                </c:pt>
                <c:pt idx="1791">
                  <c:v>38561</c:v>
                </c:pt>
                <c:pt idx="1792">
                  <c:v>38568</c:v>
                </c:pt>
                <c:pt idx="1793">
                  <c:v>38575</c:v>
                </c:pt>
                <c:pt idx="1794">
                  <c:v>38582</c:v>
                </c:pt>
                <c:pt idx="1795">
                  <c:v>38589</c:v>
                </c:pt>
                <c:pt idx="1796">
                  <c:v>38596</c:v>
                </c:pt>
                <c:pt idx="1797">
                  <c:v>38603</c:v>
                </c:pt>
                <c:pt idx="1798">
                  <c:v>38610</c:v>
                </c:pt>
                <c:pt idx="1799">
                  <c:v>38617</c:v>
                </c:pt>
                <c:pt idx="1800">
                  <c:v>38624</c:v>
                </c:pt>
                <c:pt idx="1801">
                  <c:v>38631</c:v>
                </c:pt>
                <c:pt idx="1802">
                  <c:v>38638</c:v>
                </c:pt>
                <c:pt idx="1803">
                  <c:v>38645</c:v>
                </c:pt>
                <c:pt idx="1804">
                  <c:v>38652</c:v>
                </c:pt>
                <c:pt idx="1805">
                  <c:v>38659</c:v>
                </c:pt>
                <c:pt idx="1806">
                  <c:v>38666</c:v>
                </c:pt>
                <c:pt idx="1807">
                  <c:v>38673</c:v>
                </c:pt>
                <c:pt idx="1808">
                  <c:v>38679</c:v>
                </c:pt>
                <c:pt idx="1809">
                  <c:v>38687</c:v>
                </c:pt>
                <c:pt idx="1810">
                  <c:v>38694</c:v>
                </c:pt>
                <c:pt idx="1811">
                  <c:v>38701</c:v>
                </c:pt>
                <c:pt idx="1812">
                  <c:v>38708</c:v>
                </c:pt>
                <c:pt idx="1813">
                  <c:v>38715</c:v>
                </c:pt>
                <c:pt idx="1814">
                  <c:v>38722</c:v>
                </c:pt>
                <c:pt idx="1815">
                  <c:v>38729</c:v>
                </c:pt>
                <c:pt idx="1816">
                  <c:v>38736</c:v>
                </c:pt>
                <c:pt idx="1817">
                  <c:v>38743</c:v>
                </c:pt>
                <c:pt idx="1818">
                  <c:v>38750</c:v>
                </c:pt>
                <c:pt idx="1819">
                  <c:v>38757</c:v>
                </c:pt>
                <c:pt idx="1820">
                  <c:v>38764</c:v>
                </c:pt>
                <c:pt idx="1821">
                  <c:v>38771</c:v>
                </c:pt>
                <c:pt idx="1822">
                  <c:v>38778</c:v>
                </c:pt>
                <c:pt idx="1823">
                  <c:v>38785</c:v>
                </c:pt>
                <c:pt idx="1824">
                  <c:v>38792</c:v>
                </c:pt>
                <c:pt idx="1825">
                  <c:v>38799</c:v>
                </c:pt>
                <c:pt idx="1826">
                  <c:v>38806</c:v>
                </c:pt>
                <c:pt idx="1827">
                  <c:v>38813</c:v>
                </c:pt>
                <c:pt idx="1828">
                  <c:v>38820</c:v>
                </c:pt>
                <c:pt idx="1829">
                  <c:v>38827</c:v>
                </c:pt>
                <c:pt idx="1830">
                  <c:v>38834</c:v>
                </c:pt>
                <c:pt idx="1831">
                  <c:v>38841</c:v>
                </c:pt>
                <c:pt idx="1832">
                  <c:v>38848</c:v>
                </c:pt>
                <c:pt idx="1833">
                  <c:v>38855</c:v>
                </c:pt>
                <c:pt idx="1834">
                  <c:v>38862</c:v>
                </c:pt>
                <c:pt idx="1835">
                  <c:v>38869</c:v>
                </c:pt>
                <c:pt idx="1836">
                  <c:v>38876</c:v>
                </c:pt>
                <c:pt idx="1837">
                  <c:v>38883</c:v>
                </c:pt>
                <c:pt idx="1838">
                  <c:v>38890</c:v>
                </c:pt>
                <c:pt idx="1839">
                  <c:v>38897</c:v>
                </c:pt>
                <c:pt idx="1840">
                  <c:v>38904</c:v>
                </c:pt>
                <c:pt idx="1841">
                  <c:v>38911</c:v>
                </c:pt>
                <c:pt idx="1842">
                  <c:v>38918</c:v>
                </c:pt>
                <c:pt idx="1843">
                  <c:v>38925</c:v>
                </c:pt>
                <c:pt idx="1844">
                  <c:v>38932</c:v>
                </c:pt>
                <c:pt idx="1845">
                  <c:v>38939</c:v>
                </c:pt>
                <c:pt idx="1846">
                  <c:v>38946</c:v>
                </c:pt>
                <c:pt idx="1847">
                  <c:v>38953</c:v>
                </c:pt>
                <c:pt idx="1848">
                  <c:v>38960</c:v>
                </c:pt>
                <c:pt idx="1849">
                  <c:v>38967</c:v>
                </c:pt>
                <c:pt idx="1850">
                  <c:v>38974</c:v>
                </c:pt>
                <c:pt idx="1851">
                  <c:v>38981</c:v>
                </c:pt>
                <c:pt idx="1852">
                  <c:v>38988</c:v>
                </c:pt>
                <c:pt idx="1853">
                  <c:v>38995</c:v>
                </c:pt>
                <c:pt idx="1854">
                  <c:v>39002</c:v>
                </c:pt>
                <c:pt idx="1855">
                  <c:v>39009</c:v>
                </c:pt>
                <c:pt idx="1856">
                  <c:v>39016</c:v>
                </c:pt>
                <c:pt idx="1857">
                  <c:v>39023</c:v>
                </c:pt>
                <c:pt idx="1858">
                  <c:v>39030</c:v>
                </c:pt>
                <c:pt idx="1859">
                  <c:v>39037</c:v>
                </c:pt>
                <c:pt idx="1860">
                  <c:v>39043</c:v>
                </c:pt>
                <c:pt idx="1861">
                  <c:v>39051</c:v>
                </c:pt>
                <c:pt idx="1862">
                  <c:v>39058</c:v>
                </c:pt>
                <c:pt idx="1863">
                  <c:v>39065</c:v>
                </c:pt>
                <c:pt idx="1864">
                  <c:v>39072</c:v>
                </c:pt>
                <c:pt idx="1865">
                  <c:v>39079</c:v>
                </c:pt>
                <c:pt idx="1866">
                  <c:v>39086</c:v>
                </c:pt>
                <c:pt idx="1867">
                  <c:v>39093</c:v>
                </c:pt>
                <c:pt idx="1868">
                  <c:v>39100</c:v>
                </c:pt>
                <c:pt idx="1869">
                  <c:v>39107</c:v>
                </c:pt>
                <c:pt idx="1870">
                  <c:v>39114</c:v>
                </c:pt>
                <c:pt idx="1871">
                  <c:v>39121</c:v>
                </c:pt>
                <c:pt idx="1872">
                  <c:v>39128</c:v>
                </c:pt>
                <c:pt idx="1873">
                  <c:v>39135</c:v>
                </c:pt>
                <c:pt idx="1874">
                  <c:v>39142</c:v>
                </c:pt>
                <c:pt idx="1875">
                  <c:v>39149</c:v>
                </c:pt>
                <c:pt idx="1876">
                  <c:v>39156</c:v>
                </c:pt>
                <c:pt idx="1877">
                  <c:v>39163</c:v>
                </c:pt>
                <c:pt idx="1878">
                  <c:v>39170</c:v>
                </c:pt>
                <c:pt idx="1879">
                  <c:v>39177</c:v>
                </c:pt>
                <c:pt idx="1880">
                  <c:v>39184</c:v>
                </c:pt>
                <c:pt idx="1881">
                  <c:v>39191</c:v>
                </c:pt>
                <c:pt idx="1882">
                  <c:v>39198</c:v>
                </c:pt>
                <c:pt idx="1883">
                  <c:v>39205</c:v>
                </c:pt>
                <c:pt idx="1884">
                  <c:v>39212</c:v>
                </c:pt>
                <c:pt idx="1885">
                  <c:v>39219</c:v>
                </c:pt>
                <c:pt idx="1886">
                  <c:v>39226</c:v>
                </c:pt>
                <c:pt idx="1887">
                  <c:v>39233</c:v>
                </c:pt>
                <c:pt idx="1888">
                  <c:v>39240</c:v>
                </c:pt>
                <c:pt idx="1889">
                  <c:v>39247</c:v>
                </c:pt>
                <c:pt idx="1890">
                  <c:v>39254</c:v>
                </c:pt>
                <c:pt idx="1891">
                  <c:v>39261</c:v>
                </c:pt>
                <c:pt idx="1892">
                  <c:v>39268</c:v>
                </c:pt>
                <c:pt idx="1893">
                  <c:v>39275</c:v>
                </c:pt>
                <c:pt idx="1894">
                  <c:v>39282</c:v>
                </c:pt>
                <c:pt idx="1895">
                  <c:v>39289</c:v>
                </c:pt>
                <c:pt idx="1896">
                  <c:v>39296</c:v>
                </c:pt>
                <c:pt idx="1897">
                  <c:v>39303</c:v>
                </c:pt>
                <c:pt idx="1898">
                  <c:v>39310</c:v>
                </c:pt>
                <c:pt idx="1899">
                  <c:v>39317</c:v>
                </c:pt>
                <c:pt idx="1900">
                  <c:v>39324</c:v>
                </c:pt>
                <c:pt idx="1901">
                  <c:v>39331</c:v>
                </c:pt>
                <c:pt idx="1902">
                  <c:v>39338</c:v>
                </c:pt>
                <c:pt idx="1903">
                  <c:v>39345</c:v>
                </c:pt>
                <c:pt idx="1904">
                  <c:v>39352</c:v>
                </c:pt>
                <c:pt idx="1905">
                  <c:v>39359</c:v>
                </c:pt>
                <c:pt idx="1906">
                  <c:v>39366</c:v>
                </c:pt>
                <c:pt idx="1907">
                  <c:v>39373</c:v>
                </c:pt>
                <c:pt idx="1908">
                  <c:v>39380</c:v>
                </c:pt>
                <c:pt idx="1909">
                  <c:v>39387</c:v>
                </c:pt>
                <c:pt idx="1910">
                  <c:v>39394</c:v>
                </c:pt>
                <c:pt idx="1911">
                  <c:v>39401</c:v>
                </c:pt>
                <c:pt idx="1912">
                  <c:v>39407</c:v>
                </c:pt>
                <c:pt idx="1913">
                  <c:v>39415</c:v>
                </c:pt>
                <c:pt idx="1914">
                  <c:v>39422</c:v>
                </c:pt>
                <c:pt idx="1915">
                  <c:v>39429</c:v>
                </c:pt>
                <c:pt idx="1916">
                  <c:v>39436</c:v>
                </c:pt>
                <c:pt idx="1917">
                  <c:v>39443</c:v>
                </c:pt>
                <c:pt idx="1918">
                  <c:v>39450</c:v>
                </c:pt>
                <c:pt idx="1919">
                  <c:v>39457</c:v>
                </c:pt>
                <c:pt idx="1920">
                  <c:v>39464</c:v>
                </c:pt>
                <c:pt idx="1921">
                  <c:v>39471</c:v>
                </c:pt>
                <c:pt idx="1922">
                  <c:v>39478</c:v>
                </c:pt>
                <c:pt idx="1923">
                  <c:v>39485</c:v>
                </c:pt>
                <c:pt idx="1924">
                  <c:v>39492</c:v>
                </c:pt>
                <c:pt idx="1925">
                  <c:v>39499</c:v>
                </c:pt>
                <c:pt idx="1926">
                  <c:v>39506</c:v>
                </c:pt>
                <c:pt idx="1927">
                  <c:v>39513</c:v>
                </c:pt>
                <c:pt idx="1928">
                  <c:v>39520</c:v>
                </c:pt>
                <c:pt idx="1929">
                  <c:v>39527</c:v>
                </c:pt>
                <c:pt idx="1930">
                  <c:v>39534</c:v>
                </c:pt>
                <c:pt idx="1931">
                  <c:v>39541</c:v>
                </c:pt>
                <c:pt idx="1932">
                  <c:v>39548</c:v>
                </c:pt>
                <c:pt idx="1933">
                  <c:v>39555</c:v>
                </c:pt>
                <c:pt idx="1934">
                  <c:v>39562</c:v>
                </c:pt>
                <c:pt idx="1935">
                  <c:v>39569</c:v>
                </c:pt>
                <c:pt idx="1936">
                  <c:v>39576</c:v>
                </c:pt>
                <c:pt idx="1937">
                  <c:v>39583</c:v>
                </c:pt>
                <c:pt idx="1938">
                  <c:v>39590</c:v>
                </c:pt>
                <c:pt idx="1939">
                  <c:v>39597</c:v>
                </c:pt>
                <c:pt idx="1940">
                  <c:v>39604</c:v>
                </c:pt>
                <c:pt idx="1941">
                  <c:v>39611</c:v>
                </c:pt>
                <c:pt idx="1942">
                  <c:v>39618</c:v>
                </c:pt>
                <c:pt idx="1943">
                  <c:v>39625</c:v>
                </c:pt>
                <c:pt idx="1944">
                  <c:v>39632</c:v>
                </c:pt>
                <c:pt idx="1945">
                  <c:v>39639</c:v>
                </c:pt>
                <c:pt idx="1946">
                  <c:v>39646</c:v>
                </c:pt>
                <c:pt idx="1947">
                  <c:v>39653</c:v>
                </c:pt>
                <c:pt idx="1948">
                  <c:v>39660</c:v>
                </c:pt>
                <c:pt idx="1949">
                  <c:v>39667</c:v>
                </c:pt>
                <c:pt idx="1950">
                  <c:v>39674</c:v>
                </c:pt>
                <c:pt idx="1951">
                  <c:v>39681</c:v>
                </c:pt>
                <c:pt idx="1952">
                  <c:v>39688</c:v>
                </c:pt>
                <c:pt idx="1953">
                  <c:v>39695</c:v>
                </c:pt>
                <c:pt idx="1954">
                  <c:v>39702</c:v>
                </c:pt>
                <c:pt idx="1955">
                  <c:v>39709</c:v>
                </c:pt>
                <c:pt idx="1956">
                  <c:v>39716</c:v>
                </c:pt>
                <c:pt idx="1957">
                  <c:v>39723</c:v>
                </c:pt>
                <c:pt idx="1958">
                  <c:v>39730</c:v>
                </c:pt>
                <c:pt idx="1959">
                  <c:v>39737</c:v>
                </c:pt>
                <c:pt idx="1960">
                  <c:v>39744</c:v>
                </c:pt>
                <c:pt idx="1961">
                  <c:v>39751</c:v>
                </c:pt>
                <c:pt idx="1962">
                  <c:v>39758</c:v>
                </c:pt>
                <c:pt idx="1963">
                  <c:v>39765</c:v>
                </c:pt>
                <c:pt idx="1964">
                  <c:v>39772</c:v>
                </c:pt>
                <c:pt idx="1965">
                  <c:v>39778</c:v>
                </c:pt>
                <c:pt idx="1966">
                  <c:v>39786</c:v>
                </c:pt>
                <c:pt idx="1967">
                  <c:v>39793</c:v>
                </c:pt>
                <c:pt idx="1968">
                  <c:v>39800</c:v>
                </c:pt>
                <c:pt idx="1969">
                  <c:v>39806</c:v>
                </c:pt>
                <c:pt idx="1970">
                  <c:v>39813</c:v>
                </c:pt>
                <c:pt idx="1971">
                  <c:v>39821</c:v>
                </c:pt>
                <c:pt idx="1972">
                  <c:v>39828</c:v>
                </c:pt>
                <c:pt idx="1973">
                  <c:v>39835</c:v>
                </c:pt>
                <c:pt idx="1974">
                  <c:v>39842</c:v>
                </c:pt>
                <c:pt idx="1975">
                  <c:v>39849</c:v>
                </c:pt>
                <c:pt idx="1976">
                  <c:v>39856</c:v>
                </c:pt>
                <c:pt idx="1977">
                  <c:v>39863</c:v>
                </c:pt>
                <c:pt idx="1978">
                  <c:v>39870</c:v>
                </c:pt>
                <c:pt idx="1979">
                  <c:v>39877</c:v>
                </c:pt>
                <c:pt idx="1980">
                  <c:v>39884</c:v>
                </c:pt>
                <c:pt idx="1981">
                  <c:v>39891</c:v>
                </c:pt>
                <c:pt idx="1982">
                  <c:v>39898</c:v>
                </c:pt>
                <c:pt idx="1983">
                  <c:v>39905</c:v>
                </c:pt>
                <c:pt idx="1984">
                  <c:v>39912</c:v>
                </c:pt>
                <c:pt idx="1985">
                  <c:v>39919</c:v>
                </c:pt>
                <c:pt idx="1986">
                  <c:v>39926</c:v>
                </c:pt>
                <c:pt idx="1987">
                  <c:v>39933</c:v>
                </c:pt>
                <c:pt idx="1988">
                  <c:v>39940</c:v>
                </c:pt>
                <c:pt idx="1989">
                  <c:v>39947</c:v>
                </c:pt>
                <c:pt idx="1990">
                  <c:v>39954</c:v>
                </c:pt>
                <c:pt idx="1991">
                  <c:v>39961</c:v>
                </c:pt>
                <c:pt idx="1992">
                  <c:v>39968</c:v>
                </c:pt>
                <c:pt idx="1993">
                  <c:v>39975</c:v>
                </c:pt>
                <c:pt idx="1994">
                  <c:v>39982</c:v>
                </c:pt>
                <c:pt idx="1995">
                  <c:v>39989</c:v>
                </c:pt>
                <c:pt idx="1996">
                  <c:v>39996</c:v>
                </c:pt>
                <c:pt idx="1997">
                  <c:v>40003</c:v>
                </c:pt>
                <c:pt idx="1998">
                  <c:v>40010</c:v>
                </c:pt>
                <c:pt idx="1999">
                  <c:v>40017</c:v>
                </c:pt>
                <c:pt idx="2000">
                  <c:v>40024</c:v>
                </c:pt>
                <c:pt idx="2001">
                  <c:v>40031</c:v>
                </c:pt>
                <c:pt idx="2002">
                  <c:v>40038</c:v>
                </c:pt>
                <c:pt idx="2003">
                  <c:v>40045</c:v>
                </c:pt>
                <c:pt idx="2004">
                  <c:v>40052</c:v>
                </c:pt>
                <c:pt idx="2005">
                  <c:v>40059</c:v>
                </c:pt>
                <c:pt idx="2006">
                  <c:v>40066</c:v>
                </c:pt>
                <c:pt idx="2007">
                  <c:v>40073</c:v>
                </c:pt>
                <c:pt idx="2008">
                  <c:v>40080</c:v>
                </c:pt>
                <c:pt idx="2009">
                  <c:v>40087</c:v>
                </c:pt>
                <c:pt idx="2010">
                  <c:v>40094</c:v>
                </c:pt>
                <c:pt idx="2011">
                  <c:v>40101</c:v>
                </c:pt>
                <c:pt idx="2012">
                  <c:v>40108</c:v>
                </c:pt>
                <c:pt idx="2013">
                  <c:v>40115</c:v>
                </c:pt>
                <c:pt idx="2014">
                  <c:v>40122</c:v>
                </c:pt>
                <c:pt idx="2015">
                  <c:v>40129</c:v>
                </c:pt>
                <c:pt idx="2016">
                  <c:v>40136</c:v>
                </c:pt>
                <c:pt idx="2017">
                  <c:v>40142</c:v>
                </c:pt>
                <c:pt idx="2018">
                  <c:v>40150</c:v>
                </c:pt>
                <c:pt idx="2019">
                  <c:v>40157</c:v>
                </c:pt>
                <c:pt idx="2020">
                  <c:v>40164</c:v>
                </c:pt>
                <c:pt idx="2021">
                  <c:v>40171</c:v>
                </c:pt>
                <c:pt idx="2022">
                  <c:v>40178</c:v>
                </c:pt>
                <c:pt idx="2023">
                  <c:v>40185</c:v>
                </c:pt>
                <c:pt idx="2024">
                  <c:v>40192</c:v>
                </c:pt>
                <c:pt idx="2025">
                  <c:v>40199</c:v>
                </c:pt>
                <c:pt idx="2026">
                  <c:v>40206</c:v>
                </c:pt>
                <c:pt idx="2027">
                  <c:v>40213</c:v>
                </c:pt>
                <c:pt idx="2028">
                  <c:v>40220</c:v>
                </c:pt>
                <c:pt idx="2029">
                  <c:v>40227</c:v>
                </c:pt>
                <c:pt idx="2030">
                  <c:v>40234</c:v>
                </c:pt>
                <c:pt idx="2031">
                  <c:v>40241</c:v>
                </c:pt>
                <c:pt idx="2032">
                  <c:v>40248</c:v>
                </c:pt>
                <c:pt idx="2033">
                  <c:v>40255</c:v>
                </c:pt>
                <c:pt idx="2034">
                  <c:v>40262</c:v>
                </c:pt>
                <c:pt idx="2035">
                  <c:v>40269</c:v>
                </c:pt>
                <c:pt idx="2036">
                  <c:v>40276</c:v>
                </c:pt>
                <c:pt idx="2037">
                  <c:v>40283</c:v>
                </c:pt>
                <c:pt idx="2038">
                  <c:v>40290</c:v>
                </c:pt>
                <c:pt idx="2039">
                  <c:v>40297</c:v>
                </c:pt>
                <c:pt idx="2040">
                  <c:v>40304</c:v>
                </c:pt>
                <c:pt idx="2041">
                  <c:v>40311</c:v>
                </c:pt>
                <c:pt idx="2042">
                  <c:v>40318</c:v>
                </c:pt>
                <c:pt idx="2043">
                  <c:v>40325</c:v>
                </c:pt>
                <c:pt idx="2044">
                  <c:v>40332</c:v>
                </c:pt>
                <c:pt idx="2045">
                  <c:v>40339</c:v>
                </c:pt>
                <c:pt idx="2046">
                  <c:v>40346</c:v>
                </c:pt>
                <c:pt idx="2047">
                  <c:v>40353</c:v>
                </c:pt>
                <c:pt idx="2048">
                  <c:v>40360</c:v>
                </c:pt>
                <c:pt idx="2049">
                  <c:v>40367</c:v>
                </c:pt>
                <c:pt idx="2050">
                  <c:v>40374</c:v>
                </c:pt>
                <c:pt idx="2051">
                  <c:v>40381</c:v>
                </c:pt>
                <c:pt idx="2052">
                  <c:v>40388</c:v>
                </c:pt>
                <c:pt idx="2053">
                  <c:v>40395</c:v>
                </c:pt>
                <c:pt idx="2054">
                  <c:v>40402</c:v>
                </c:pt>
                <c:pt idx="2055">
                  <c:v>40409</c:v>
                </c:pt>
                <c:pt idx="2056">
                  <c:v>40416</c:v>
                </c:pt>
                <c:pt idx="2057">
                  <c:v>40423</c:v>
                </c:pt>
                <c:pt idx="2058">
                  <c:v>40430</c:v>
                </c:pt>
                <c:pt idx="2059">
                  <c:v>40437</c:v>
                </c:pt>
                <c:pt idx="2060">
                  <c:v>40444</c:v>
                </c:pt>
                <c:pt idx="2061">
                  <c:v>40451</c:v>
                </c:pt>
                <c:pt idx="2062">
                  <c:v>40458</c:v>
                </c:pt>
                <c:pt idx="2063">
                  <c:v>40465</c:v>
                </c:pt>
                <c:pt idx="2064">
                  <c:v>40472</c:v>
                </c:pt>
                <c:pt idx="2065">
                  <c:v>40479</c:v>
                </c:pt>
                <c:pt idx="2066">
                  <c:v>40486</c:v>
                </c:pt>
                <c:pt idx="2067">
                  <c:v>40493</c:v>
                </c:pt>
                <c:pt idx="2068">
                  <c:v>40500</c:v>
                </c:pt>
                <c:pt idx="2069">
                  <c:v>40506</c:v>
                </c:pt>
                <c:pt idx="2070">
                  <c:v>40514</c:v>
                </c:pt>
                <c:pt idx="2071">
                  <c:v>40521</c:v>
                </c:pt>
                <c:pt idx="2072">
                  <c:v>40528</c:v>
                </c:pt>
                <c:pt idx="2073">
                  <c:v>40535</c:v>
                </c:pt>
                <c:pt idx="2074">
                  <c:v>40542</c:v>
                </c:pt>
                <c:pt idx="2075">
                  <c:v>40549</c:v>
                </c:pt>
                <c:pt idx="2076">
                  <c:v>40556</c:v>
                </c:pt>
                <c:pt idx="2077">
                  <c:v>40563</c:v>
                </c:pt>
                <c:pt idx="2078">
                  <c:v>40570</c:v>
                </c:pt>
                <c:pt idx="2079">
                  <c:v>40577</c:v>
                </c:pt>
                <c:pt idx="2080">
                  <c:v>40584</c:v>
                </c:pt>
                <c:pt idx="2081">
                  <c:v>40591</c:v>
                </c:pt>
                <c:pt idx="2082">
                  <c:v>40598</c:v>
                </c:pt>
                <c:pt idx="2083">
                  <c:v>40605</c:v>
                </c:pt>
                <c:pt idx="2084">
                  <c:v>40612</c:v>
                </c:pt>
                <c:pt idx="2085">
                  <c:v>40619</c:v>
                </c:pt>
                <c:pt idx="2086">
                  <c:v>40626</c:v>
                </c:pt>
                <c:pt idx="2087">
                  <c:v>40633</c:v>
                </c:pt>
                <c:pt idx="2088">
                  <c:v>40640</c:v>
                </c:pt>
                <c:pt idx="2089">
                  <c:v>40647</c:v>
                </c:pt>
                <c:pt idx="2090">
                  <c:v>40654</c:v>
                </c:pt>
                <c:pt idx="2091">
                  <c:v>40661</c:v>
                </c:pt>
                <c:pt idx="2092">
                  <c:v>40668</c:v>
                </c:pt>
                <c:pt idx="2093">
                  <c:v>40675</c:v>
                </c:pt>
                <c:pt idx="2094">
                  <c:v>40682</c:v>
                </c:pt>
                <c:pt idx="2095">
                  <c:v>40689</c:v>
                </c:pt>
                <c:pt idx="2096">
                  <c:v>40696</c:v>
                </c:pt>
                <c:pt idx="2097">
                  <c:v>40703</c:v>
                </c:pt>
                <c:pt idx="2098">
                  <c:v>40710</c:v>
                </c:pt>
                <c:pt idx="2099">
                  <c:v>40717</c:v>
                </c:pt>
                <c:pt idx="2100">
                  <c:v>40724</c:v>
                </c:pt>
                <c:pt idx="2101">
                  <c:v>40731</c:v>
                </c:pt>
                <c:pt idx="2102">
                  <c:v>40738</c:v>
                </c:pt>
                <c:pt idx="2103">
                  <c:v>40745</c:v>
                </c:pt>
                <c:pt idx="2104">
                  <c:v>40752</c:v>
                </c:pt>
                <c:pt idx="2105">
                  <c:v>40759</c:v>
                </c:pt>
                <c:pt idx="2106">
                  <c:v>40766</c:v>
                </c:pt>
                <c:pt idx="2107">
                  <c:v>40773</c:v>
                </c:pt>
                <c:pt idx="2108">
                  <c:v>40780</c:v>
                </c:pt>
                <c:pt idx="2109">
                  <c:v>40787</c:v>
                </c:pt>
                <c:pt idx="2110">
                  <c:v>40794</c:v>
                </c:pt>
                <c:pt idx="2111">
                  <c:v>40801</c:v>
                </c:pt>
                <c:pt idx="2112">
                  <c:v>40808</c:v>
                </c:pt>
                <c:pt idx="2113">
                  <c:v>40815</c:v>
                </c:pt>
                <c:pt idx="2114">
                  <c:v>40822</c:v>
                </c:pt>
                <c:pt idx="2115">
                  <c:v>40829</c:v>
                </c:pt>
                <c:pt idx="2116">
                  <c:v>40836</c:v>
                </c:pt>
                <c:pt idx="2117">
                  <c:v>40843</c:v>
                </c:pt>
                <c:pt idx="2118">
                  <c:v>40850</c:v>
                </c:pt>
                <c:pt idx="2119">
                  <c:v>40857</c:v>
                </c:pt>
                <c:pt idx="2120">
                  <c:v>40864</c:v>
                </c:pt>
                <c:pt idx="2121">
                  <c:v>40870</c:v>
                </c:pt>
                <c:pt idx="2122">
                  <c:v>40878</c:v>
                </c:pt>
                <c:pt idx="2123">
                  <c:v>40885</c:v>
                </c:pt>
                <c:pt idx="2124">
                  <c:v>40892</c:v>
                </c:pt>
                <c:pt idx="2125">
                  <c:v>40899</c:v>
                </c:pt>
                <c:pt idx="2126">
                  <c:v>40906</c:v>
                </c:pt>
                <c:pt idx="2127">
                  <c:v>40913</c:v>
                </c:pt>
                <c:pt idx="2128">
                  <c:v>40920</c:v>
                </c:pt>
                <c:pt idx="2129">
                  <c:v>40927</c:v>
                </c:pt>
                <c:pt idx="2130">
                  <c:v>40934</c:v>
                </c:pt>
                <c:pt idx="2131">
                  <c:v>40941</c:v>
                </c:pt>
                <c:pt idx="2132">
                  <c:v>40948</c:v>
                </c:pt>
                <c:pt idx="2133">
                  <c:v>40955</c:v>
                </c:pt>
                <c:pt idx="2134">
                  <c:v>40962</c:v>
                </c:pt>
                <c:pt idx="2135">
                  <c:v>40969</c:v>
                </c:pt>
                <c:pt idx="2136">
                  <c:v>40976</c:v>
                </c:pt>
                <c:pt idx="2137">
                  <c:v>40983</c:v>
                </c:pt>
                <c:pt idx="2138">
                  <c:v>40990</c:v>
                </c:pt>
                <c:pt idx="2139">
                  <c:v>40997</c:v>
                </c:pt>
                <c:pt idx="2140">
                  <c:v>41004</c:v>
                </c:pt>
                <c:pt idx="2141">
                  <c:v>41011</c:v>
                </c:pt>
                <c:pt idx="2142">
                  <c:v>41018</c:v>
                </c:pt>
                <c:pt idx="2143">
                  <c:v>41025</c:v>
                </c:pt>
                <c:pt idx="2144">
                  <c:v>41032</c:v>
                </c:pt>
                <c:pt idx="2145">
                  <c:v>41039</c:v>
                </c:pt>
                <c:pt idx="2146">
                  <c:v>41046</c:v>
                </c:pt>
                <c:pt idx="2147">
                  <c:v>41053</c:v>
                </c:pt>
                <c:pt idx="2148">
                  <c:v>41060</c:v>
                </c:pt>
                <c:pt idx="2149">
                  <c:v>41067</c:v>
                </c:pt>
                <c:pt idx="2150">
                  <c:v>41074</c:v>
                </c:pt>
                <c:pt idx="2151">
                  <c:v>41081</c:v>
                </c:pt>
                <c:pt idx="2152">
                  <c:v>41088</c:v>
                </c:pt>
                <c:pt idx="2153">
                  <c:v>41095</c:v>
                </c:pt>
                <c:pt idx="2154">
                  <c:v>41102</c:v>
                </c:pt>
                <c:pt idx="2155">
                  <c:v>41109</c:v>
                </c:pt>
                <c:pt idx="2156">
                  <c:v>41116</c:v>
                </c:pt>
                <c:pt idx="2157">
                  <c:v>41123</c:v>
                </c:pt>
                <c:pt idx="2158">
                  <c:v>41130</c:v>
                </c:pt>
                <c:pt idx="2159">
                  <c:v>41137</c:v>
                </c:pt>
                <c:pt idx="2160">
                  <c:v>41144</c:v>
                </c:pt>
                <c:pt idx="2161">
                  <c:v>41151</c:v>
                </c:pt>
                <c:pt idx="2162">
                  <c:v>41158</c:v>
                </c:pt>
                <c:pt idx="2163">
                  <c:v>41165</c:v>
                </c:pt>
                <c:pt idx="2164">
                  <c:v>41172</c:v>
                </c:pt>
                <c:pt idx="2165">
                  <c:v>41179</c:v>
                </c:pt>
                <c:pt idx="2166">
                  <c:v>41186</c:v>
                </c:pt>
                <c:pt idx="2167">
                  <c:v>41193</c:v>
                </c:pt>
                <c:pt idx="2168">
                  <c:v>41200</c:v>
                </c:pt>
                <c:pt idx="2169">
                  <c:v>41207</c:v>
                </c:pt>
                <c:pt idx="2170">
                  <c:v>41214</c:v>
                </c:pt>
                <c:pt idx="2171">
                  <c:v>41221</c:v>
                </c:pt>
                <c:pt idx="2172">
                  <c:v>41228</c:v>
                </c:pt>
                <c:pt idx="2173">
                  <c:v>41234</c:v>
                </c:pt>
                <c:pt idx="2174">
                  <c:v>41242</c:v>
                </c:pt>
                <c:pt idx="2175">
                  <c:v>41249</c:v>
                </c:pt>
                <c:pt idx="2176">
                  <c:v>41256</c:v>
                </c:pt>
                <c:pt idx="2177">
                  <c:v>41263</c:v>
                </c:pt>
                <c:pt idx="2178">
                  <c:v>41270</c:v>
                </c:pt>
                <c:pt idx="2179">
                  <c:v>41277</c:v>
                </c:pt>
                <c:pt idx="2180">
                  <c:v>41284</c:v>
                </c:pt>
                <c:pt idx="2181">
                  <c:v>41291</c:v>
                </c:pt>
                <c:pt idx="2182">
                  <c:v>41298</c:v>
                </c:pt>
                <c:pt idx="2183">
                  <c:v>41305</c:v>
                </c:pt>
                <c:pt idx="2184">
                  <c:v>41312</c:v>
                </c:pt>
                <c:pt idx="2185">
                  <c:v>41319</c:v>
                </c:pt>
                <c:pt idx="2186">
                  <c:v>41326</c:v>
                </c:pt>
                <c:pt idx="2187">
                  <c:v>41333</c:v>
                </c:pt>
                <c:pt idx="2188">
                  <c:v>41340</c:v>
                </c:pt>
                <c:pt idx="2189">
                  <c:v>41347</c:v>
                </c:pt>
                <c:pt idx="2190">
                  <c:v>41354</c:v>
                </c:pt>
                <c:pt idx="2191">
                  <c:v>41361</c:v>
                </c:pt>
                <c:pt idx="2192">
                  <c:v>41368</c:v>
                </c:pt>
                <c:pt idx="2193">
                  <c:v>41375</c:v>
                </c:pt>
                <c:pt idx="2194">
                  <c:v>41382</c:v>
                </c:pt>
                <c:pt idx="2195">
                  <c:v>41389</c:v>
                </c:pt>
                <c:pt idx="2196">
                  <c:v>41396</c:v>
                </c:pt>
                <c:pt idx="2197">
                  <c:v>41403</c:v>
                </c:pt>
                <c:pt idx="2198">
                  <c:v>41410</c:v>
                </c:pt>
                <c:pt idx="2199">
                  <c:v>41417</c:v>
                </c:pt>
                <c:pt idx="2200">
                  <c:v>41424</c:v>
                </c:pt>
                <c:pt idx="2201">
                  <c:v>41431</c:v>
                </c:pt>
                <c:pt idx="2202">
                  <c:v>41438</c:v>
                </c:pt>
                <c:pt idx="2203">
                  <c:v>41445</c:v>
                </c:pt>
                <c:pt idx="2204">
                  <c:v>41452</c:v>
                </c:pt>
                <c:pt idx="2205">
                  <c:v>41458</c:v>
                </c:pt>
                <c:pt idx="2206">
                  <c:v>41466</c:v>
                </c:pt>
                <c:pt idx="2207">
                  <c:v>41473</c:v>
                </c:pt>
                <c:pt idx="2208">
                  <c:v>41480</c:v>
                </c:pt>
                <c:pt idx="2209">
                  <c:v>41487</c:v>
                </c:pt>
                <c:pt idx="2210">
                  <c:v>41494</c:v>
                </c:pt>
                <c:pt idx="2211">
                  <c:v>41501</c:v>
                </c:pt>
                <c:pt idx="2212">
                  <c:v>41508</c:v>
                </c:pt>
                <c:pt idx="2213">
                  <c:v>41515</c:v>
                </c:pt>
                <c:pt idx="2214">
                  <c:v>41522</c:v>
                </c:pt>
                <c:pt idx="2215">
                  <c:v>41529</c:v>
                </c:pt>
                <c:pt idx="2216">
                  <c:v>41536</c:v>
                </c:pt>
                <c:pt idx="2217">
                  <c:v>41543</c:v>
                </c:pt>
                <c:pt idx="2218">
                  <c:v>41550</c:v>
                </c:pt>
                <c:pt idx="2219">
                  <c:v>41557</c:v>
                </c:pt>
                <c:pt idx="2220">
                  <c:v>41564</c:v>
                </c:pt>
                <c:pt idx="2221">
                  <c:v>41571</c:v>
                </c:pt>
                <c:pt idx="2222">
                  <c:v>41578</c:v>
                </c:pt>
                <c:pt idx="2223">
                  <c:v>41585</c:v>
                </c:pt>
                <c:pt idx="2224">
                  <c:v>41592</c:v>
                </c:pt>
                <c:pt idx="2225">
                  <c:v>41599</c:v>
                </c:pt>
                <c:pt idx="2226">
                  <c:v>41605</c:v>
                </c:pt>
                <c:pt idx="2227">
                  <c:v>41613</c:v>
                </c:pt>
                <c:pt idx="2228">
                  <c:v>41620</c:v>
                </c:pt>
                <c:pt idx="2229">
                  <c:v>41627</c:v>
                </c:pt>
                <c:pt idx="2230">
                  <c:v>41634</c:v>
                </c:pt>
                <c:pt idx="2231">
                  <c:v>41641</c:v>
                </c:pt>
                <c:pt idx="2232">
                  <c:v>41648</c:v>
                </c:pt>
                <c:pt idx="2233">
                  <c:v>41655</c:v>
                </c:pt>
                <c:pt idx="2234">
                  <c:v>41662</c:v>
                </c:pt>
                <c:pt idx="2235">
                  <c:v>41669</c:v>
                </c:pt>
                <c:pt idx="2236">
                  <c:v>41676</c:v>
                </c:pt>
                <c:pt idx="2237">
                  <c:v>41683</c:v>
                </c:pt>
                <c:pt idx="2238">
                  <c:v>41690</c:v>
                </c:pt>
                <c:pt idx="2239">
                  <c:v>41697</c:v>
                </c:pt>
                <c:pt idx="2240">
                  <c:v>41704</c:v>
                </c:pt>
                <c:pt idx="2241">
                  <c:v>41711</c:v>
                </c:pt>
                <c:pt idx="2242">
                  <c:v>41718</c:v>
                </c:pt>
                <c:pt idx="2243">
                  <c:v>41725</c:v>
                </c:pt>
                <c:pt idx="2244">
                  <c:v>41732</c:v>
                </c:pt>
                <c:pt idx="2245">
                  <c:v>41739</c:v>
                </c:pt>
                <c:pt idx="2246">
                  <c:v>41746</c:v>
                </c:pt>
                <c:pt idx="2247">
                  <c:v>41753</c:v>
                </c:pt>
                <c:pt idx="2248">
                  <c:v>41760</c:v>
                </c:pt>
                <c:pt idx="2249">
                  <c:v>41767</c:v>
                </c:pt>
                <c:pt idx="2250">
                  <c:v>41774</c:v>
                </c:pt>
                <c:pt idx="2251">
                  <c:v>41781</c:v>
                </c:pt>
                <c:pt idx="2252">
                  <c:v>41788</c:v>
                </c:pt>
                <c:pt idx="2253">
                  <c:v>41795</c:v>
                </c:pt>
                <c:pt idx="2254">
                  <c:v>41802</c:v>
                </c:pt>
                <c:pt idx="2255">
                  <c:v>41809</c:v>
                </c:pt>
                <c:pt idx="2256">
                  <c:v>41816</c:v>
                </c:pt>
                <c:pt idx="2257">
                  <c:v>41823</c:v>
                </c:pt>
                <c:pt idx="2258">
                  <c:v>41830</c:v>
                </c:pt>
                <c:pt idx="2259">
                  <c:v>41837</c:v>
                </c:pt>
                <c:pt idx="2260">
                  <c:v>41844</c:v>
                </c:pt>
                <c:pt idx="2261">
                  <c:v>41851</c:v>
                </c:pt>
                <c:pt idx="2262">
                  <c:v>41858</c:v>
                </c:pt>
                <c:pt idx="2263">
                  <c:v>41865</c:v>
                </c:pt>
                <c:pt idx="2264">
                  <c:v>41872</c:v>
                </c:pt>
                <c:pt idx="2265">
                  <c:v>41879</c:v>
                </c:pt>
                <c:pt idx="2266">
                  <c:v>41886</c:v>
                </c:pt>
                <c:pt idx="2267">
                  <c:v>41893</c:v>
                </c:pt>
                <c:pt idx="2268">
                  <c:v>41900</c:v>
                </c:pt>
                <c:pt idx="2269">
                  <c:v>41907</c:v>
                </c:pt>
                <c:pt idx="2270">
                  <c:v>41914</c:v>
                </c:pt>
                <c:pt idx="2271">
                  <c:v>41921</c:v>
                </c:pt>
                <c:pt idx="2272">
                  <c:v>41928</c:v>
                </c:pt>
                <c:pt idx="2273">
                  <c:v>41935</c:v>
                </c:pt>
                <c:pt idx="2274">
                  <c:v>41942</c:v>
                </c:pt>
                <c:pt idx="2275">
                  <c:v>41949</c:v>
                </c:pt>
                <c:pt idx="2276">
                  <c:v>41956</c:v>
                </c:pt>
                <c:pt idx="2277">
                  <c:v>41963</c:v>
                </c:pt>
                <c:pt idx="2278">
                  <c:v>41969</c:v>
                </c:pt>
                <c:pt idx="2279">
                  <c:v>41977</c:v>
                </c:pt>
                <c:pt idx="2280">
                  <c:v>41984</c:v>
                </c:pt>
                <c:pt idx="2281">
                  <c:v>41991</c:v>
                </c:pt>
                <c:pt idx="2282">
                  <c:v>41997</c:v>
                </c:pt>
                <c:pt idx="2283">
                  <c:v>42004</c:v>
                </c:pt>
                <c:pt idx="2284">
                  <c:v>42012</c:v>
                </c:pt>
                <c:pt idx="2285">
                  <c:v>42019</c:v>
                </c:pt>
                <c:pt idx="2286">
                  <c:v>42026</c:v>
                </c:pt>
                <c:pt idx="2287">
                  <c:v>42033</c:v>
                </c:pt>
                <c:pt idx="2288">
                  <c:v>42040</c:v>
                </c:pt>
                <c:pt idx="2289">
                  <c:v>42047</c:v>
                </c:pt>
                <c:pt idx="2290">
                  <c:v>42054</c:v>
                </c:pt>
                <c:pt idx="2291">
                  <c:v>42061</c:v>
                </c:pt>
                <c:pt idx="2292">
                  <c:v>42068</c:v>
                </c:pt>
                <c:pt idx="2293">
                  <c:v>42075</c:v>
                </c:pt>
                <c:pt idx="2294">
                  <c:v>42082</c:v>
                </c:pt>
                <c:pt idx="2295">
                  <c:v>42089</c:v>
                </c:pt>
                <c:pt idx="2296">
                  <c:v>42096</c:v>
                </c:pt>
                <c:pt idx="2297">
                  <c:v>42103</c:v>
                </c:pt>
                <c:pt idx="2298">
                  <c:v>42110</c:v>
                </c:pt>
                <c:pt idx="2299">
                  <c:v>42117</c:v>
                </c:pt>
                <c:pt idx="2300">
                  <c:v>42124</c:v>
                </c:pt>
                <c:pt idx="2301">
                  <c:v>42131</c:v>
                </c:pt>
                <c:pt idx="2302">
                  <c:v>42138</c:v>
                </c:pt>
                <c:pt idx="2303">
                  <c:v>42145</c:v>
                </c:pt>
                <c:pt idx="2304">
                  <c:v>42152</c:v>
                </c:pt>
                <c:pt idx="2305">
                  <c:v>42159</c:v>
                </c:pt>
                <c:pt idx="2306">
                  <c:v>42166</c:v>
                </c:pt>
                <c:pt idx="2307">
                  <c:v>42173</c:v>
                </c:pt>
                <c:pt idx="2308">
                  <c:v>42180</c:v>
                </c:pt>
                <c:pt idx="2309">
                  <c:v>42187</c:v>
                </c:pt>
                <c:pt idx="2310">
                  <c:v>42194</c:v>
                </c:pt>
                <c:pt idx="2311">
                  <c:v>42201</c:v>
                </c:pt>
                <c:pt idx="2312">
                  <c:v>42208</c:v>
                </c:pt>
                <c:pt idx="2313">
                  <c:v>42215</c:v>
                </c:pt>
                <c:pt idx="2314">
                  <c:v>42222</c:v>
                </c:pt>
                <c:pt idx="2315">
                  <c:v>42229</c:v>
                </c:pt>
                <c:pt idx="2316">
                  <c:v>42236</c:v>
                </c:pt>
                <c:pt idx="2317">
                  <c:v>42243</c:v>
                </c:pt>
                <c:pt idx="2318">
                  <c:v>42250</c:v>
                </c:pt>
                <c:pt idx="2319">
                  <c:v>42257</c:v>
                </c:pt>
                <c:pt idx="2320">
                  <c:v>42264</c:v>
                </c:pt>
                <c:pt idx="2321">
                  <c:v>42271</c:v>
                </c:pt>
                <c:pt idx="2322">
                  <c:v>42278</c:v>
                </c:pt>
                <c:pt idx="2323">
                  <c:v>42285</c:v>
                </c:pt>
                <c:pt idx="2324">
                  <c:v>42292</c:v>
                </c:pt>
                <c:pt idx="2325">
                  <c:v>42299</c:v>
                </c:pt>
                <c:pt idx="2326">
                  <c:v>42306</c:v>
                </c:pt>
                <c:pt idx="2327">
                  <c:v>42313</c:v>
                </c:pt>
                <c:pt idx="2328">
                  <c:v>42320</c:v>
                </c:pt>
                <c:pt idx="2329">
                  <c:v>42327</c:v>
                </c:pt>
                <c:pt idx="2330">
                  <c:v>42333</c:v>
                </c:pt>
                <c:pt idx="2331">
                  <c:v>42341</c:v>
                </c:pt>
                <c:pt idx="2332">
                  <c:v>42348</c:v>
                </c:pt>
                <c:pt idx="2333">
                  <c:v>42355</c:v>
                </c:pt>
                <c:pt idx="2334">
                  <c:v>42362</c:v>
                </c:pt>
                <c:pt idx="2335">
                  <c:v>42369</c:v>
                </c:pt>
                <c:pt idx="2336">
                  <c:v>42376</c:v>
                </c:pt>
                <c:pt idx="2337">
                  <c:v>42383</c:v>
                </c:pt>
                <c:pt idx="2338">
                  <c:v>42390</c:v>
                </c:pt>
                <c:pt idx="2339">
                  <c:v>42397</c:v>
                </c:pt>
                <c:pt idx="2340">
                  <c:v>42404</c:v>
                </c:pt>
                <c:pt idx="2341">
                  <c:v>42411</c:v>
                </c:pt>
                <c:pt idx="2342">
                  <c:v>42418</c:v>
                </c:pt>
                <c:pt idx="2343">
                  <c:v>42425</c:v>
                </c:pt>
                <c:pt idx="2344">
                  <c:v>42432</c:v>
                </c:pt>
                <c:pt idx="2345">
                  <c:v>42439</c:v>
                </c:pt>
                <c:pt idx="2346">
                  <c:v>42446</c:v>
                </c:pt>
                <c:pt idx="2347">
                  <c:v>42453</c:v>
                </c:pt>
                <c:pt idx="2348">
                  <c:v>42460</c:v>
                </c:pt>
                <c:pt idx="2349">
                  <c:v>42467</c:v>
                </c:pt>
                <c:pt idx="2350">
                  <c:v>42474</c:v>
                </c:pt>
                <c:pt idx="2351">
                  <c:v>42481</c:v>
                </c:pt>
                <c:pt idx="2352">
                  <c:v>42488</c:v>
                </c:pt>
                <c:pt idx="2353">
                  <c:v>42495</c:v>
                </c:pt>
                <c:pt idx="2354">
                  <c:v>42502</c:v>
                </c:pt>
                <c:pt idx="2355">
                  <c:v>42509</c:v>
                </c:pt>
                <c:pt idx="2356">
                  <c:v>42516</c:v>
                </c:pt>
                <c:pt idx="2357">
                  <c:v>42523</c:v>
                </c:pt>
                <c:pt idx="2358">
                  <c:v>42530</c:v>
                </c:pt>
                <c:pt idx="2359">
                  <c:v>42537</c:v>
                </c:pt>
                <c:pt idx="2360">
                  <c:v>42544</c:v>
                </c:pt>
                <c:pt idx="2361">
                  <c:v>42551</c:v>
                </c:pt>
                <c:pt idx="2362">
                  <c:v>42558</c:v>
                </c:pt>
                <c:pt idx="2363">
                  <c:v>42565</c:v>
                </c:pt>
                <c:pt idx="2364">
                  <c:v>42572</c:v>
                </c:pt>
                <c:pt idx="2365">
                  <c:v>42579</c:v>
                </c:pt>
                <c:pt idx="2366">
                  <c:v>42586</c:v>
                </c:pt>
                <c:pt idx="2367">
                  <c:v>42593</c:v>
                </c:pt>
                <c:pt idx="2368">
                  <c:v>42600</c:v>
                </c:pt>
                <c:pt idx="2369">
                  <c:v>42607</c:v>
                </c:pt>
                <c:pt idx="2370">
                  <c:v>42614</c:v>
                </c:pt>
                <c:pt idx="2371">
                  <c:v>42621</c:v>
                </c:pt>
                <c:pt idx="2372">
                  <c:v>42628</c:v>
                </c:pt>
                <c:pt idx="2373">
                  <c:v>42635</c:v>
                </c:pt>
                <c:pt idx="2374">
                  <c:v>42642</c:v>
                </c:pt>
                <c:pt idx="2375">
                  <c:v>42649</c:v>
                </c:pt>
                <c:pt idx="2376">
                  <c:v>42656</c:v>
                </c:pt>
                <c:pt idx="2377">
                  <c:v>42663</c:v>
                </c:pt>
                <c:pt idx="2378">
                  <c:v>42670</c:v>
                </c:pt>
                <c:pt idx="2379">
                  <c:v>42677</c:v>
                </c:pt>
                <c:pt idx="2380">
                  <c:v>42684</c:v>
                </c:pt>
                <c:pt idx="2381">
                  <c:v>42691</c:v>
                </c:pt>
                <c:pt idx="2382">
                  <c:v>42697</c:v>
                </c:pt>
                <c:pt idx="2383">
                  <c:v>42705</c:v>
                </c:pt>
                <c:pt idx="2384">
                  <c:v>42712</c:v>
                </c:pt>
                <c:pt idx="2385">
                  <c:v>42719</c:v>
                </c:pt>
                <c:pt idx="2386">
                  <c:v>42726</c:v>
                </c:pt>
                <c:pt idx="2387">
                  <c:v>42733</c:v>
                </c:pt>
                <c:pt idx="2388">
                  <c:v>42740</c:v>
                </c:pt>
                <c:pt idx="2389">
                  <c:v>42747</c:v>
                </c:pt>
                <c:pt idx="2390">
                  <c:v>42754</c:v>
                </c:pt>
                <c:pt idx="2391">
                  <c:v>42761</c:v>
                </c:pt>
                <c:pt idx="2392">
                  <c:v>42768</c:v>
                </c:pt>
                <c:pt idx="2393">
                  <c:v>42775</c:v>
                </c:pt>
                <c:pt idx="2394">
                  <c:v>42782</c:v>
                </c:pt>
                <c:pt idx="2395">
                  <c:v>42789</c:v>
                </c:pt>
                <c:pt idx="2396">
                  <c:v>42796</c:v>
                </c:pt>
                <c:pt idx="2397">
                  <c:v>42803</c:v>
                </c:pt>
                <c:pt idx="2398">
                  <c:v>42810</c:v>
                </c:pt>
                <c:pt idx="2399">
                  <c:v>42817</c:v>
                </c:pt>
                <c:pt idx="2400">
                  <c:v>42824</c:v>
                </c:pt>
                <c:pt idx="2401">
                  <c:v>42831</c:v>
                </c:pt>
                <c:pt idx="2402">
                  <c:v>42838</c:v>
                </c:pt>
                <c:pt idx="2403">
                  <c:v>42845</c:v>
                </c:pt>
                <c:pt idx="2404">
                  <c:v>42852</c:v>
                </c:pt>
                <c:pt idx="2405">
                  <c:v>42859</c:v>
                </c:pt>
                <c:pt idx="2406">
                  <c:v>42866</c:v>
                </c:pt>
                <c:pt idx="2407">
                  <c:v>42873</c:v>
                </c:pt>
                <c:pt idx="2408">
                  <c:v>42880</c:v>
                </c:pt>
                <c:pt idx="2409">
                  <c:v>42887</c:v>
                </c:pt>
                <c:pt idx="2410">
                  <c:v>42894</c:v>
                </c:pt>
                <c:pt idx="2411">
                  <c:v>42901</c:v>
                </c:pt>
                <c:pt idx="2412">
                  <c:v>42908</c:v>
                </c:pt>
                <c:pt idx="2413">
                  <c:v>42915</c:v>
                </c:pt>
                <c:pt idx="2414">
                  <c:v>42922</c:v>
                </c:pt>
                <c:pt idx="2415">
                  <c:v>42929</c:v>
                </c:pt>
                <c:pt idx="2416">
                  <c:v>42936</c:v>
                </c:pt>
                <c:pt idx="2417">
                  <c:v>42943</c:v>
                </c:pt>
                <c:pt idx="2418">
                  <c:v>42950</c:v>
                </c:pt>
                <c:pt idx="2419">
                  <c:v>42957</c:v>
                </c:pt>
                <c:pt idx="2420">
                  <c:v>42964</c:v>
                </c:pt>
                <c:pt idx="2421">
                  <c:v>42971</c:v>
                </c:pt>
                <c:pt idx="2422">
                  <c:v>42978</c:v>
                </c:pt>
                <c:pt idx="2423">
                  <c:v>42985</c:v>
                </c:pt>
                <c:pt idx="2424">
                  <c:v>42992</c:v>
                </c:pt>
                <c:pt idx="2425">
                  <c:v>42999</c:v>
                </c:pt>
                <c:pt idx="2426">
                  <c:v>43006</c:v>
                </c:pt>
                <c:pt idx="2427">
                  <c:v>43013</c:v>
                </c:pt>
                <c:pt idx="2428">
                  <c:v>43020</c:v>
                </c:pt>
                <c:pt idx="2429">
                  <c:v>43027</c:v>
                </c:pt>
                <c:pt idx="2430">
                  <c:v>43034</c:v>
                </c:pt>
                <c:pt idx="2431">
                  <c:v>43041</c:v>
                </c:pt>
                <c:pt idx="2432">
                  <c:v>43048</c:v>
                </c:pt>
                <c:pt idx="2433">
                  <c:v>43055</c:v>
                </c:pt>
                <c:pt idx="2434">
                  <c:v>43061</c:v>
                </c:pt>
                <c:pt idx="2435">
                  <c:v>43069</c:v>
                </c:pt>
                <c:pt idx="2436">
                  <c:v>43076</c:v>
                </c:pt>
                <c:pt idx="2437">
                  <c:v>43083</c:v>
                </c:pt>
                <c:pt idx="2438">
                  <c:v>43090</c:v>
                </c:pt>
                <c:pt idx="2439">
                  <c:v>43097</c:v>
                </c:pt>
                <c:pt idx="2440">
                  <c:v>43104</c:v>
                </c:pt>
                <c:pt idx="2441">
                  <c:v>43111</c:v>
                </c:pt>
                <c:pt idx="2442">
                  <c:v>43118</c:v>
                </c:pt>
                <c:pt idx="2443">
                  <c:v>43125</c:v>
                </c:pt>
                <c:pt idx="2444">
                  <c:v>43132</c:v>
                </c:pt>
                <c:pt idx="2445">
                  <c:v>43139</c:v>
                </c:pt>
                <c:pt idx="2446">
                  <c:v>43146</c:v>
                </c:pt>
                <c:pt idx="2447">
                  <c:v>43153</c:v>
                </c:pt>
                <c:pt idx="2448">
                  <c:v>43160</c:v>
                </c:pt>
                <c:pt idx="2449">
                  <c:v>43167</c:v>
                </c:pt>
                <c:pt idx="2450">
                  <c:v>43174</c:v>
                </c:pt>
                <c:pt idx="2451">
                  <c:v>43181</c:v>
                </c:pt>
                <c:pt idx="2452">
                  <c:v>43188</c:v>
                </c:pt>
                <c:pt idx="2453">
                  <c:v>43195</c:v>
                </c:pt>
                <c:pt idx="2454">
                  <c:v>43202</c:v>
                </c:pt>
                <c:pt idx="2455">
                  <c:v>43209</c:v>
                </c:pt>
                <c:pt idx="2456">
                  <c:v>43216</c:v>
                </c:pt>
                <c:pt idx="2457">
                  <c:v>43223</c:v>
                </c:pt>
                <c:pt idx="2458">
                  <c:v>43230</c:v>
                </c:pt>
                <c:pt idx="2459">
                  <c:v>43237</c:v>
                </c:pt>
                <c:pt idx="2460">
                  <c:v>43244</c:v>
                </c:pt>
                <c:pt idx="2461">
                  <c:v>43251</c:v>
                </c:pt>
                <c:pt idx="2462">
                  <c:v>43258</c:v>
                </c:pt>
                <c:pt idx="2463">
                  <c:v>43265</c:v>
                </c:pt>
                <c:pt idx="2464">
                  <c:v>43272</c:v>
                </c:pt>
                <c:pt idx="2465">
                  <c:v>43279</c:v>
                </c:pt>
                <c:pt idx="2466">
                  <c:v>43286</c:v>
                </c:pt>
                <c:pt idx="2467">
                  <c:v>43293</c:v>
                </c:pt>
                <c:pt idx="2468">
                  <c:v>43300</c:v>
                </c:pt>
                <c:pt idx="2469">
                  <c:v>43307</c:v>
                </c:pt>
                <c:pt idx="2470">
                  <c:v>43314</c:v>
                </c:pt>
                <c:pt idx="2471">
                  <c:v>43321</c:v>
                </c:pt>
                <c:pt idx="2472">
                  <c:v>43328</c:v>
                </c:pt>
                <c:pt idx="2473">
                  <c:v>43335</c:v>
                </c:pt>
                <c:pt idx="2474">
                  <c:v>43342</c:v>
                </c:pt>
                <c:pt idx="2475">
                  <c:v>43349</c:v>
                </c:pt>
                <c:pt idx="2476">
                  <c:v>43356</c:v>
                </c:pt>
                <c:pt idx="2477">
                  <c:v>43363</c:v>
                </c:pt>
                <c:pt idx="2478">
                  <c:v>43370</c:v>
                </c:pt>
                <c:pt idx="2479">
                  <c:v>43377</c:v>
                </c:pt>
                <c:pt idx="2480">
                  <c:v>43384</c:v>
                </c:pt>
                <c:pt idx="2481">
                  <c:v>43391</c:v>
                </c:pt>
                <c:pt idx="2482">
                  <c:v>43398</c:v>
                </c:pt>
                <c:pt idx="2483">
                  <c:v>43405</c:v>
                </c:pt>
                <c:pt idx="2484">
                  <c:v>43412</c:v>
                </c:pt>
                <c:pt idx="2485">
                  <c:v>43419</c:v>
                </c:pt>
                <c:pt idx="2486">
                  <c:v>43425</c:v>
                </c:pt>
                <c:pt idx="2487">
                  <c:v>43433</c:v>
                </c:pt>
                <c:pt idx="2488">
                  <c:v>43440</c:v>
                </c:pt>
                <c:pt idx="2489">
                  <c:v>43447</c:v>
                </c:pt>
                <c:pt idx="2490">
                  <c:v>43454</c:v>
                </c:pt>
                <c:pt idx="2491">
                  <c:v>43461</c:v>
                </c:pt>
                <c:pt idx="2492">
                  <c:v>43468</c:v>
                </c:pt>
                <c:pt idx="2493">
                  <c:v>43475</c:v>
                </c:pt>
                <c:pt idx="2494">
                  <c:v>43482</c:v>
                </c:pt>
                <c:pt idx="2495">
                  <c:v>43489</c:v>
                </c:pt>
                <c:pt idx="2496">
                  <c:v>43496</c:v>
                </c:pt>
                <c:pt idx="2497">
                  <c:v>43503</c:v>
                </c:pt>
                <c:pt idx="2498">
                  <c:v>43510</c:v>
                </c:pt>
                <c:pt idx="2499">
                  <c:v>43517</c:v>
                </c:pt>
                <c:pt idx="2500">
                  <c:v>43524</c:v>
                </c:pt>
                <c:pt idx="2501">
                  <c:v>43531</c:v>
                </c:pt>
                <c:pt idx="2502">
                  <c:v>43538</c:v>
                </c:pt>
                <c:pt idx="2503">
                  <c:v>43545</c:v>
                </c:pt>
                <c:pt idx="2504">
                  <c:v>43552</c:v>
                </c:pt>
                <c:pt idx="2505">
                  <c:v>43559</c:v>
                </c:pt>
                <c:pt idx="2506">
                  <c:v>43566</c:v>
                </c:pt>
                <c:pt idx="2507">
                  <c:v>43573</c:v>
                </c:pt>
                <c:pt idx="2508">
                  <c:v>43580</c:v>
                </c:pt>
                <c:pt idx="2509">
                  <c:v>43587</c:v>
                </c:pt>
                <c:pt idx="2510">
                  <c:v>43594</c:v>
                </c:pt>
                <c:pt idx="2511">
                  <c:v>43601</c:v>
                </c:pt>
                <c:pt idx="2512">
                  <c:v>43608</c:v>
                </c:pt>
                <c:pt idx="2513">
                  <c:v>43615</c:v>
                </c:pt>
                <c:pt idx="2514">
                  <c:v>43622</c:v>
                </c:pt>
                <c:pt idx="2515">
                  <c:v>43629</c:v>
                </c:pt>
                <c:pt idx="2516">
                  <c:v>43636</c:v>
                </c:pt>
                <c:pt idx="2517">
                  <c:v>43643</c:v>
                </c:pt>
                <c:pt idx="2518">
                  <c:v>43649</c:v>
                </c:pt>
                <c:pt idx="2519">
                  <c:v>43657</c:v>
                </c:pt>
                <c:pt idx="2520">
                  <c:v>43664</c:v>
                </c:pt>
                <c:pt idx="2521">
                  <c:v>43671</c:v>
                </c:pt>
                <c:pt idx="2522">
                  <c:v>43678</c:v>
                </c:pt>
                <c:pt idx="2523">
                  <c:v>43685</c:v>
                </c:pt>
                <c:pt idx="2524">
                  <c:v>43692</c:v>
                </c:pt>
                <c:pt idx="2525">
                  <c:v>43699</c:v>
                </c:pt>
                <c:pt idx="2526">
                  <c:v>43706</c:v>
                </c:pt>
                <c:pt idx="2527">
                  <c:v>43713</c:v>
                </c:pt>
                <c:pt idx="2528">
                  <c:v>43720</c:v>
                </c:pt>
                <c:pt idx="2529">
                  <c:v>43727</c:v>
                </c:pt>
                <c:pt idx="2530">
                  <c:v>43734</c:v>
                </c:pt>
                <c:pt idx="2531">
                  <c:v>43741</c:v>
                </c:pt>
                <c:pt idx="2532">
                  <c:v>43748</c:v>
                </c:pt>
                <c:pt idx="2533">
                  <c:v>43755</c:v>
                </c:pt>
                <c:pt idx="2534">
                  <c:v>43762</c:v>
                </c:pt>
                <c:pt idx="2535">
                  <c:v>43769</c:v>
                </c:pt>
                <c:pt idx="2536">
                  <c:v>43776</c:v>
                </c:pt>
                <c:pt idx="2537">
                  <c:v>43783</c:v>
                </c:pt>
                <c:pt idx="2538">
                  <c:v>43790</c:v>
                </c:pt>
                <c:pt idx="2539">
                  <c:v>43796</c:v>
                </c:pt>
                <c:pt idx="2540">
                  <c:v>43804</c:v>
                </c:pt>
                <c:pt idx="2541">
                  <c:v>43811</c:v>
                </c:pt>
                <c:pt idx="2542">
                  <c:v>43818</c:v>
                </c:pt>
                <c:pt idx="2543">
                  <c:v>43825</c:v>
                </c:pt>
                <c:pt idx="2544">
                  <c:v>43832</c:v>
                </c:pt>
                <c:pt idx="2545">
                  <c:v>43839</c:v>
                </c:pt>
                <c:pt idx="2546">
                  <c:v>43846</c:v>
                </c:pt>
                <c:pt idx="2547">
                  <c:v>43853</c:v>
                </c:pt>
                <c:pt idx="2548">
                  <c:v>43860</c:v>
                </c:pt>
                <c:pt idx="2549">
                  <c:v>43867</c:v>
                </c:pt>
                <c:pt idx="2550">
                  <c:v>43874</c:v>
                </c:pt>
                <c:pt idx="2551">
                  <c:v>43881</c:v>
                </c:pt>
                <c:pt idx="2552">
                  <c:v>43888</c:v>
                </c:pt>
                <c:pt idx="2553">
                  <c:v>43895</c:v>
                </c:pt>
                <c:pt idx="2554">
                  <c:v>43902</c:v>
                </c:pt>
                <c:pt idx="2555">
                  <c:v>43909</c:v>
                </c:pt>
                <c:pt idx="2556">
                  <c:v>43916</c:v>
                </c:pt>
                <c:pt idx="2557">
                  <c:v>43923</c:v>
                </c:pt>
                <c:pt idx="2558">
                  <c:v>43930</c:v>
                </c:pt>
                <c:pt idx="2559">
                  <c:v>43937</c:v>
                </c:pt>
                <c:pt idx="2560">
                  <c:v>43944</c:v>
                </c:pt>
                <c:pt idx="2561">
                  <c:v>43951</c:v>
                </c:pt>
                <c:pt idx="2562">
                  <c:v>43958</c:v>
                </c:pt>
                <c:pt idx="2563">
                  <c:v>43965</c:v>
                </c:pt>
                <c:pt idx="2564">
                  <c:v>43972</c:v>
                </c:pt>
                <c:pt idx="2565">
                  <c:v>43979</c:v>
                </c:pt>
                <c:pt idx="2566">
                  <c:v>43986</c:v>
                </c:pt>
                <c:pt idx="2567">
                  <c:v>43993</c:v>
                </c:pt>
                <c:pt idx="2568">
                  <c:v>44000</c:v>
                </c:pt>
                <c:pt idx="2569">
                  <c:v>44007</c:v>
                </c:pt>
                <c:pt idx="2570">
                  <c:v>44014</c:v>
                </c:pt>
                <c:pt idx="2571">
                  <c:v>44021</c:v>
                </c:pt>
                <c:pt idx="2572">
                  <c:v>44028</c:v>
                </c:pt>
                <c:pt idx="2573">
                  <c:v>44035</c:v>
                </c:pt>
                <c:pt idx="2574">
                  <c:v>44042</c:v>
                </c:pt>
                <c:pt idx="2575">
                  <c:v>44049</c:v>
                </c:pt>
                <c:pt idx="2576">
                  <c:v>44056</c:v>
                </c:pt>
                <c:pt idx="2577">
                  <c:v>44063</c:v>
                </c:pt>
                <c:pt idx="2578">
                  <c:v>44070</c:v>
                </c:pt>
                <c:pt idx="2579">
                  <c:v>44077</c:v>
                </c:pt>
                <c:pt idx="2580">
                  <c:v>44084</c:v>
                </c:pt>
                <c:pt idx="2581">
                  <c:v>44091</c:v>
                </c:pt>
                <c:pt idx="2582">
                  <c:v>44098</c:v>
                </c:pt>
                <c:pt idx="2583">
                  <c:v>44105</c:v>
                </c:pt>
                <c:pt idx="2584">
                  <c:v>44112</c:v>
                </c:pt>
                <c:pt idx="2585">
                  <c:v>44119</c:v>
                </c:pt>
                <c:pt idx="2586">
                  <c:v>44126</c:v>
                </c:pt>
                <c:pt idx="2587">
                  <c:v>44133</c:v>
                </c:pt>
                <c:pt idx="2588">
                  <c:v>44140</c:v>
                </c:pt>
                <c:pt idx="2589">
                  <c:v>44147</c:v>
                </c:pt>
                <c:pt idx="2590">
                  <c:v>44154</c:v>
                </c:pt>
                <c:pt idx="2591">
                  <c:v>44160</c:v>
                </c:pt>
                <c:pt idx="2592">
                  <c:v>44168</c:v>
                </c:pt>
                <c:pt idx="2593">
                  <c:v>44175</c:v>
                </c:pt>
                <c:pt idx="2594">
                  <c:v>44182</c:v>
                </c:pt>
                <c:pt idx="2595">
                  <c:v>44189</c:v>
                </c:pt>
                <c:pt idx="2596">
                  <c:v>44196</c:v>
                </c:pt>
                <c:pt idx="2597">
                  <c:v>44203</c:v>
                </c:pt>
                <c:pt idx="2598">
                  <c:v>44210</c:v>
                </c:pt>
                <c:pt idx="2599">
                  <c:v>44217</c:v>
                </c:pt>
                <c:pt idx="2600">
                  <c:v>44224</c:v>
                </c:pt>
                <c:pt idx="2601">
                  <c:v>44231</c:v>
                </c:pt>
                <c:pt idx="2602">
                  <c:v>44238</c:v>
                </c:pt>
                <c:pt idx="2603">
                  <c:v>44245</c:v>
                </c:pt>
                <c:pt idx="2604">
                  <c:v>44252</c:v>
                </c:pt>
                <c:pt idx="2605">
                  <c:v>44259</c:v>
                </c:pt>
                <c:pt idx="2606">
                  <c:v>44266</c:v>
                </c:pt>
                <c:pt idx="2607">
                  <c:v>44273</c:v>
                </c:pt>
                <c:pt idx="2608">
                  <c:v>44280</c:v>
                </c:pt>
                <c:pt idx="2609">
                  <c:v>44287</c:v>
                </c:pt>
                <c:pt idx="2610">
                  <c:v>44294</c:v>
                </c:pt>
                <c:pt idx="2611">
                  <c:v>44301</c:v>
                </c:pt>
                <c:pt idx="2612">
                  <c:v>44308</c:v>
                </c:pt>
                <c:pt idx="2613">
                  <c:v>44315</c:v>
                </c:pt>
                <c:pt idx="2614">
                  <c:v>44322</c:v>
                </c:pt>
                <c:pt idx="2615">
                  <c:v>44329</c:v>
                </c:pt>
                <c:pt idx="2616">
                  <c:v>44336</c:v>
                </c:pt>
                <c:pt idx="2617">
                  <c:v>44343</c:v>
                </c:pt>
                <c:pt idx="2618">
                  <c:v>44350</c:v>
                </c:pt>
                <c:pt idx="2619">
                  <c:v>44357</c:v>
                </c:pt>
                <c:pt idx="2620">
                  <c:v>44364</c:v>
                </c:pt>
                <c:pt idx="2621">
                  <c:v>44371</c:v>
                </c:pt>
                <c:pt idx="2622">
                  <c:v>44378</c:v>
                </c:pt>
                <c:pt idx="2623">
                  <c:v>44385</c:v>
                </c:pt>
                <c:pt idx="2624">
                  <c:v>44392</c:v>
                </c:pt>
                <c:pt idx="2625">
                  <c:v>44399</c:v>
                </c:pt>
                <c:pt idx="2626">
                  <c:v>44406</c:v>
                </c:pt>
                <c:pt idx="2627">
                  <c:v>44413</c:v>
                </c:pt>
                <c:pt idx="2628">
                  <c:v>44420</c:v>
                </c:pt>
                <c:pt idx="2629">
                  <c:v>44427</c:v>
                </c:pt>
                <c:pt idx="2630">
                  <c:v>44434</c:v>
                </c:pt>
                <c:pt idx="2631">
                  <c:v>44441</c:v>
                </c:pt>
                <c:pt idx="2632">
                  <c:v>44448</c:v>
                </c:pt>
                <c:pt idx="2633">
                  <c:v>44455</c:v>
                </c:pt>
                <c:pt idx="2634">
                  <c:v>44462</c:v>
                </c:pt>
                <c:pt idx="2635">
                  <c:v>44469</c:v>
                </c:pt>
                <c:pt idx="2636">
                  <c:v>44476</c:v>
                </c:pt>
                <c:pt idx="2637">
                  <c:v>44483</c:v>
                </c:pt>
                <c:pt idx="2638">
                  <c:v>44490</c:v>
                </c:pt>
                <c:pt idx="2639">
                  <c:v>44497</c:v>
                </c:pt>
                <c:pt idx="2640">
                  <c:v>44504</c:v>
                </c:pt>
                <c:pt idx="2641">
                  <c:v>44510</c:v>
                </c:pt>
                <c:pt idx="2642">
                  <c:v>44518</c:v>
                </c:pt>
                <c:pt idx="2643">
                  <c:v>44524</c:v>
                </c:pt>
                <c:pt idx="2644">
                  <c:v>44532</c:v>
                </c:pt>
                <c:pt idx="2645">
                  <c:v>44539</c:v>
                </c:pt>
                <c:pt idx="2646">
                  <c:v>44546</c:v>
                </c:pt>
                <c:pt idx="2647">
                  <c:v>44553</c:v>
                </c:pt>
                <c:pt idx="2648">
                  <c:v>44560</c:v>
                </c:pt>
                <c:pt idx="2649">
                  <c:v>44567</c:v>
                </c:pt>
                <c:pt idx="2650">
                  <c:v>44574</c:v>
                </c:pt>
                <c:pt idx="2651">
                  <c:v>44581</c:v>
                </c:pt>
                <c:pt idx="2652">
                  <c:v>44588</c:v>
                </c:pt>
                <c:pt idx="2653">
                  <c:v>44595</c:v>
                </c:pt>
                <c:pt idx="2654">
                  <c:v>44602</c:v>
                </c:pt>
                <c:pt idx="2655">
                  <c:v>44609</c:v>
                </c:pt>
                <c:pt idx="2656">
                  <c:v>44616</c:v>
                </c:pt>
                <c:pt idx="2657">
                  <c:v>44623</c:v>
                </c:pt>
                <c:pt idx="2658">
                  <c:v>44630</c:v>
                </c:pt>
                <c:pt idx="2659">
                  <c:v>44637</c:v>
                </c:pt>
                <c:pt idx="2660">
                  <c:v>44644</c:v>
                </c:pt>
                <c:pt idx="2661">
                  <c:v>44651</c:v>
                </c:pt>
                <c:pt idx="2662">
                  <c:v>44658</c:v>
                </c:pt>
                <c:pt idx="2663">
                  <c:v>44665</c:v>
                </c:pt>
                <c:pt idx="2664">
                  <c:v>44672</c:v>
                </c:pt>
                <c:pt idx="2665">
                  <c:v>44679</c:v>
                </c:pt>
                <c:pt idx="2666">
                  <c:v>44686</c:v>
                </c:pt>
                <c:pt idx="2667">
                  <c:v>44693</c:v>
                </c:pt>
                <c:pt idx="2668">
                  <c:v>44700</c:v>
                </c:pt>
                <c:pt idx="2669">
                  <c:v>44707</c:v>
                </c:pt>
                <c:pt idx="2670">
                  <c:v>44714</c:v>
                </c:pt>
                <c:pt idx="2671">
                  <c:v>44721</c:v>
                </c:pt>
                <c:pt idx="2672">
                  <c:v>44728</c:v>
                </c:pt>
                <c:pt idx="2673">
                  <c:v>44735</c:v>
                </c:pt>
                <c:pt idx="2674">
                  <c:v>44742</c:v>
                </c:pt>
                <c:pt idx="2675">
                  <c:v>44749</c:v>
                </c:pt>
                <c:pt idx="2676">
                  <c:v>44756</c:v>
                </c:pt>
                <c:pt idx="2677">
                  <c:v>44763</c:v>
                </c:pt>
                <c:pt idx="2678">
                  <c:v>44770</c:v>
                </c:pt>
                <c:pt idx="2679">
                  <c:v>44777</c:v>
                </c:pt>
                <c:pt idx="2680">
                  <c:v>44784</c:v>
                </c:pt>
                <c:pt idx="2681">
                  <c:v>44791</c:v>
                </c:pt>
                <c:pt idx="2682">
                  <c:v>44798</c:v>
                </c:pt>
                <c:pt idx="2683">
                  <c:v>44805</c:v>
                </c:pt>
                <c:pt idx="2684">
                  <c:v>44812</c:v>
                </c:pt>
                <c:pt idx="2685">
                  <c:v>44819</c:v>
                </c:pt>
                <c:pt idx="2686">
                  <c:v>44826</c:v>
                </c:pt>
                <c:pt idx="2687">
                  <c:v>44833</c:v>
                </c:pt>
                <c:pt idx="2688">
                  <c:v>44840</c:v>
                </c:pt>
                <c:pt idx="2689">
                  <c:v>44847</c:v>
                </c:pt>
                <c:pt idx="2690">
                  <c:v>44854</c:v>
                </c:pt>
                <c:pt idx="2691">
                  <c:v>44861</c:v>
                </c:pt>
                <c:pt idx="2692">
                  <c:v>44868</c:v>
                </c:pt>
                <c:pt idx="2693">
                  <c:v>44875</c:v>
                </c:pt>
                <c:pt idx="2694">
                  <c:v>44882</c:v>
                </c:pt>
                <c:pt idx="2695">
                  <c:v>44888</c:v>
                </c:pt>
                <c:pt idx="2696">
                  <c:v>44896</c:v>
                </c:pt>
                <c:pt idx="2697">
                  <c:v>44903</c:v>
                </c:pt>
                <c:pt idx="2698">
                  <c:v>44910</c:v>
                </c:pt>
                <c:pt idx="2699">
                  <c:v>44917</c:v>
                </c:pt>
                <c:pt idx="2700">
                  <c:v>44924</c:v>
                </c:pt>
                <c:pt idx="2701">
                  <c:v>44931</c:v>
                </c:pt>
                <c:pt idx="2702">
                  <c:v>44938</c:v>
                </c:pt>
                <c:pt idx="2703">
                  <c:v>44945</c:v>
                </c:pt>
                <c:pt idx="2704">
                  <c:v>44952</c:v>
                </c:pt>
                <c:pt idx="2705">
                  <c:v>44959</c:v>
                </c:pt>
                <c:pt idx="2706">
                  <c:v>44966</c:v>
                </c:pt>
                <c:pt idx="2707">
                  <c:v>44973</c:v>
                </c:pt>
                <c:pt idx="2708">
                  <c:v>44980</c:v>
                </c:pt>
                <c:pt idx="2709">
                  <c:v>44987</c:v>
                </c:pt>
                <c:pt idx="2710">
                  <c:v>44994</c:v>
                </c:pt>
                <c:pt idx="2711">
                  <c:v>45001</c:v>
                </c:pt>
                <c:pt idx="2712">
                  <c:v>45008</c:v>
                </c:pt>
                <c:pt idx="2713">
                  <c:v>45015</c:v>
                </c:pt>
                <c:pt idx="2714">
                  <c:v>45022</c:v>
                </c:pt>
                <c:pt idx="2715">
                  <c:v>45029</c:v>
                </c:pt>
                <c:pt idx="2716">
                  <c:v>45036</c:v>
                </c:pt>
                <c:pt idx="2717">
                  <c:v>45043</c:v>
                </c:pt>
                <c:pt idx="2718">
                  <c:v>45050</c:v>
                </c:pt>
                <c:pt idx="2719">
                  <c:v>45057</c:v>
                </c:pt>
                <c:pt idx="2720">
                  <c:v>45064</c:v>
                </c:pt>
                <c:pt idx="2721">
                  <c:v>45071</c:v>
                </c:pt>
                <c:pt idx="2722">
                  <c:v>45078</c:v>
                </c:pt>
                <c:pt idx="2723">
                  <c:v>45085</c:v>
                </c:pt>
                <c:pt idx="2724">
                  <c:v>45092</c:v>
                </c:pt>
                <c:pt idx="2725">
                  <c:v>45099</c:v>
                </c:pt>
                <c:pt idx="2726">
                  <c:v>45106</c:v>
                </c:pt>
                <c:pt idx="2727">
                  <c:v>45113</c:v>
                </c:pt>
                <c:pt idx="2728">
                  <c:v>45120</c:v>
                </c:pt>
                <c:pt idx="2729">
                  <c:v>45127</c:v>
                </c:pt>
                <c:pt idx="2730">
                  <c:v>45134</c:v>
                </c:pt>
                <c:pt idx="2731">
                  <c:v>45141</c:v>
                </c:pt>
                <c:pt idx="2732">
                  <c:v>45148</c:v>
                </c:pt>
                <c:pt idx="2733">
                  <c:v>45155</c:v>
                </c:pt>
                <c:pt idx="2734">
                  <c:v>45162</c:v>
                </c:pt>
                <c:pt idx="2735">
                  <c:v>45169</c:v>
                </c:pt>
                <c:pt idx="2736">
                  <c:v>45176</c:v>
                </c:pt>
                <c:pt idx="2737">
                  <c:v>45183</c:v>
                </c:pt>
                <c:pt idx="2738">
                  <c:v>45190</c:v>
                </c:pt>
                <c:pt idx="2739">
                  <c:v>45197</c:v>
                </c:pt>
                <c:pt idx="2740">
                  <c:v>45204</c:v>
                </c:pt>
              </c:numCache>
            </c:numRef>
          </c:cat>
          <c:val>
            <c:numRef>
              <c:f>'[Q3.2023 Market Outlook.xlsx]Mortgage Rate'!$C$11:$C$2752</c:f>
              <c:numCache>
                <c:formatCode>General</c:formatCode>
                <c:ptCount val="2742"/>
                <c:pt idx="0">
                  <c:v>0</c:v>
                </c:pt>
                <c:pt idx="1">
                  <c:v>0</c:v>
                </c:pt>
                <c:pt idx="2">
                  <c:v>0</c:v>
                </c:pt>
                <c:pt idx="3">
                  <c:v>0</c:v>
                </c:pt>
                <c:pt idx="4">
                  <c:v>0</c:v>
                </c:pt>
                <c:pt idx="5">
                  <c:v>0</c:v>
                </c:pt>
                <c:pt idx="6">
                  <c:v>0</c:v>
                </c:pt>
                <c:pt idx="7">
                  <c:v>0</c:v>
                </c:pt>
                <c:pt idx="8">
                  <c:v>0</c:v>
                </c:pt>
                <c:pt idx="9">
                  <c:v>0</c:v>
                </c:pt>
                <c:pt idx="10">
                  <c:v>0</c:v>
                </c:pt>
                <c:pt idx="11">
                  <c:v>0</c:v>
                </c:pt>
                <c:pt idx="12">
                  <c:v>0</c:v>
                </c:pt>
                <c:pt idx="13">
                  <c:v>0</c:v>
                </c:pt>
                <c:pt idx="14">
                  <c:v>0</c:v>
                </c:pt>
                <c:pt idx="15">
                  <c:v>0</c:v>
                </c:pt>
                <c:pt idx="16">
                  <c:v>0</c:v>
                </c:pt>
                <c:pt idx="17">
                  <c:v>0</c:v>
                </c:pt>
                <c:pt idx="18">
                  <c:v>0</c:v>
                </c:pt>
                <c:pt idx="19">
                  <c:v>0</c:v>
                </c:pt>
                <c:pt idx="20">
                  <c:v>0</c:v>
                </c:pt>
                <c:pt idx="21">
                  <c:v>0</c:v>
                </c:pt>
                <c:pt idx="22">
                  <c:v>0</c:v>
                </c:pt>
                <c:pt idx="23">
                  <c:v>0</c:v>
                </c:pt>
                <c:pt idx="24">
                  <c:v>0</c:v>
                </c:pt>
                <c:pt idx="25">
                  <c:v>0</c:v>
                </c:pt>
                <c:pt idx="26">
                  <c:v>0</c:v>
                </c:pt>
                <c:pt idx="27">
                  <c:v>0</c:v>
                </c:pt>
                <c:pt idx="28">
                  <c:v>0</c:v>
                </c:pt>
                <c:pt idx="29">
                  <c:v>0</c:v>
                </c:pt>
                <c:pt idx="30">
                  <c:v>0</c:v>
                </c:pt>
                <c:pt idx="31">
                  <c:v>0</c:v>
                </c:pt>
                <c:pt idx="32">
                  <c:v>0</c:v>
                </c:pt>
                <c:pt idx="33">
                  <c:v>0</c:v>
                </c:pt>
                <c:pt idx="34">
                  <c:v>0</c:v>
                </c:pt>
                <c:pt idx="35">
                  <c:v>0</c:v>
                </c:pt>
                <c:pt idx="36">
                  <c:v>0</c:v>
                </c:pt>
                <c:pt idx="37">
                  <c:v>0</c:v>
                </c:pt>
                <c:pt idx="38">
                  <c:v>0</c:v>
                </c:pt>
                <c:pt idx="39">
                  <c:v>0</c:v>
                </c:pt>
                <c:pt idx="40">
                  <c:v>0</c:v>
                </c:pt>
                <c:pt idx="41">
                  <c:v>0</c:v>
                </c:pt>
                <c:pt idx="42">
                  <c:v>0</c:v>
                </c:pt>
                <c:pt idx="43">
                  <c:v>0</c:v>
                </c:pt>
                <c:pt idx="44">
                  <c:v>0</c:v>
                </c:pt>
                <c:pt idx="45">
                  <c:v>0</c:v>
                </c:pt>
                <c:pt idx="46">
                  <c:v>0</c:v>
                </c:pt>
                <c:pt idx="47">
                  <c:v>0</c:v>
                </c:pt>
                <c:pt idx="48">
                  <c:v>0</c:v>
                </c:pt>
                <c:pt idx="49">
                  <c:v>0</c:v>
                </c:pt>
                <c:pt idx="50">
                  <c:v>0</c:v>
                </c:pt>
                <c:pt idx="51">
                  <c:v>0</c:v>
                </c:pt>
                <c:pt idx="52">
                  <c:v>0</c:v>
                </c:pt>
                <c:pt idx="53">
                  <c:v>0</c:v>
                </c:pt>
                <c:pt idx="54">
                  <c:v>0</c:v>
                </c:pt>
                <c:pt idx="55">
                  <c:v>0</c:v>
                </c:pt>
                <c:pt idx="56">
                  <c:v>0</c:v>
                </c:pt>
                <c:pt idx="57">
                  <c:v>0</c:v>
                </c:pt>
                <c:pt idx="58">
                  <c:v>0</c:v>
                </c:pt>
                <c:pt idx="59">
                  <c:v>0</c:v>
                </c:pt>
                <c:pt idx="60">
                  <c:v>0</c:v>
                </c:pt>
                <c:pt idx="61">
                  <c:v>0</c:v>
                </c:pt>
                <c:pt idx="62">
                  <c:v>0</c:v>
                </c:pt>
                <c:pt idx="63">
                  <c:v>0</c:v>
                </c:pt>
                <c:pt idx="64">
                  <c:v>0</c:v>
                </c:pt>
                <c:pt idx="65">
                  <c:v>0</c:v>
                </c:pt>
                <c:pt idx="66">
                  <c:v>0</c:v>
                </c:pt>
                <c:pt idx="67">
                  <c:v>0</c:v>
                </c:pt>
                <c:pt idx="68">
                  <c:v>0</c:v>
                </c:pt>
                <c:pt idx="69">
                  <c:v>0</c:v>
                </c:pt>
                <c:pt idx="70">
                  <c:v>0</c:v>
                </c:pt>
                <c:pt idx="71">
                  <c:v>0</c:v>
                </c:pt>
                <c:pt idx="72">
                  <c:v>0</c:v>
                </c:pt>
                <c:pt idx="73">
                  <c:v>0</c:v>
                </c:pt>
                <c:pt idx="74">
                  <c:v>0</c:v>
                </c:pt>
                <c:pt idx="75">
                  <c:v>0</c:v>
                </c:pt>
                <c:pt idx="76">
                  <c:v>0</c:v>
                </c:pt>
                <c:pt idx="77">
                  <c:v>0</c:v>
                </c:pt>
                <c:pt idx="78">
                  <c:v>0</c:v>
                </c:pt>
                <c:pt idx="79">
                  <c:v>0</c:v>
                </c:pt>
                <c:pt idx="80">
                  <c:v>0</c:v>
                </c:pt>
                <c:pt idx="81">
                  <c:v>0</c:v>
                </c:pt>
                <c:pt idx="82">
                  <c:v>0</c:v>
                </c:pt>
                <c:pt idx="83">
                  <c:v>0</c:v>
                </c:pt>
                <c:pt idx="84">
                  <c:v>0</c:v>
                </c:pt>
                <c:pt idx="85">
                  <c:v>0</c:v>
                </c:pt>
                <c:pt idx="86">
                  <c:v>0</c:v>
                </c:pt>
                <c:pt idx="87">
                  <c:v>0</c:v>
                </c:pt>
                <c:pt idx="88">
                  <c:v>0</c:v>
                </c:pt>
                <c:pt idx="89">
                  <c:v>0</c:v>
                </c:pt>
                <c:pt idx="90">
                  <c:v>0</c:v>
                </c:pt>
                <c:pt idx="91">
                  <c:v>0</c:v>
                </c:pt>
                <c:pt idx="92">
                  <c:v>0</c:v>
                </c:pt>
                <c:pt idx="93">
                  <c:v>0</c:v>
                </c:pt>
                <c:pt idx="94">
                  <c:v>0</c:v>
                </c:pt>
                <c:pt idx="95">
                  <c:v>0</c:v>
                </c:pt>
                <c:pt idx="96">
                  <c:v>0</c:v>
                </c:pt>
                <c:pt idx="97">
                  <c:v>0</c:v>
                </c:pt>
                <c:pt idx="98">
                  <c:v>0</c:v>
                </c:pt>
                <c:pt idx="99">
                  <c:v>0</c:v>
                </c:pt>
                <c:pt idx="100">
                  <c:v>0</c:v>
                </c:pt>
                <c:pt idx="101">
                  <c:v>0</c:v>
                </c:pt>
                <c:pt idx="102">
                  <c:v>0</c:v>
                </c:pt>
                <c:pt idx="103">
                  <c:v>0</c:v>
                </c:pt>
                <c:pt idx="104">
                  <c:v>0</c:v>
                </c:pt>
                <c:pt idx="105">
                  <c:v>0</c:v>
                </c:pt>
                <c:pt idx="106">
                  <c:v>0</c:v>
                </c:pt>
                <c:pt idx="107">
                  <c:v>0</c:v>
                </c:pt>
                <c:pt idx="108">
                  <c:v>0</c:v>
                </c:pt>
                <c:pt idx="109">
                  <c:v>0</c:v>
                </c:pt>
                <c:pt idx="110">
                  <c:v>0</c:v>
                </c:pt>
                <c:pt idx="111">
                  <c:v>0</c:v>
                </c:pt>
                <c:pt idx="112">
                  <c:v>0</c:v>
                </c:pt>
                <c:pt idx="113">
                  <c:v>0</c:v>
                </c:pt>
                <c:pt idx="114">
                  <c:v>0</c:v>
                </c:pt>
                <c:pt idx="115">
                  <c:v>0</c:v>
                </c:pt>
                <c:pt idx="116">
                  <c:v>0</c:v>
                </c:pt>
                <c:pt idx="117">
                  <c:v>0</c:v>
                </c:pt>
                <c:pt idx="118">
                  <c:v>0</c:v>
                </c:pt>
                <c:pt idx="119">
                  <c:v>0</c:v>
                </c:pt>
                <c:pt idx="120">
                  <c:v>0</c:v>
                </c:pt>
                <c:pt idx="121">
                  <c:v>0</c:v>
                </c:pt>
                <c:pt idx="122">
                  <c:v>0</c:v>
                </c:pt>
                <c:pt idx="123">
                  <c:v>0</c:v>
                </c:pt>
                <c:pt idx="124">
                  <c:v>0</c:v>
                </c:pt>
                <c:pt idx="125">
                  <c:v>0</c:v>
                </c:pt>
                <c:pt idx="126">
                  <c:v>0</c:v>
                </c:pt>
                <c:pt idx="127">
                  <c:v>0</c:v>
                </c:pt>
                <c:pt idx="128">
                  <c:v>0</c:v>
                </c:pt>
                <c:pt idx="129">
                  <c:v>0</c:v>
                </c:pt>
                <c:pt idx="130">
                  <c:v>0</c:v>
                </c:pt>
                <c:pt idx="131">
                  <c:v>0</c:v>
                </c:pt>
                <c:pt idx="132">
                  <c:v>0</c:v>
                </c:pt>
                <c:pt idx="133">
                  <c:v>0</c:v>
                </c:pt>
                <c:pt idx="134">
                  <c:v>0</c:v>
                </c:pt>
                <c:pt idx="135">
                  <c:v>0</c:v>
                </c:pt>
                <c:pt idx="136">
                  <c:v>1</c:v>
                </c:pt>
                <c:pt idx="137">
                  <c:v>1</c:v>
                </c:pt>
                <c:pt idx="138">
                  <c:v>1</c:v>
                </c:pt>
                <c:pt idx="139">
                  <c:v>1</c:v>
                </c:pt>
                <c:pt idx="140">
                  <c:v>1</c:v>
                </c:pt>
                <c:pt idx="141">
                  <c:v>1</c:v>
                </c:pt>
                <c:pt idx="142">
                  <c:v>1</c:v>
                </c:pt>
                <c:pt idx="143">
                  <c:v>1</c:v>
                </c:pt>
                <c:pt idx="144">
                  <c:v>1</c:v>
                </c:pt>
                <c:pt idx="145">
                  <c:v>1</c:v>
                </c:pt>
                <c:pt idx="146">
                  <c:v>1</c:v>
                </c:pt>
                <c:pt idx="147">
                  <c:v>1</c:v>
                </c:pt>
                <c:pt idx="148">
                  <c:v>1</c:v>
                </c:pt>
                <c:pt idx="149">
                  <c:v>1</c:v>
                </c:pt>
                <c:pt idx="150">
                  <c:v>1</c:v>
                </c:pt>
                <c:pt idx="151">
                  <c:v>1</c:v>
                </c:pt>
                <c:pt idx="152">
                  <c:v>1</c:v>
                </c:pt>
                <c:pt idx="153">
                  <c:v>1</c:v>
                </c:pt>
                <c:pt idx="154">
                  <c:v>1</c:v>
                </c:pt>
                <c:pt idx="155">
                  <c:v>1</c:v>
                </c:pt>
                <c:pt idx="156">
                  <c:v>1</c:v>
                </c:pt>
                <c:pt idx="157">
                  <c:v>1</c:v>
                </c:pt>
                <c:pt idx="158">
                  <c:v>1</c:v>
                </c:pt>
                <c:pt idx="159">
                  <c:v>1</c:v>
                </c:pt>
                <c:pt idx="160">
                  <c:v>1</c:v>
                </c:pt>
                <c:pt idx="161">
                  <c:v>1</c:v>
                </c:pt>
                <c:pt idx="162">
                  <c:v>1</c:v>
                </c:pt>
                <c:pt idx="163">
                  <c:v>1</c:v>
                </c:pt>
                <c:pt idx="164">
                  <c:v>1</c:v>
                </c:pt>
                <c:pt idx="165">
                  <c:v>1</c:v>
                </c:pt>
                <c:pt idx="166">
                  <c:v>1</c:v>
                </c:pt>
                <c:pt idx="167">
                  <c:v>1</c:v>
                </c:pt>
                <c:pt idx="168">
                  <c:v>1</c:v>
                </c:pt>
                <c:pt idx="169">
                  <c:v>1</c:v>
                </c:pt>
                <c:pt idx="170">
                  <c:v>1</c:v>
                </c:pt>
                <c:pt idx="171">
                  <c:v>1</c:v>
                </c:pt>
                <c:pt idx="172">
                  <c:v>1</c:v>
                </c:pt>
                <c:pt idx="173">
                  <c:v>1</c:v>
                </c:pt>
                <c:pt idx="174">
                  <c:v>1</c:v>
                </c:pt>
                <c:pt idx="175">
                  <c:v>1</c:v>
                </c:pt>
                <c:pt idx="176">
                  <c:v>1</c:v>
                </c:pt>
                <c:pt idx="177">
                  <c:v>1</c:v>
                </c:pt>
                <c:pt idx="178">
                  <c:v>1</c:v>
                </c:pt>
                <c:pt idx="179">
                  <c:v>1</c:v>
                </c:pt>
                <c:pt idx="180">
                  <c:v>1</c:v>
                </c:pt>
                <c:pt idx="181">
                  <c:v>1</c:v>
                </c:pt>
                <c:pt idx="182">
                  <c:v>1</c:v>
                </c:pt>
                <c:pt idx="183">
                  <c:v>1</c:v>
                </c:pt>
                <c:pt idx="184">
                  <c:v>1</c:v>
                </c:pt>
                <c:pt idx="185">
                  <c:v>1</c:v>
                </c:pt>
                <c:pt idx="186">
                  <c:v>1</c:v>
                </c:pt>
                <c:pt idx="187">
                  <c:v>1</c:v>
                </c:pt>
                <c:pt idx="188">
                  <c:v>1</c:v>
                </c:pt>
                <c:pt idx="189">
                  <c:v>1</c:v>
                </c:pt>
                <c:pt idx="190">
                  <c:v>1</c:v>
                </c:pt>
                <c:pt idx="191">
                  <c:v>1</c:v>
                </c:pt>
                <c:pt idx="192">
                  <c:v>1</c:v>
                </c:pt>
                <c:pt idx="193">
                  <c:v>1</c:v>
                </c:pt>
                <c:pt idx="194">
                  <c:v>1</c:v>
                </c:pt>
                <c:pt idx="195">
                  <c:v>1</c:v>
                </c:pt>
                <c:pt idx="196">
                  <c:v>1</c:v>
                </c:pt>
                <c:pt idx="197">
                  <c:v>1</c:v>
                </c:pt>
                <c:pt idx="198">
                  <c:v>1</c:v>
                </c:pt>
                <c:pt idx="199">
                  <c:v>1</c:v>
                </c:pt>
                <c:pt idx="200">
                  <c:v>1</c:v>
                </c:pt>
                <c:pt idx="201">
                  <c:v>1</c:v>
                </c:pt>
                <c:pt idx="202">
                  <c:v>1</c:v>
                </c:pt>
                <c:pt idx="203">
                  <c:v>1</c:v>
                </c:pt>
                <c:pt idx="204">
                  <c:v>1</c:v>
                </c:pt>
                <c:pt idx="205">
                  <c:v>1</c:v>
                </c:pt>
                <c:pt idx="206">
                  <c:v>0</c:v>
                </c:pt>
                <c:pt idx="207">
                  <c:v>0</c:v>
                </c:pt>
                <c:pt idx="208">
                  <c:v>0</c:v>
                </c:pt>
                <c:pt idx="209">
                  <c:v>0</c:v>
                </c:pt>
                <c:pt idx="210">
                  <c:v>0</c:v>
                </c:pt>
                <c:pt idx="211">
                  <c:v>0</c:v>
                </c:pt>
                <c:pt idx="212">
                  <c:v>0</c:v>
                </c:pt>
                <c:pt idx="213">
                  <c:v>0</c:v>
                </c:pt>
                <c:pt idx="214">
                  <c:v>0</c:v>
                </c:pt>
                <c:pt idx="215">
                  <c:v>0</c:v>
                </c:pt>
                <c:pt idx="216">
                  <c:v>0</c:v>
                </c:pt>
                <c:pt idx="217">
                  <c:v>0</c:v>
                </c:pt>
                <c:pt idx="218">
                  <c:v>0</c:v>
                </c:pt>
                <c:pt idx="219">
                  <c:v>0</c:v>
                </c:pt>
                <c:pt idx="220">
                  <c:v>0</c:v>
                </c:pt>
                <c:pt idx="221">
                  <c:v>0</c:v>
                </c:pt>
                <c:pt idx="222">
                  <c:v>0</c:v>
                </c:pt>
                <c:pt idx="223">
                  <c:v>0</c:v>
                </c:pt>
                <c:pt idx="224">
                  <c:v>0</c:v>
                </c:pt>
                <c:pt idx="225">
                  <c:v>0</c:v>
                </c:pt>
                <c:pt idx="226">
                  <c:v>0</c:v>
                </c:pt>
                <c:pt idx="227">
                  <c:v>0</c:v>
                </c:pt>
                <c:pt idx="228">
                  <c:v>0</c:v>
                </c:pt>
                <c:pt idx="229">
                  <c:v>0</c:v>
                </c:pt>
                <c:pt idx="230">
                  <c:v>0</c:v>
                </c:pt>
                <c:pt idx="231">
                  <c:v>0</c:v>
                </c:pt>
                <c:pt idx="232">
                  <c:v>0</c:v>
                </c:pt>
                <c:pt idx="233">
                  <c:v>0</c:v>
                </c:pt>
                <c:pt idx="234">
                  <c:v>0</c:v>
                </c:pt>
                <c:pt idx="235">
                  <c:v>0</c:v>
                </c:pt>
                <c:pt idx="236">
                  <c:v>0</c:v>
                </c:pt>
                <c:pt idx="237">
                  <c:v>0</c:v>
                </c:pt>
                <c:pt idx="238">
                  <c:v>0</c:v>
                </c:pt>
                <c:pt idx="239">
                  <c:v>0</c:v>
                </c:pt>
                <c:pt idx="240">
                  <c:v>0</c:v>
                </c:pt>
                <c:pt idx="241">
                  <c:v>0</c:v>
                </c:pt>
                <c:pt idx="242">
                  <c:v>0</c:v>
                </c:pt>
                <c:pt idx="243">
                  <c:v>0</c:v>
                </c:pt>
                <c:pt idx="244">
                  <c:v>0</c:v>
                </c:pt>
                <c:pt idx="245">
                  <c:v>0</c:v>
                </c:pt>
                <c:pt idx="246">
                  <c:v>0</c:v>
                </c:pt>
                <c:pt idx="247">
                  <c:v>0</c:v>
                </c:pt>
                <c:pt idx="248">
                  <c:v>0</c:v>
                </c:pt>
                <c:pt idx="249">
                  <c:v>0</c:v>
                </c:pt>
                <c:pt idx="250">
                  <c:v>0</c:v>
                </c:pt>
                <c:pt idx="251">
                  <c:v>0</c:v>
                </c:pt>
                <c:pt idx="252">
                  <c:v>0</c:v>
                </c:pt>
                <c:pt idx="253">
                  <c:v>0</c:v>
                </c:pt>
                <c:pt idx="254">
                  <c:v>0</c:v>
                </c:pt>
                <c:pt idx="255">
                  <c:v>0</c:v>
                </c:pt>
                <c:pt idx="256">
                  <c:v>0</c:v>
                </c:pt>
                <c:pt idx="257">
                  <c:v>0</c:v>
                </c:pt>
                <c:pt idx="258">
                  <c:v>0</c:v>
                </c:pt>
                <c:pt idx="259">
                  <c:v>0</c:v>
                </c:pt>
                <c:pt idx="260">
                  <c:v>0</c:v>
                </c:pt>
                <c:pt idx="261">
                  <c:v>0</c:v>
                </c:pt>
                <c:pt idx="262">
                  <c:v>0</c:v>
                </c:pt>
                <c:pt idx="263">
                  <c:v>0</c:v>
                </c:pt>
                <c:pt idx="264">
                  <c:v>0</c:v>
                </c:pt>
                <c:pt idx="265">
                  <c:v>0</c:v>
                </c:pt>
                <c:pt idx="266">
                  <c:v>0</c:v>
                </c:pt>
                <c:pt idx="267">
                  <c:v>0</c:v>
                </c:pt>
                <c:pt idx="268">
                  <c:v>0</c:v>
                </c:pt>
                <c:pt idx="269">
                  <c:v>0</c:v>
                </c:pt>
                <c:pt idx="270">
                  <c:v>0</c:v>
                </c:pt>
                <c:pt idx="271">
                  <c:v>0</c:v>
                </c:pt>
                <c:pt idx="272">
                  <c:v>0</c:v>
                </c:pt>
                <c:pt idx="273">
                  <c:v>0</c:v>
                </c:pt>
                <c:pt idx="274">
                  <c:v>0</c:v>
                </c:pt>
                <c:pt idx="275">
                  <c:v>0</c:v>
                </c:pt>
                <c:pt idx="276">
                  <c:v>0</c:v>
                </c:pt>
                <c:pt idx="277">
                  <c:v>0</c:v>
                </c:pt>
                <c:pt idx="278">
                  <c:v>0</c:v>
                </c:pt>
                <c:pt idx="279">
                  <c:v>0</c:v>
                </c:pt>
                <c:pt idx="280">
                  <c:v>0</c:v>
                </c:pt>
                <c:pt idx="281">
                  <c:v>0</c:v>
                </c:pt>
                <c:pt idx="282">
                  <c:v>0</c:v>
                </c:pt>
                <c:pt idx="283">
                  <c:v>0</c:v>
                </c:pt>
                <c:pt idx="284">
                  <c:v>0</c:v>
                </c:pt>
                <c:pt idx="285">
                  <c:v>0</c:v>
                </c:pt>
                <c:pt idx="286">
                  <c:v>0</c:v>
                </c:pt>
                <c:pt idx="287">
                  <c:v>0</c:v>
                </c:pt>
                <c:pt idx="288">
                  <c:v>0</c:v>
                </c:pt>
                <c:pt idx="289">
                  <c:v>0</c:v>
                </c:pt>
                <c:pt idx="290">
                  <c:v>0</c:v>
                </c:pt>
                <c:pt idx="291">
                  <c:v>0</c:v>
                </c:pt>
                <c:pt idx="292">
                  <c:v>0</c:v>
                </c:pt>
                <c:pt idx="293">
                  <c:v>0</c:v>
                </c:pt>
                <c:pt idx="294">
                  <c:v>0</c:v>
                </c:pt>
                <c:pt idx="295">
                  <c:v>0</c:v>
                </c:pt>
                <c:pt idx="296">
                  <c:v>0</c:v>
                </c:pt>
                <c:pt idx="297">
                  <c:v>0</c:v>
                </c:pt>
                <c:pt idx="298">
                  <c:v>0</c:v>
                </c:pt>
                <c:pt idx="299">
                  <c:v>0</c:v>
                </c:pt>
                <c:pt idx="300">
                  <c:v>0</c:v>
                </c:pt>
                <c:pt idx="301">
                  <c:v>0</c:v>
                </c:pt>
                <c:pt idx="302">
                  <c:v>0</c:v>
                </c:pt>
                <c:pt idx="303">
                  <c:v>0</c:v>
                </c:pt>
                <c:pt idx="304">
                  <c:v>0</c:v>
                </c:pt>
                <c:pt idx="305">
                  <c:v>0</c:v>
                </c:pt>
                <c:pt idx="306">
                  <c:v>0</c:v>
                </c:pt>
                <c:pt idx="307">
                  <c:v>0</c:v>
                </c:pt>
                <c:pt idx="308">
                  <c:v>0</c:v>
                </c:pt>
                <c:pt idx="309">
                  <c:v>0</c:v>
                </c:pt>
                <c:pt idx="310">
                  <c:v>0</c:v>
                </c:pt>
                <c:pt idx="311">
                  <c:v>0</c:v>
                </c:pt>
                <c:pt idx="312">
                  <c:v>0</c:v>
                </c:pt>
                <c:pt idx="313">
                  <c:v>0</c:v>
                </c:pt>
                <c:pt idx="314">
                  <c:v>0</c:v>
                </c:pt>
                <c:pt idx="315">
                  <c:v>0</c:v>
                </c:pt>
                <c:pt idx="316">
                  <c:v>0</c:v>
                </c:pt>
                <c:pt idx="317">
                  <c:v>0</c:v>
                </c:pt>
                <c:pt idx="318">
                  <c:v>0</c:v>
                </c:pt>
                <c:pt idx="319">
                  <c:v>0</c:v>
                </c:pt>
                <c:pt idx="320">
                  <c:v>0</c:v>
                </c:pt>
                <c:pt idx="321">
                  <c:v>0</c:v>
                </c:pt>
                <c:pt idx="322">
                  <c:v>0</c:v>
                </c:pt>
                <c:pt idx="323">
                  <c:v>0</c:v>
                </c:pt>
                <c:pt idx="324">
                  <c:v>0</c:v>
                </c:pt>
                <c:pt idx="325">
                  <c:v>0</c:v>
                </c:pt>
                <c:pt idx="326">
                  <c:v>0</c:v>
                </c:pt>
                <c:pt idx="327">
                  <c:v>0</c:v>
                </c:pt>
                <c:pt idx="328">
                  <c:v>0</c:v>
                </c:pt>
                <c:pt idx="329">
                  <c:v>0</c:v>
                </c:pt>
                <c:pt idx="330">
                  <c:v>0</c:v>
                </c:pt>
                <c:pt idx="331">
                  <c:v>0</c:v>
                </c:pt>
                <c:pt idx="332">
                  <c:v>0</c:v>
                </c:pt>
                <c:pt idx="333">
                  <c:v>0</c:v>
                </c:pt>
                <c:pt idx="334">
                  <c:v>0</c:v>
                </c:pt>
                <c:pt idx="335">
                  <c:v>0</c:v>
                </c:pt>
                <c:pt idx="336">
                  <c:v>0</c:v>
                </c:pt>
                <c:pt idx="337">
                  <c:v>0</c:v>
                </c:pt>
                <c:pt idx="338">
                  <c:v>0</c:v>
                </c:pt>
                <c:pt idx="339">
                  <c:v>0</c:v>
                </c:pt>
                <c:pt idx="340">
                  <c:v>0</c:v>
                </c:pt>
                <c:pt idx="341">
                  <c:v>0</c:v>
                </c:pt>
                <c:pt idx="342">
                  <c:v>0</c:v>
                </c:pt>
                <c:pt idx="343">
                  <c:v>0</c:v>
                </c:pt>
                <c:pt idx="344">
                  <c:v>0</c:v>
                </c:pt>
                <c:pt idx="345">
                  <c:v>0</c:v>
                </c:pt>
                <c:pt idx="346">
                  <c:v>0</c:v>
                </c:pt>
                <c:pt idx="347">
                  <c:v>0</c:v>
                </c:pt>
                <c:pt idx="348">
                  <c:v>0</c:v>
                </c:pt>
                <c:pt idx="349">
                  <c:v>0</c:v>
                </c:pt>
                <c:pt idx="350">
                  <c:v>0</c:v>
                </c:pt>
                <c:pt idx="351">
                  <c:v>0</c:v>
                </c:pt>
                <c:pt idx="352">
                  <c:v>0</c:v>
                </c:pt>
                <c:pt idx="353">
                  <c:v>0</c:v>
                </c:pt>
                <c:pt idx="354">
                  <c:v>0</c:v>
                </c:pt>
                <c:pt idx="355">
                  <c:v>0</c:v>
                </c:pt>
                <c:pt idx="356">
                  <c:v>0</c:v>
                </c:pt>
                <c:pt idx="357">
                  <c:v>0</c:v>
                </c:pt>
                <c:pt idx="358">
                  <c:v>0</c:v>
                </c:pt>
                <c:pt idx="359">
                  <c:v>0</c:v>
                </c:pt>
                <c:pt idx="360">
                  <c:v>0</c:v>
                </c:pt>
                <c:pt idx="361">
                  <c:v>0</c:v>
                </c:pt>
                <c:pt idx="362">
                  <c:v>0</c:v>
                </c:pt>
                <c:pt idx="363">
                  <c:v>0</c:v>
                </c:pt>
                <c:pt idx="364">
                  <c:v>0</c:v>
                </c:pt>
                <c:pt idx="365">
                  <c:v>0</c:v>
                </c:pt>
                <c:pt idx="366">
                  <c:v>0</c:v>
                </c:pt>
                <c:pt idx="367">
                  <c:v>0</c:v>
                </c:pt>
                <c:pt idx="368">
                  <c:v>0</c:v>
                </c:pt>
                <c:pt idx="369">
                  <c:v>0</c:v>
                </c:pt>
                <c:pt idx="370">
                  <c:v>0</c:v>
                </c:pt>
                <c:pt idx="371">
                  <c:v>0</c:v>
                </c:pt>
                <c:pt idx="372">
                  <c:v>0</c:v>
                </c:pt>
                <c:pt idx="373">
                  <c:v>0</c:v>
                </c:pt>
                <c:pt idx="374">
                  <c:v>0</c:v>
                </c:pt>
                <c:pt idx="375">
                  <c:v>0</c:v>
                </c:pt>
                <c:pt idx="376">
                  <c:v>0</c:v>
                </c:pt>
                <c:pt idx="377">
                  <c:v>0</c:v>
                </c:pt>
                <c:pt idx="378">
                  <c:v>0</c:v>
                </c:pt>
                <c:pt idx="379">
                  <c:v>0</c:v>
                </c:pt>
                <c:pt idx="380">
                  <c:v>0</c:v>
                </c:pt>
                <c:pt idx="381">
                  <c:v>0</c:v>
                </c:pt>
                <c:pt idx="382">
                  <c:v>0</c:v>
                </c:pt>
                <c:pt idx="383">
                  <c:v>0</c:v>
                </c:pt>
                <c:pt idx="384">
                  <c:v>0</c:v>
                </c:pt>
                <c:pt idx="385">
                  <c:v>0</c:v>
                </c:pt>
                <c:pt idx="386">
                  <c:v>0</c:v>
                </c:pt>
                <c:pt idx="387">
                  <c:v>0</c:v>
                </c:pt>
                <c:pt idx="388">
                  <c:v>0</c:v>
                </c:pt>
                <c:pt idx="389">
                  <c:v>0</c:v>
                </c:pt>
                <c:pt idx="390">
                  <c:v>0</c:v>
                </c:pt>
                <c:pt idx="391">
                  <c:v>0</c:v>
                </c:pt>
                <c:pt idx="392">
                  <c:v>0</c:v>
                </c:pt>
                <c:pt idx="393">
                  <c:v>0</c:v>
                </c:pt>
                <c:pt idx="394">
                  <c:v>0</c:v>
                </c:pt>
                <c:pt idx="395">
                  <c:v>0</c:v>
                </c:pt>
                <c:pt idx="396">
                  <c:v>0</c:v>
                </c:pt>
                <c:pt idx="397">
                  <c:v>0</c:v>
                </c:pt>
                <c:pt idx="398">
                  <c:v>0</c:v>
                </c:pt>
                <c:pt idx="399">
                  <c:v>0</c:v>
                </c:pt>
                <c:pt idx="400">
                  <c:v>0</c:v>
                </c:pt>
                <c:pt idx="401">
                  <c:v>0</c:v>
                </c:pt>
                <c:pt idx="402">
                  <c:v>0</c:v>
                </c:pt>
                <c:pt idx="403">
                  <c:v>0</c:v>
                </c:pt>
                <c:pt idx="404">
                  <c:v>0</c:v>
                </c:pt>
                <c:pt idx="405">
                  <c:v>0</c:v>
                </c:pt>
                <c:pt idx="406">
                  <c:v>0</c:v>
                </c:pt>
                <c:pt idx="407">
                  <c:v>0</c:v>
                </c:pt>
                <c:pt idx="408">
                  <c:v>0</c:v>
                </c:pt>
                <c:pt idx="409">
                  <c:v>0</c:v>
                </c:pt>
                <c:pt idx="410">
                  <c:v>0</c:v>
                </c:pt>
                <c:pt idx="411">
                  <c:v>0</c:v>
                </c:pt>
                <c:pt idx="412">
                  <c:v>0</c:v>
                </c:pt>
                <c:pt idx="413">
                  <c:v>0</c:v>
                </c:pt>
                <c:pt idx="414">
                  <c:v>0</c:v>
                </c:pt>
                <c:pt idx="415">
                  <c:v>0</c:v>
                </c:pt>
                <c:pt idx="416">
                  <c:v>0</c:v>
                </c:pt>
                <c:pt idx="417">
                  <c:v>0</c:v>
                </c:pt>
                <c:pt idx="418">
                  <c:v>0</c:v>
                </c:pt>
                <c:pt idx="419">
                  <c:v>0</c:v>
                </c:pt>
                <c:pt idx="420">
                  <c:v>0</c:v>
                </c:pt>
                <c:pt idx="421">
                  <c:v>0</c:v>
                </c:pt>
                <c:pt idx="422">
                  <c:v>0</c:v>
                </c:pt>
                <c:pt idx="423">
                  <c:v>0</c:v>
                </c:pt>
                <c:pt idx="424">
                  <c:v>0</c:v>
                </c:pt>
                <c:pt idx="425">
                  <c:v>0</c:v>
                </c:pt>
                <c:pt idx="426">
                  <c:v>0</c:v>
                </c:pt>
                <c:pt idx="427">
                  <c:v>0</c:v>
                </c:pt>
                <c:pt idx="428">
                  <c:v>0</c:v>
                </c:pt>
                <c:pt idx="429">
                  <c:v>0</c:v>
                </c:pt>
                <c:pt idx="430">
                  <c:v>0</c:v>
                </c:pt>
                <c:pt idx="431">
                  <c:v>0</c:v>
                </c:pt>
                <c:pt idx="432">
                  <c:v>0</c:v>
                </c:pt>
                <c:pt idx="433">
                  <c:v>0</c:v>
                </c:pt>
                <c:pt idx="434">
                  <c:v>0</c:v>
                </c:pt>
                <c:pt idx="435">
                  <c:v>0</c:v>
                </c:pt>
                <c:pt idx="436">
                  <c:v>0</c:v>
                </c:pt>
                <c:pt idx="437">
                  <c:v>0</c:v>
                </c:pt>
                <c:pt idx="438">
                  <c:v>0</c:v>
                </c:pt>
                <c:pt idx="439">
                  <c:v>0</c:v>
                </c:pt>
                <c:pt idx="440">
                  <c:v>0</c:v>
                </c:pt>
                <c:pt idx="441">
                  <c:v>0</c:v>
                </c:pt>
                <c:pt idx="442">
                  <c:v>0</c:v>
                </c:pt>
                <c:pt idx="443">
                  <c:v>0</c:v>
                </c:pt>
                <c:pt idx="444">
                  <c:v>0</c:v>
                </c:pt>
                <c:pt idx="445">
                  <c:v>0</c:v>
                </c:pt>
                <c:pt idx="446">
                  <c:v>0</c:v>
                </c:pt>
                <c:pt idx="447">
                  <c:v>0</c:v>
                </c:pt>
                <c:pt idx="448">
                  <c:v>0</c:v>
                </c:pt>
                <c:pt idx="449">
                  <c:v>0</c:v>
                </c:pt>
                <c:pt idx="450">
                  <c:v>0</c:v>
                </c:pt>
                <c:pt idx="451">
                  <c:v>0</c:v>
                </c:pt>
                <c:pt idx="452">
                  <c:v>0</c:v>
                </c:pt>
                <c:pt idx="453">
                  <c:v>0</c:v>
                </c:pt>
                <c:pt idx="454">
                  <c:v>0</c:v>
                </c:pt>
                <c:pt idx="455">
                  <c:v>0</c:v>
                </c:pt>
                <c:pt idx="456">
                  <c:v>0</c:v>
                </c:pt>
                <c:pt idx="457">
                  <c:v>0</c:v>
                </c:pt>
                <c:pt idx="458">
                  <c:v>1</c:v>
                </c:pt>
                <c:pt idx="459">
                  <c:v>1</c:v>
                </c:pt>
                <c:pt idx="460">
                  <c:v>1</c:v>
                </c:pt>
                <c:pt idx="461">
                  <c:v>1</c:v>
                </c:pt>
                <c:pt idx="462">
                  <c:v>1</c:v>
                </c:pt>
                <c:pt idx="463">
                  <c:v>1</c:v>
                </c:pt>
                <c:pt idx="464">
                  <c:v>1</c:v>
                </c:pt>
                <c:pt idx="465">
                  <c:v>1</c:v>
                </c:pt>
                <c:pt idx="466">
                  <c:v>1</c:v>
                </c:pt>
                <c:pt idx="467">
                  <c:v>1</c:v>
                </c:pt>
                <c:pt idx="468">
                  <c:v>1</c:v>
                </c:pt>
                <c:pt idx="469">
                  <c:v>1</c:v>
                </c:pt>
                <c:pt idx="470">
                  <c:v>1</c:v>
                </c:pt>
                <c:pt idx="471">
                  <c:v>1</c:v>
                </c:pt>
                <c:pt idx="472">
                  <c:v>1</c:v>
                </c:pt>
                <c:pt idx="473">
                  <c:v>1</c:v>
                </c:pt>
                <c:pt idx="474">
                  <c:v>1</c:v>
                </c:pt>
                <c:pt idx="475">
                  <c:v>1</c:v>
                </c:pt>
                <c:pt idx="476">
                  <c:v>1</c:v>
                </c:pt>
                <c:pt idx="477">
                  <c:v>1</c:v>
                </c:pt>
                <c:pt idx="478">
                  <c:v>1</c:v>
                </c:pt>
                <c:pt idx="479">
                  <c:v>1</c:v>
                </c:pt>
                <c:pt idx="480">
                  <c:v>1</c:v>
                </c:pt>
                <c:pt idx="481">
                  <c:v>1</c:v>
                </c:pt>
                <c:pt idx="482">
                  <c:v>1</c:v>
                </c:pt>
                <c:pt idx="483">
                  <c:v>1</c:v>
                </c:pt>
                <c:pt idx="484">
                  <c:v>0</c:v>
                </c:pt>
                <c:pt idx="485">
                  <c:v>0</c:v>
                </c:pt>
                <c:pt idx="486">
                  <c:v>0</c:v>
                </c:pt>
                <c:pt idx="487">
                  <c:v>0</c:v>
                </c:pt>
                <c:pt idx="488">
                  <c:v>0</c:v>
                </c:pt>
                <c:pt idx="489">
                  <c:v>0</c:v>
                </c:pt>
                <c:pt idx="490">
                  <c:v>0</c:v>
                </c:pt>
                <c:pt idx="491">
                  <c:v>0</c:v>
                </c:pt>
                <c:pt idx="492">
                  <c:v>0</c:v>
                </c:pt>
                <c:pt idx="493">
                  <c:v>0</c:v>
                </c:pt>
                <c:pt idx="494">
                  <c:v>0</c:v>
                </c:pt>
                <c:pt idx="495">
                  <c:v>0</c:v>
                </c:pt>
                <c:pt idx="496">
                  <c:v>0</c:v>
                </c:pt>
                <c:pt idx="497">
                  <c:v>0</c:v>
                </c:pt>
                <c:pt idx="498">
                  <c:v>0</c:v>
                </c:pt>
                <c:pt idx="499">
                  <c:v>0</c:v>
                </c:pt>
                <c:pt idx="500">
                  <c:v>0</c:v>
                </c:pt>
                <c:pt idx="501">
                  <c:v>0</c:v>
                </c:pt>
                <c:pt idx="502">
                  <c:v>0</c:v>
                </c:pt>
                <c:pt idx="503">
                  <c:v>0</c:v>
                </c:pt>
                <c:pt idx="504">
                  <c:v>0</c:v>
                </c:pt>
                <c:pt idx="505">
                  <c:v>0</c:v>
                </c:pt>
                <c:pt idx="506">
                  <c:v>0</c:v>
                </c:pt>
                <c:pt idx="507">
                  <c:v>0</c:v>
                </c:pt>
                <c:pt idx="508">
                  <c:v>0</c:v>
                </c:pt>
                <c:pt idx="509">
                  <c:v>0</c:v>
                </c:pt>
                <c:pt idx="510">
                  <c:v>0</c:v>
                </c:pt>
                <c:pt idx="511">
                  <c:v>0</c:v>
                </c:pt>
                <c:pt idx="512">
                  <c:v>0</c:v>
                </c:pt>
                <c:pt idx="513">
                  <c:v>0</c:v>
                </c:pt>
                <c:pt idx="514">
                  <c:v>0</c:v>
                </c:pt>
                <c:pt idx="515">
                  <c:v>0</c:v>
                </c:pt>
                <c:pt idx="516">
                  <c:v>0</c:v>
                </c:pt>
                <c:pt idx="517">
                  <c:v>0</c:v>
                </c:pt>
                <c:pt idx="518">
                  <c:v>0</c:v>
                </c:pt>
                <c:pt idx="519">
                  <c:v>0</c:v>
                </c:pt>
                <c:pt idx="520">
                  <c:v>0</c:v>
                </c:pt>
                <c:pt idx="521">
                  <c:v>0</c:v>
                </c:pt>
                <c:pt idx="522">
                  <c:v>0</c:v>
                </c:pt>
                <c:pt idx="523">
                  <c:v>0</c:v>
                </c:pt>
                <c:pt idx="524">
                  <c:v>0</c:v>
                </c:pt>
                <c:pt idx="525">
                  <c:v>0</c:v>
                </c:pt>
                <c:pt idx="526">
                  <c:v>0</c:v>
                </c:pt>
                <c:pt idx="527">
                  <c:v>0</c:v>
                </c:pt>
                <c:pt idx="528">
                  <c:v>0</c:v>
                </c:pt>
                <c:pt idx="529">
                  <c:v>0</c:v>
                </c:pt>
                <c:pt idx="530">
                  <c:v>0</c:v>
                </c:pt>
                <c:pt idx="531">
                  <c:v>0</c:v>
                </c:pt>
                <c:pt idx="532">
                  <c:v>0</c:v>
                </c:pt>
                <c:pt idx="533">
                  <c:v>0</c:v>
                </c:pt>
                <c:pt idx="534">
                  <c:v>0</c:v>
                </c:pt>
                <c:pt idx="535">
                  <c:v>0</c:v>
                </c:pt>
                <c:pt idx="536">
                  <c:v>1</c:v>
                </c:pt>
                <c:pt idx="537">
                  <c:v>1</c:v>
                </c:pt>
                <c:pt idx="538">
                  <c:v>1</c:v>
                </c:pt>
                <c:pt idx="539">
                  <c:v>1</c:v>
                </c:pt>
                <c:pt idx="540">
                  <c:v>1</c:v>
                </c:pt>
                <c:pt idx="541">
                  <c:v>1</c:v>
                </c:pt>
                <c:pt idx="542">
                  <c:v>1</c:v>
                </c:pt>
                <c:pt idx="543">
                  <c:v>1</c:v>
                </c:pt>
                <c:pt idx="544">
                  <c:v>1</c:v>
                </c:pt>
                <c:pt idx="545">
                  <c:v>1</c:v>
                </c:pt>
                <c:pt idx="546">
                  <c:v>1</c:v>
                </c:pt>
                <c:pt idx="547">
                  <c:v>1</c:v>
                </c:pt>
                <c:pt idx="548">
                  <c:v>1</c:v>
                </c:pt>
                <c:pt idx="549">
                  <c:v>1</c:v>
                </c:pt>
                <c:pt idx="550">
                  <c:v>1</c:v>
                </c:pt>
                <c:pt idx="551">
                  <c:v>1</c:v>
                </c:pt>
                <c:pt idx="552">
                  <c:v>1</c:v>
                </c:pt>
                <c:pt idx="553">
                  <c:v>1</c:v>
                </c:pt>
                <c:pt idx="554">
                  <c:v>1</c:v>
                </c:pt>
                <c:pt idx="555">
                  <c:v>1</c:v>
                </c:pt>
                <c:pt idx="556">
                  <c:v>1</c:v>
                </c:pt>
                <c:pt idx="557">
                  <c:v>1</c:v>
                </c:pt>
                <c:pt idx="558">
                  <c:v>1</c:v>
                </c:pt>
                <c:pt idx="559">
                  <c:v>1</c:v>
                </c:pt>
                <c:pt idx="560">
                  <c:v>1</c:v>
                </c:pt>
                <c:pt idx="561">
                  <c:v>1</c:v>
                </c:pt>
                <c:pt idx="562">
                  <c:v>1</c:v>
                </c:pt>
                <c:pt idx="563">
                  <c:v>1</c:v>
                </c:pt>
                <c:pt idx="564">
                  <c:v>1</c:v>
                </c:pt>
                <c:pt idx="565">
                  <c:v>1</c:v>
                </c:pt>
                <c:pt idx="566">
                  <c:v>1</c:v>
                </c:pt>
                <c:pt idx="567">
                  <c:v>1</c:v>
                </c:pt>
                <c:pt idx="568">
                  <c:v>1</c:v>
                </c:pt>
                <c:pt idx="569">
                  <c:v>1</c:v>
                </c:pt>
                <c:pt idx="570">
                  <c:v>1</c:v>
                </c:pt>
                <c:pt idx="571">
                  <c:v>1</c:v>
                </c:pt>
                <c:pt idx="572">
                  <c:v>1</c:v>
                </c:pt>
                <c:pt idx="573">
                  <c:v>1</c:v>
                </c:pt>
                <c:pt idx="574">
                  <c:v>1</c:v>
                </c:pt>
                <c:pt idx="575">
                  <c:v>1</c:v>
                </c:pt>
                <c:pt idx="576">
                  <c:v>1</c:v>
                </c:pt>
                <c:pt idx="577">
                  <c:v>1</c:v>
                </c:pt>
                <c:pt idx="578">
                  <c:v>1</c:v>
                </c:pt>
                <c:pt idx="579">
                  <c:v>1</c:v>
                </c:pt>
                <c:pt idx="580">
                  <c:v>1</c:v>
                </c:pt>
                <c:pt idx="581">
                  <c:v>1</c:v>
                </c:pt>
                <c:pt idx="582">
                  <c:v>1</c:v>
                </c:pt>
                <c:pt idx="583">
                  <c:v>1</c:v>
                </c:pt>
                <c:pt idx="584">
                  <c:v>1</c:v>
                </c:pt>
                <c:pt idx="585">
                  <c:v>1</c:v>
                </c:pt>
                <c:pt idx="586">
                  <c:v>1</c:v>
                </c:pt>
                <c:pt idx="587">
                  <c:v>1</c:v>
                </c:pt>
                <c:pt idx="588">
                  <c:v>1</c:v>
                </c:pt>
                <c:pt idx="589">
                  <c:v>1</c:v>
                </c:pt>
                <c:pt idx="590">
                  <c:v>1</c:v>
                </c:pt>
                <c:pt idx="591">
                  <c:v>1</c:v>
                </c:pt>
                <c:pt idx="592">
                  <c:v>1</c:v>
                </c:pt>
                <c:pt idx="593">
                  <c:v>1</c:v>
                </c:pt>
                <c:pt idx="594">
                  <c:v>1</c:v>
                </c:pt>
                <c:pt idx="595">
                  <c:v>1</c:v>
                </c:pt>
                <c:pt idx="596">
                  <c:v>1</c:v>
                </c:pt>
                <c:pt idx="597">
                  <c:v>1</c:v>
                </c:pt>
                <c:pt idx="598">
                  <c:v>1</c:v>
                </c:pt>
                <c:pt idx="599">
                  <c:v>1</c:v>
                </c:pt>
                <c:pt idx="600">
                  <c:v>1</c:v>
                </c:pt>
                <c:pt idx="601">
                  <c:v>1</c:v>
                </c:pt>
                <c:pt idx="602">
                  <c:v>1</c:v>
                </c:pt>
                <c:pt idx="603">
                  <c:v>1</c:v>
                </c:pt>
                <c:pt idx="604">
                  <c:v>1</c:v>
                </c:pt>
                <c:pt idx="605">
                  <c:v>1</c:v>
                </c:pt>
                <c:pt idx="606">
                  <c:v>0</c:v>
                </c:pt>
                <c:pt idx="607">
                  <c:v>0</c:v>
                </c:pt>
                <c:pt idx="608">
                  <c:v>0</c:v>
                </c:pt>
                <c:pt idx="609">
                  <c:v>0</c:v>
                </c:pt>
                <c:pt idx="610">
                  <c:v>0</c:v>
                </c:pt>
                <c:pt idx="611">
                  <c:v>0</c:v>
                </c:pt>
                <c:pt idx="612">
                  <c:v>0</c:v>
                </c:pt>
                <c:pt idx="613">
                  <c:v>0</c:v>
                </c:pt>
                <c:pt idx="614">
                  <c:v>0</c:v>
                </c:pt>
                <c:pt idx="615">
                  <c:v>0</c:v>
                </c:pt>
                <c:pt idx="616">
                  <c:v>0</c:v>
                </c:pt>
                <c:pt idx="617">
                  <c:v>0</c:v>
                </c:pt>
                <c:pt idx="618">
                  <c:v>0</c:v>
                </c:pt>
                <c:pt idx="619">
                  <c:v>0</c:v>
                </c:pt>
                <c:pt idx="620">
                  <c:v>0</c:v>
                </c:pt>
                <c:pt idx="621">
                  <c:v>0</c:v>
                </c:pt>
                <c:pt idx="622">
                  <c:v>0</c:v>
                </c:pt>
                <c:pt idx="623">
                  <c:v>0</c:v>
                </c:pt>
                <c:pt idx="624">
                  <c:v>0</c:v>
                </c:pt>
                <c:pt idx="625">
                  <c:v>0</c:v>
                </c:pt>
                <c:pt idx="626">
                  <c:v>0</c:v>
                </c:pt>
                <c:pt idx="627">
                  <c:v>0</c:v>
                </c:pt>
                <c:pt idx="628">
                  <c:v>0</c:v>
                </c:pt>
                <c:pt idx="629">
                  <c:v>0</c:v>
                </c:pt>
                <c:pt idx="630">
                  <c:v>0</c:v>
                </c:pt>
                <c:pt idx="631">
                  <c:v>0</c:v>
                </c:pt>
                <c:pt idx="632">
                  <c:v>0</c:v>
                </c:pt>
                <c:pt idx="633">
                  <c:v>0</c:v>
                </c:pt>
                <c:pt idx="634">
                  <c:v>0</c:v>
                </c:pt>
                <c:pt idx="635">
                  <c:v>0</c:v>
                </c:pt>
                <c:pt idx="636">
                  <c:v>0</c:v>
                </c:pt>
                <c:pt idx="637">
                  <c:v>0</c:v>
                </c:pt>
                <c:pt idx="638">
                  <c:v>0</c:v>
                </c:pt>
                <c:pt idx="639">
                  <c:v>0</c:v>
                </c:pt>
                <c:pt idx="640">
                  <c:v>0</c:v>
                </c:pt>
                <c:pt idx="641">
                  <c:v>0</c:v>
                </c:pt>
                <c:pt idx="642">
                  <c:v>0</c:v>
                </c:pt>
                <c:pt idx="643">
                  <c:v>0</c:v>
                </c:pt>
                <c:pt idx="644">
                  <c:v>0</c:v>
                </c:pt>
                <c:pt idx="645">
                  <c:v>0</c:v>
                </c:pt>
                <c:pt idx="646">
                  <c:v>0</c:v>
                </c:pt>
                <c:pt idx="647">
                  <c:v>0</c:v>
                </c:pt>
                <c:pt idx="648">
                  <c:v>0</c:v>
                </c:pt>
                <c:pt idx="649">
                  <c:v>0</c:v>
                </c:pt>
                <c:pt idx="650">
                  <c:v>0</c:v>
                </c:pt>
                <c:pt idx="651">
                  <c:v>0</c:v>
                </c:pt>
                <c:pt idx="652">
                  <c:v>0</c:v>
                </c:pt>
                <c:pt idx="653">
                  <c:v>0</c:v>
                </c:pt>
                <c:pt idx="654">
                  <c:v>0</c:v>
                </c:pt>
                <c:pt idx="655">
                  <c:v>0</c:v>
                </c:pt>
                <c:pt idx="656">
                  <c:v>0</c:v>
                </c:pt>
                <c:pt idx="657">
                  <c:v>0</c:v>
                </c:pt>
                <c:pt idx="658">
                  <c:v>0</c:v>
                </c:pt>
                <c:pt idx="659">
                  <c:v>0</c:v>
                </c:pt>
                <c:pt idx="660">
                  <c:v>0</c:v>
                </c:pt>
                <c:pt idx="661">
                  <c:v>0</c:v>
                </c:pt>
                <c:pt idx="662">
                  <c:v>0</c:v>
                </c:pt>
                <c:pt idx="663">
                  <c:v>0</c:v>
                </c:pt>
                <c:pt idx="664">
                  <c:v>0</c:v>
                </c:pt>
                <c:pt idx="665">
                  <c:v>0</c:v>
                </c:pt>
                <c:pt idx="666">
                  <c:v>0</c:v>
                </c:pt>
                <c:pt idx="667">
                  <c:v>0</c:v>
                </c:pt>
                <c:pt idx="668">
                  <c:v>0</c:v>
                </c:pt>
                <c:pt idx="669">
                  <c:v>0</c:v>
                </c:pt>
                <c:pt idx="670">
                  <c:v>0</c:v>
                </c:pt>
                <c:pt idx="671">
                  <c:v>0</c:v>
                </c:pt>
                <c:pt idx="672">
                  <c:v>0</c:v>
                </c:pt>
                <c:pt idx="673">
                  <c:v>0</c:v>
                </c:pt>
                <c:pt idx="674">
                  <c:v>0</c:v>
                </c:pt>
                <c:pt idx="675">
                  <c:v>0</c:v>
                </c:pt>
                <c:pt idx="676">
                  <c:v>0</c:v>
                </c:pt>
                <c:pt idx="677">
                  <c:v>0</c:v>
                </c:pt>
                <c:pt idx="678">
                  <c:v>0</c:v>
                </c:pt>
                <c:pt idx="679">
                  <c:v>0</c:v>
                </c:pt>
                <c:pt idx="680">
                  <c:v>0</c:v>
                </c:pt>
                <c:pt idx="681">
                  <c:v>0</c:v>
                </c:pt>
                <c:pt idx="682">
                  <c:v>0</c:v>
                </c:pt>
                <c:pt idx="683">
                  <c:v>0</c:v>
                </c:pt>
                <c:pt idx="684">
                  <c:v>0</c:v>
                </c:pt>
                <c:pt idx="685">
                  <c:v>0</c:v>
                </c:pt>
                <c:pt idx="686">
                  <c:v>0</c:v>
                </c:pt>
                <c:pt idx="687">
                  <c:v>0</c:v>
                </c:pt>
                <c:pt idx="688">
                  <c:v>0</c:v>
                </c:pt>
                <c:pt idx="689">
                  <c:v>0</c:v>
                </c:pt>
                <c:pt idx="690">
                  <c:v>0</c:v>
                </c:pt>
                <c:pt idx="691">
                  <c:v>0</c:v>
                </c:pt>
                <c:pt idx="692">
                  <c:v>0</c:v>
                </c:pt>
                <c:pt idx="693">
                  <c:v>0</c:v>
                </c:pt>
                <c:pt idx="694">
                  <c:v>0</c:v>
                </c:pt>
                <c:pt idx="695">
                  <c:v>0</c:v>
                </c:pt>
                <c:pt idx="696">
                  <c:v>0</c:v>
                </c:pt>
                <c:pt idx="697">
                  <c:v>0</c:v>
                </c:pt>
                <c:pt idx="698">
                  <c:v>0</c:v>
                </c:pt>
                <c:pt idx="699">
                  <c:v>0</c:v>
                </c:pt>
                <c:pt idx="700">
                  <c:v>0</c:v>
                </c:pt>
                <c:pt idx="701">
                  <c:v>0</c:v>
                </c:pt>
                <c:pt idx="702">
                  <c:v>0</c:v>
                </c:pt>
                <c:pt idx="703">
                  <c:v>0</c:v>
                </c:pt>
                <c:pt idx="704">
                  <c:v>0</c:v>
                </c:pt>
                <c:pt idx="705">
                  <c:v>0</c:v>
                </c:pt>
                <c:pt idx="706">
                  <c:v>0</c:v>
                </c:pt>
                <c:pt idx="707">
                  <c:v>0</c:v>
                </c:pt>
                <c:pt idx="708">
                  <c:v>0</c:v>
                </c:pt>
                <c:pt idx="709">
                  <c:v>0</c:v>
                </c:pt>
                <c:pt idx="710">
                  <c:v>0</c:v>
                </c:pt>
                <c:pt idx="711">
                  <c:v>0</c:v>
                </c:pt>
                <c:pt idx="712">
                  <c:v>0</c:v>
                </c:pt>
                <c:pt idx="713">
                  <c:v>0</c:v>
                </c:pt>
                <c:pt idx="714">
                  <c:v>0</c:v>
                </c:pt>
                <c:pt idx="715">
                  <c:v>0</c:v>
                </c:pt>
                <c:pt idx="716">
                  <c:v>0</c:v>
                </c:pt>
                <c:pt idx="717">
                  <c:v>0</c:v>
                </c:pt>
                <c:pt idx="718">
                  <c:v>0</c:v>
                </c:pt>
                <c:pt idx="719">
                  <c:v>0</c:v>
                </c:pt>
                <c:pt idx="720">
                  <c:v>0</c:v>
                </c:pt>
                <c:pt idx="721">
                  <c:v>0</c:v>
                </c:pt>
                <c:pt idx="722">
                  <c:v>0</c:v>
                </c:pt>
                <c:pt idx="723">
                  <c:v>0</c:v>
                </c:pt>
                <c:pt idx="724">
                  <c:v>0</c:v>
                </c:pt>
                <c:pt idx="725">
                  <c:v>0</c:v>
                </c:pt>
                <c:pt idx="726">
                  <c:v>0</c:v>
                </c:pt>
                <c:pt idx="727">
                  <c:v>0</c:v>
                </c:pt>
                <c:pt idx="728">
                  <c:v>0</c:v>
                </c:pt>
                <c:pt idx="729">
                  <c:v>0</c:v>
                </c:pt>
                <c:pt idx="730">
                  <c:v>0</c:v>
                </c:pt>
                <c:pt idx="731">
                  <c:v>0</c:v>
                </c:pt>
                <c:pt idx="732">
                  <c:v>0</c:v>
                </c:pt>
                <c:pt idx="733">
                  <c:v>0</c:v>
                </c:pt>
                <c:pt idx="734">
                  <c:v>0</c:v>
                </c:pt>
                <c:pt idx="735">
                  <c:v>0</c:v>
                </c:pt>
                <c:pt idx="736">
                  <c:v>0</c:v>
                </c:pt>
                <c:pt idx="737">
                  <c:v>0</c:v>
                </c:pt>
                <c:pt idx="738">
                  <c:v>0</c:v>
                </c:pt>
                <c:pt idx="739">
                  <c:v>0</c:v>
                </c:pt>
                <c:pt idx="740">
                  <c:v>0</c:v>
                </c:pt>
                <c:pt idx="741">
                  <c:v>0</c:v>
                </c:pt>
                <c:pt idx="742">
                  <c:v>0</c:v>
                </c:pt>
                <c:pt idx="743">
                  <c:v>0</c:v>
                </c:pt>
                <c:pt idx="744">
                  <c:v>0</c:v>
                </c:pt>
                <c:pt idx="745">
                  <c:v>0</c:v>
                </c:pt>
                <c:pt idx="746">
                  <c:v>0</c:v>
                </c:pt>
                <c:pt idx="747">
                  <c:v>0</c:v>
                </c:pt>
                <c:pt idx="748">
                  <c:v>0</c:v>
                </c:pt>
                <c:pt idx="749">
                  <c:v>0</c:v>
                </c:pt>
                <c:pt idx="750">
                  <c:v>0</c:v>
                </c:pt>
                <c:pt idx="751">
                  <c:v>0</c:v>
                </c:pt>
                <c:pt idx="752">
                  <c:v>0</c:v>
                </c:pt>
                <c:pt idx="753">
                  <c:v>0</c:v>
                </c:pt>
                <c:pt idx="754">
                  <c:v>0</c:v>
                </c:pt>
                <c:pt idx="755">
                  <c:v>0</c:v>
                </c:pt>
                <c:pt idx="756">
                  <c:v>0</c:v>
                </c:pt>
                <c:pt idx="757">
                  <c:v>0</c:v>
                </c:pt>
                <c:pt idx="758">
                  <c:v>0</c:v>
                </c:pt>
                <c:pt idx="759">
                  <c:v>0</c:v>
                </c:pt>
                <c:pt idx="760">
                  <c:v>0</c:v>
                </c:pt>
                <c:pt idx="761">
                  <c:v>0</c:v>
                </c:pt>
                <c:pt idx="762">
                  <c:v>0</c:v>
                </c:pt>
                <c:pt idx="763">
                  <c:v>0</c:v>
                </c:pt>
                <c:pt idx="764">
                  <c:v>0</c:v>
                </c:pt>
                <c:pt idx="765">
                  <c:v>0</c:v>
                </c:pt>
                <c:pt idx="766">
                  <c:v>0</c:v>
                </c:pt>
                <c:pt idx="767">
                  <c:v>0</c:v>
                </c:pt>
                <c:pt idx="768">
                  <c:v>0</c:v>
                </c:pt>
                <c:pt idx="769">
                  <c:v>0</c:v>
                </c:pt>
                <c:pt idx="770">
                  <c:v>0</c:v>
                </c:pt>
                <c:pt idx="771">
                  <c:v>0</c:v>
                </c:pt>
                <c:pt idx="772">
                  <c:v>0</c:v>
                </c:pt>
                <c:pt idx="773">
                  <c:v>0</c:v>
                </c:pt>
                <c:pt idx="774">
                  <c:v>0</c:v>
                </c:pt>
                <c:pt idx="775">
                  <c:v>0</c:v>
                </c:pt>
                <c:pt idx="776">
                  <c:v>0</c:v>
                </c:pt>
                <c:pt idx="777">
                  <c:v>0</c:v>
                </c:pt>
                <c:pt idx="778">
                  <c:v>0</c:v>
                </c:pt>
                <c:pt idx="779">
                  <c:v>0</c:v>
                </c:pt>
                <c:pt idx="780">
                  <c:v>0</c:v>
                </c:pt>
                <c:pt idx="781">
                  <c:v>0</c:v>
                </c:pt>
                <c:pt idx="782">
                  <c:v>0</c:v>
                </c:pt>
                <c:pt idx="783">
                  <c:v>0</c:v>
                </c:pt>
                <c:pt idx="784">
                  <c:v>0</c:v>
                </c:pt>
                <c:pt idx="785">
                  <c:v>0</c:v>
                </c:pt>
                <c:pt idx="786">
                  <c:v>0</c:v>
                </c:pt>
                <c:pt idx="787">
                  <c:v>0</c:v>
                </c:pt>
                <c:pt idx="788">
                  <c:v>0</c:v>
                </c:pt>
                <c:pt idx="789">
                  <c:v>0</c:v>
                </c:pt>
                <c:pt idx="790">
                  <c:v>0</c:v>
                </c:pt>
                <c:pt idx="791">
                  <c:v>0</c:v>
                </c:pt>
                <c:pt idx="792">
                  <c:v>0</c:v>
                </c:pt>
                <c:pt idx="793">
                  <c:v>0</c:v>
                </c:pt>
                <c:pt idx="794">
                  <c:v>0</c:v>
                </c:pt>
                <c:pt idx="795">
                  <c:v>0</c:v>
                </c:pt>
                <c:pt idx="796">
                  <c:v>0</c:v>
                </c:pt>
                <c:pt idx="797">
                  <c:v>0</c:v>
                </c:pt>
                <c:pt idx="798">
                  <c:v>0</c:v>
                </c:pt>
                <c:pt idx="799">
                  <c:v>0</c:v>
                </c:pt>
                <c:pt idx="800">
                  <c:v>0</c:v>
                </c:pt>
                <c:pt idx="801">
                  <c:v>0</c:v>
                </c:pt>
                <c:pt idx="802">
                  <c:v>0</c:v>
                </c:pt>
                <c:pt idx="803">
                  <c:v>0</c:v>
                </c:pt>
                <c:pt idx="804">
                  <c:v>0</c:v>
                </c:pt>
                <c:pt idx="805">
                  <c:v>0</c:v>
                </c:pt>
                <c:pt idx="806">
                  <c:v>0</c:v>
                </c:pt>
                <c:pt idx="807">
                  <c:v>0</c:v>
                </c:pt>
                <c:pt idx="808">
                  <c:v>0</c:v>
                </c:pt>
                <c:pt idx="809">
                  <c:v>0</c:v>
                </c:pt>
                <c:pt idx="810">
                  <c:v>0</c:v>
                </c:pt>
                <c:pt idx="811">
                  <c:v>0</c:v>
                </c:pt>
                <c:pt idx="812">
                  <c:v>0</c:v>
                </c:pt>
                <c:pt idx="813">
                  <c:v>0</c:v>
                </c:pt>
                <c:pt idx="814">
                  <c:v>0</c:v>
                </c:pt>
                <c:pt idx="815">
                  <c:v>0</c:v>
                </c:pt>
                <c:pt idx="816">
                  <c:v>0</c:v>
                </c:pt>
                <c:pt idx="817">
                  <c:v>0</c:v>
                </c:pt>
                <c:pt idx="818">
                  <c:v>0</c:v>
                </c:pt>
                <c:pt idx="819">
                  <c:v>0</c:v>
                </c:pt>
                <c:pt idx="820">
                  <c:v>0</c:v>
                </c:pt>
                <c:pt idx="821">
                  <c:v>0</c:v>
                </c:pt>
                <c:pt idx="822">
                  <c:v>0</c:v>
                </c:pt>
                <c:pt idx="823">
                  <c:v>0</c:v>
                </c:pt>
                <c:pt idx="824">
                  <c:v>0</c:v>
                </c:pt>
                <c:pt idx="825">
                  <c:v>0</c:v>
                </c:pt>
                <c:pt idx="826">
                  <c:v>0</c:v>
                </c:pt>
                <c:pt idx="827">
                  <c:v>0</c:v>
                </c:pt>
                <c:pt idx="828">
                  <c:v>0</c:v>
                </c:pt>
                <c:pt idx="829">
                  <c:v>0</c:v>
                </c:pt>
                <c:pt idx="830">
                  <c:v>0</c:v>
                </c:pt>
                <c:pt idx="831">
                  <c:v>0</c:v>
                </c:pt>
                <c:pt idx="832">
                  <c:v>0</c:v>
                </c:pt>
                <c:pt idx="833">
                  <c:v>0</c:v>
                </c:pt>
                <c:pt idx="834">
                  <c:v>0</c:v>
                </c:pt>
                <c:pt idx="835">
                  <c:v>0</c:v>
                </c:pt>
                <c:pt idx="836">
                  <c:v>0</c:v>
                </c:pt>
                <c:pt idx="837">
                  <c:v>0</c:v>
                </c:pt>
                <c:pt idx="838">
                  <c:v>0</c:v>
                </c:pt>
                <c:pt idx="839">
                  <c:v>0</c:v>
                </c:pt>
                <c:pt idx="840">
                  <c:v>0</c:v>
                </c:pt>
                <c:pt idx="841">
                  <c:v>0</c:v>
                </c:pt>
                <c:pt idx="842">
                  <c:v>0</c:v>
                </c:pt>
                <c:pt idx="843">
                  <c:v>0</c:v>
                </c:pt>
                <c:pt idx="844">
                  <c:v>0</c:v>
                </c:pt>
                <c:pt idx="845">
                  <c:v>0</c:v>
                </c:pt>
                <c:pt idx="846">
                  <c:v>0</c:v>
                </c:pt>
                <c:pt idx="847">
                  <c:v>0</c:v>
                </c:pt>
                <c:pt idx="848">
                  <c:v>0</c:v>
                </c:pt>
                <c:pt idx="849">
                  <c:v>0</c:v>
                </c:pt>
                <c:pt idx="850">
                  <c:v>0</c:v>
                </c:pt>
                <c:pt idx="851">
                  <c:v>0</c:v>
                </c:pt>
                <c:pt idx="852">
                  <c:v>0</c:v>
                </c:pt>
                <c:pt idx="853">
                  <c:v>0</c:v>
                </c:pt>
                <c:pt idx="854">
                  <c:v>0</c:v>
                </c:pt>
                <c:pt idx="855">
                  <c:v>0</c:v>
                </c:pt>
                <c:pt idx="856">
                  <c:v>0</c:v>
                </c:pt>
                <c:pt idx="857">
                  <c:v>0</c:v>
                </c:pt>
                <c:pt idx="858">
                  <c:v>0</c:v>
                </c:pt>
                <c:pt idx="859">
                  <c:v>0</c:v>
                </c:pt>
                <c:pt idx="860">
                  <c:v>0</c:v>
                </c:pt>
                <c:pt idx="861">
                  <c:v>0</c:v>
                </c:pt>
                <c:pt idx="862">
                  <c:v>0</c:v>
                </c:pt>
                <c:pt idx="863">
                  <c:v>0</c:v>
                </c:pt>
                <c:pt idx="864">
                  <c:v>0</c:v>
                </c:pt>
                <c:pt idx="865">
                  <c:v>0</c:v>
                </c:pt>
                <c:pt idx="866">
                  <c:v>0</c:v>
                </c:pt>
                <c:pt idx="867">
                  <c:v>0</c:v>
                </c:pt>
                <c:pt idx="868">
                  <c:v>0</c:v>
                </c:pt>
                <c:pt idx="869">
                  <c:v>0</c:v>
                </c:pt>
                <c:pt idx="870">
                  <c:v>0</c:v>
                </c:pt>
                <c:pt idx="871">
                  <c:v>0</c:v>
                </c:pt>
                <c:pt idx="872">
                  <c:v>0</c:v>
                </c:pt>
                <c:pt idx="873">
                  <c:v>0</c:v>
                </c:pt>
                <c:pt idx="874">
                  <c:v>0</c:v>
                </c:pt>
                <c:pt idx="875">
                  <c:v>0</c:v>
                </c:pt>
                <c:pt idx="876">
                  <c:v>0</c:v>
                </c:pt>
                <c:pt idx="877">
                  <c:v>0</c:v>
                </c:pt>
                <c:pt idx="878">
                  <c:v>0</c:v>
                </c:pt>
                <c:pt idx="879">
                  <c:v>0</c:v>
                </c:pt>
                <c:pt idx="880">
                  <c:v>0</c:v>
                </c:pt>
                <c:pt idx="881">
                  <c:v>0</c:v>
                </c:pt>
                <c:pt idx="882">
                  <c:v>0</c:v>
                </c:pt>
                <c:pt idx="883">
                  <c:v>0</c:v>
                </c:pt>
                <c:pt idx="884">
                  <c:v>0</c:v>
                </c:pt>
                <c:pt idx="885">
                  <c:v>0</c:v>
                </c:pt>
                <c:pt idx="886">
                  <c:v>0</c:v>
                </c:pt>
                <c:pt idx="887">
                  <c:v>0</c:v>
                </c:pt>
                <c:pt idx="888">
                  <c:v>0</c:v>
                </c:pt>
                <c:pt idx="889">
                  <c:v>0</c:v>
                </c:pt>
                <c:pt idx="890">
                  <c:v>0</c:v>
                </c:pt>
                <c:pt idx="891">
                  <c:v>0</c:v>
                </c:pt>
                <c:pt idx="892">
                  <c:v>0</c:v>
                </c:pt>
                <c:pt idx="893">
                  <c:v>0</c:v>
                </c:pt>
                <c:pt idx="894">
                  <c:v>0</c:v>
                </c:pt>
                <c:pt idx="895">
                  <c:v>0</c:v>
                </c:pt>
                <c:pt idx="896">
                  <c:v>0</c:v>
                </c:pt>
                <c:pt idx="897">
                  <c:v>0</c:v>
                </c:pt>
                <c:pt idx="898">
                  <c:v>0</c:v>
                </c:pt>
                <c:pt idx="899">
                  <c:v>0</c:v>
                </c:pt>
                <c:pt idx="900">
                  <c:v>0</c:v>
                </c:pt>
                <c:pt idx="901">
                  <c:v>0</c:v>
                </c:pt>
                <c:pt idx="902">
                  <c:v>0</c:v>
                </c:pt>
                <c:pt idx="903">
                  <c:v>0</c:v>
                </c:pt>
                <c:pt idx="904">
                  <c:v>0</c:v>
                </c:pt>
                <c:pt idx="905">
                  <c:v>0</c:v>
                </c:pt>
                <c:pt idx="906">
                  <c:v>0</c:v>
                </c:pt>
                <c:pt idx="907">
                  <c:v>0</c:v>
                </c:pt>
                <c:pt idx="908">
                  <c:v>0</c:v>
                </c:pt>
                <c:pt idx="909">
                  <c:v>0</c:v>
                </c:pt>
                <c:pt idx="910">
                  <c:v>0</c:v>
                </c:pt>
                <c:pt idx="911">
                  <c:v>0</c:v>
                </c:pt>
                <c:pt idx="912">
                  <c:v>0</c:v>
                </c:pt>
                <c:pt idx="913">
                  <c:v>0</c:v>
                </c:pt>
                <c:pt idx="914">
                  <c:v>0</c:v>
                </c:pt>
                <c:pt idx="915">
                  <c:v>0</c:v>
                </c:pt>
                <c:pt idx="916">
                  <c:v>0</c:v>
                </c:pt>
                <c:pt idx="917">
                  <c:v>0</c:v>
                </c:pt>
                <c:pt idx="918">
                  <c:v>0</c:v>
                </c:pt>
                <c:pt idx="919">
                  <c:v>0</c:v>
                </c:pt>
                <c:pt idx="920">
                  <c:v>0</c:v>
                </c:pt>
                <c:pt idx="921">
                  <c:v>0</c:v>
                </c:pt>
                <c:pt idx="922">
                  <c:v>0</c:v>
                </c:pt>
                <c:pt idx="923">
                  <c:v>0</c:v>
                </c:pt>
                <c:pt idx="924">
                  <c:v>0</c:v>
                </c:pt>
                <c:pt idx="925">
                  <c:v>0</c:v>
                </c:pt>
                <c:pt idx="926">
                  <c:v>0</c:v>
                </c:pt>
                <c:pt idx="927">
                  <c:v>0</c:v>
                </c:pt>
                <c:pt idx="928">
                  <c:v>0</c:v>
                </c:pt>
                <c:pt idx="929">
                  <c:v>0</c:v>
                </c:pt>
                <c:pt idx="930">
                  <c:v>0</c:v>
                </c:pt>
                <c:pt idx="931">
                  <c:v>0</c:v>
                </c:pt>
                <c:pt idx="932">
                  <c:v>0</c:v>
                </c:pt>
                <c:pt idx="933">
                  <c:v>0</c:v>
                </c:pt>
                <c:pt idx="934">
                  <c:v>0</c:v>
                </c:pt>
                <c:pt idx="935">
                  <c:v>0</c:v>
                </c:pt>
                <c:pt idx="936">
                  <c:v>0</c:v>
                </c:pt>
                <c:pt idx="937">
                  <c:v>0</c:v>
                </c:pt>
                <c:pt idx="938">
                  <c:v>0</c:v>
                </c:pt>
                <c:pt idx="939">
                  <c:v>0</c:v>
                </c:pt>
                <c:pt idx="940">
                  <c:v>0</c:v>
                </c:pt>
                <c:pt idx="941">
                  <c:v>0</c:v>
                </c:pt>
                <c:pt idx="942">
                  <c:v>0</c:v>
                </c:pt>
                <c:pt idx="943">
                  <c:v>0</c:v>
                </c:pt>
                <c:pt idx="944">
                  <c:v>0</c:v>
                </c:pt>
                <c:pt idx="945">
                  <c:v>0</c:v>
                </c:pt>
                <c:pt idx="946">
                  <c:v>0</c:v>
                </c:pt>
                <c:pt idx="947">
                  <c:v>0</c:v>
                </c:pt>
                <c:pt idx="948">
                  <c:v>0</c:v>
                </c:pt>
                <c:pt idx="949">
                  <c:v>0</c:v>
                </c:pt>
                <c:pt idx="950">
                  <c:v>0</c:v>
                </c:pt>
                <c:pt idx="951">
                  <c:v>0</c:v>
                </c:pt>
                <c:pt idx="952">
                  <c:v>0</c:v>
                </c:pt>
                <c:pt idx="953">
                  <c:v>0</c:v>
                </c:pt>
                <c:pt idx="954">
                  <c:v>0</c:v>
                </c:pt>
                <c:pt idx="955">
                  <c:v>0</c:v>
                </c:pt>
                <c:pt idx="956">
                  <c:v>0</c:v>
                </c:pt>
                <c:pt idx="957">
                  <c:v>0</c:v>
                </c:pt>
                <c:pt idx="958">
                  <c:v>0</c:v>
                </c:pt>
                <c:pt idx="959">
                  <c:v>0</c:v>
                </c:pt>
                <c:pt idx="960">
                  <c:v>0</c:v>
                </c:pt>
                <c:pt idx="961">
                  <c:v>0</c:v>
                </c:pt>
                <c:pt idx="962">
                  <c:v>0</c:v>
                </c:pt>
                <c:pt idx="963">
                  <c:v>0</c:v>
                </c:pt>
                <c:pt idx="964">
                  <c:v>0</c:v>
                </c:pt>
                <c:pt idx="965">
                  <c:v>0</c:v>
                </c:pt>
                <c:pt idx="966">
                  <c:v>0</c:v>
                </c:pt>
                <c:pt idx="967">
                  <c:v>0</c:v>
                </c:pt>
                <c:pt idx="968">
                  <c:v>0</c:v>
                </c:pt>
                <c:pt idx="969">
                  <c:v>0</c:v>
                </c:pt>
                <c:pt idx="970">
                  <c:v>0</c:v>
                </c:pt>
                <c:pt idx="971">
                  <c:v>0</c:v>
                </c:pt>
                <c:pt idx="972">
                  <c:v>0</c:v>
                </c:pt>
                <c:pt idx="973">
                  <c:v>0</c:v>
                </c:pt>
                <c:pt idx="974">
                  <c:v>0</c:v>
                </c:pt>
                <c:pt idx="975">
                  <c:v>0</c:v>
                </c:pt>
                <c:pt idx="976">
                  <c:v>0</c:v>
                </c:pt>
                <c:pt idx="977">
                  <c:v>0</c:v>
                </c:pt>
                <c:pt idx="978">
                  <c:v>0</c:v>
                </c:pt>
                <c:pt idx="979">
                  <c:v>0</c:v>
                </c:pt>
                <c:pt idx="980">
                  <c:v>0</c:v>
                </c:pt>
                <c:pt idx="981">
                  <c:v>0</c:v>
                </c:pt>
                <c:pt idx="982">
                  <c:v>0</c:v>
                </c:pt>
                <c:pt idx="983">
                  <c:v>0</c:v>
                </c:pt>
                <c:pt idx="984">
                  <c:v>0</c:v>
                </c:pt>
                <c:pt idx="985">
                  <c:v>0</c:v>
                </c:pt>
                <c:pt idx="986">
                  <c:v>0</c:v>
                </c:pt>
                <c:pt idx="987">
                  <c:v>0</c:v>
                </c:pt>
                <c:pt idx="988">
                  <c:v>0</c:v>
                </c:pt>
                <c:pt idx="989">
                  <c:v>0</c:v>
                </c:pt>
                <c:pt idx="990">
                  <c:v>0</c:v>
                </c:pt>
                <c:pt idx="991">
                  <c:v>0</c:v>
                </c:pt>
                <c:pt idx="992">
                  <c:v>0</c:v>
                </c:pt>
                <c:pt idx="993">
                  <c:v>0</c:v>
                </c:pt>
                <c:pt idx="994">
                  <c:v>0</c:v>
                </c:pt>
                <c:pt idx="995">
                  <c:v>0</c:v>
                </c:pt>
                <c:pt idx="996">
                  <c:v>0</c:v>
                </c:pt>
                <c:pt idx="997">
                  <c:v>0</c:v>
                </c:pt>
                <c:pt idx="998">
                  <c:v>0</c:v>
                </c:pt>
                <c:pt idx="999">
                  <c:v>0</c:v>
                </c:pt>
                <c:pt idx="1000">
                  <c:v>0</c:v>
                </c:pt>
                <c:pt idx="1001">
                  <c:v>0</c:v>
                </c:pt>
                <c:pt idx="1002">
                  <c:v>0</c:v>
                </c:pt>
                <c:pt idx="1003">
                  <c:v>0</c:v>
                </c:pt>
                <c:pt idx="1004">
                  <c:v>0</c:v>
                </c:pt>
                <c:pt idx="1005">
                  <c:v>0</c:v>
                </c:pt>
                <c:pt idx="1006">
                  <c:v>1</c:v>
                </c:pt>
                <c:pt idx="1007">
                  <c:v>1</c:v>
                </c:pt>
                <c:pt idx="1008">
                  <c:v>1</c:v>
                </c:pt>
                <c:pt idx="1009">
                  <c:v>1</c:v>
                </c:pt>
                <c:pt idx="1010">
                  <c:v>1</c:v>
                </c:pt>
                <c:pt idx="1011">
                  <c:v>1</c:v>
                </c:pt>
                <c:pt idx="1012">
                  <c:v>1</c:v>
                </c:pt>
                <c:pt idx="1013">
                  <c:v>1</c:v>
                </c:pt>
                <c:pt idx="1014">
                  <c:v>1</c:v>
                </c:pt>
                <c:pt idx="1015">
                  <c:v>1</c:v>
                </c:pt>
                <c:pt idx="1016">
                  <c:v>1</c:v>
                </c:pt>
                <c:pt idx="1017">
                  <c:v>1</c:v>
                </c:pt>
                <c:pt idx="1018">
                  <c:v>1</c:v>
                </c:pt>
                <c:pt idx="1019">
                  <c:v>1</c:v>
                </c:pt>
                <c:pt idx="1020">
                  <c:v>1</c:v>
                </c:pt>
                <c:pt idx="1021">
                  <c:v>1</c:v>
                </c:pt>
                <c:pt idx="1022">
                  <c:v>1</c:v>
                </c:pt>
                <c:pt idx="1023">
                  <c:v>1</c:v>
                </c:pt>
                <c:pt idx="1024">
                  <c:v>1</c:v>
                </c:pt>
                <c:pt idx="1025">
                  <c:v>1</c:v>
                </c:pt>
                <c:pt idx="1026">
                  <c:v>1</c:v>
                </c:pt>
                <c:pt idx="1027">
                  <c:v>1</c:v>
                </c:pt>
                <c:pt idx="1028">
                  <c:v>1</c:v>
                </c:pt>
                <c:pt idx="1029">
                  <c:v>1</c:v>
                </c:pt>
                <c:pt idx="1030">
                  <c:v>1</c:v>
                </c:pt>
                <c:pt idx="1031">
                  <c:v>1</c:v>
                </c:pt>
                <c:pt idx="1032">
                  <c:v>1</c:v>
                </c:pt>
                <c:pt idx="1033">
                  <c:v>1</c:v>
                </c:pt>
                <c:pt idx="1034">
                  <c:v>1</c:v>
                </c:pt>
                <c:pt idx="1035">
                  <c:v>1</c:v>
                </c:pt>
                <c:pt idx="1036">
                  <c:v>1</c:v>
                </c:pt>
                <c:pt idx="1037">
                  <c:v>1</c:v>
                </c:pt>
                <c:pt idx="1038">
                  <c:v>1</c:v>
                </c:pt>
                <c:pt idx="1039">
                  <c:v>1</c:v>
                </c:pt>
                <c:pt idx="1040">
                  <c:v>1</c:v>
                </c:pt>
                <c:pt idx="1041">
                  <c:v>0</c:v>
                </c:pt>
                <c:pt idx="1042">
                  <c:v>0</c:v>
                </c:pt>
                <c:pt idx="1043">
                  <c:v>0</c:v>
                </c:pt>
                <c:pt idx="1044">
                  <c:v>0</c:v>
                </c:pt>
                <c:pt idx="1045">
                  <c:v>0</c:v>
                </c:pt>
                <c:pt idx="1046">
                  <c:v>0</c:v>
                </c:pt>
                <c:pt idx="1047">
                  <c:v>0</c:v>
                </c:pt>
                <c:pt idx="1048">
                  <c:v>0</c:v>
                </c:pt>
                <c:pt idx="1049">
                  <c:v>0</c:v>
                </c:pt>
                <c:pt idx="1050">
                  <c:v>0</c:v>
                </c:pt>
                <c:pt idx="1051">
                  <c:v>0</c:v>
                </c:pt>
                <c:pt idx="1052">
                  <c:v>0</c:v>
                </c:pt>
                <c:pt idx="1053">
                  <c:v>0</c:v>
                </c:pt>
                <c:pt idx="1054">
                  <c:v>0</c:v>
                </c:pt>
                <c:pt idx="1055">
                  <c:v>0</c:v>
                </c:pt>
                <c:pt idx="1056">
                  <c:v>0</c:v>
                </c:pt>
                <c:pt idx="1057">
                  <c:v>0</c:v>
                </c:pt>
                <c:pt idx="1058">
                  <c:v>0</c:v>
                </c:pt>
                <c:pt idx="1059">
                  <c:v>0</c:v>
                </c:pt>
                <c:pt idx="1060">
                  <c:v>0</c:v>
                </c:pt>
                <c:pt idx="1061">
                  <c:v>0</c:v>
                </c:pt>
                <c:pt idx="1062">
                  <c:v>0</c:v>
                </c:pt>
                <c:pt idx="1063">
                  <c:v>0</c:v>
                </c:pt>
                <c:pt idx="1064">
                  <c:v>0</c:v>
                </c:pt>
                <c:pt idx="1065">
                  <c:v>0</c:v>
                </c:pt>
                <c:pt idx="1066">
                  <c:v>0</c:v>
                </c:pt>
                <c:pt idx="1067">
                  <c:v>0</c:v>
                </c:pt>
                <c:pt idx="1068">
                  <c:v>0</c:v>
                </c:pt>
                <c:pt idx="1069">
                  <c:v>0</c:v>
                </c:pt>
                <c:pt idx="1070">
                  <c:v>0</c:v>
                </c:pt>
                <c:pt idx="1071">
                  <c:v>0</c:v>
                </c:pt>
                <c:pt idx="1072">
                  <c:v>0</c:v>
                </c:pt>
                <c:pt idx="1073">
                  <c:v>0</c:v>
                </c:pt>
                <c:pt idx="1074">
                  <c:v>0</c:v>
                </c:pt>
                <c:pt idx="1075">
                  <c:v>0</c:v>
                </c:pt>
                <c:pt idx="1076">
                  <c:v>0</c:v>
                </c:pt>
                <c:pt idx="1077">
                  <c:v>0</c:v>
                </c:pt>
                <c:pt idx="1078">
                  <c:v>0</c:v>
                </c:pt>
                <c:pt idx="1079">
                  <c:v>0</c:v>
                </c:pt>
                <c:pt idx="1080">
                  <c:v>0</c:v>
                </c:pt>
                <c:pt idx="1081">
                  <c:v>0</c:v>
                </c:pt>
                <c:pt idx="1082">
                  <c:v>0</c:v>
                </c:pt>
                <c:pt idx="1083">
                  <c:v>0</c:v>
                </c:pt>
                <c:pt idx="1084">
                  <c:v>0</c:v>
                </c:pt>
                <c:pt idx="1085">
                  <c:v>0</c:v>
                </c:pt>
                <c:pt idx="1086">
                  <c:v>0</c:v>
                </c:pt>
                <c:pt idx="1087">
                  <c:v>0</c:v>
                </c:pt>
                <c:pt idx="1088">
                  <c:v>0</c:v>
                </c:pt>
                <c:pt idx="1089">
                  <c:v>0</c:v>
                </c:pt>
                <c:pt idx="1090">
                  <c:v>0</c:v>
                </c:pt>
                <c:pt idx="1091">
                  <c:v>0</c:v>
                </c:pt>
                <c:pt idx="1092">
                  <c:v>0</c:v>
                </c:pt>
                <c:pt idx="1093">
                  <c:v>0</c:v>
                </c:pt>
                <c:pt idx="1094">
                  <c:v>0</c:v>
                </c:pt>
                <c:pt idx="1095">
                  <c:v>0</c:v>
                </c:pt>
                <c:pt idx="1096">
                  <c:v>0</c:v>
                </c:pt>
                <c:pt idx="1097">
                  <c:v>0</c:v>
                </c:pt>
                <c:pt idx="1098">
                  <c:v>0</c:v>
                </c:pt>
                <c:pt idx="1099">
                  <c:v>0</c:v>
                </c:pt>
                <c:pt idx="1100">
                  <c:v>0</c:v>
                </c:pt>
                <c:pt idx="1101">
                  <c:v>0</c:v>
                </c:pt>
                <c:pt idx="1102">
                  <c:v>0</c:v>
                </c:pt>
                <c:pt idx="1103">
                  <c:v>0</c:v>
                </c:pt>
                <c:pt idx="1104">
                  <c:v>0</c:v>
                </c:pt>
                <c:pt idx="1105">
                  <c:v>0</c:v>
                </c:pt>
                <c:pt idx="1106">
                  <c:v>0</c:v>
                </c:pt>
                <c:pt idx="1107">
                  <c:v>0</c:v>
                </c:pt>
                <c:pt idx="1108">
                  <c:v>0</c:v>
                </c:pt>
                <c:pt idx="1109">
                  <c:v>0</c:v>
                </c:pt>
                <c:pt idx="1110">
                  <c:v>0</c:v>
                </c:pt>
                <c:pt idx="1111">
                  <c:v>0</c:v>
                </c:pt>
                <c:pt idx="1112">
                  <c:v>0</c:v>
                </c:pt>
                <c:pt idx="1113">
                  <c:v>0</c:v>
                </c:pt>
                <c:pt idx="1114">
                  <c:v>0</c:v>
                </c:pt>
                <c:pt idx="1115">
                  <c:v>0</c:v>
                </c:pt>
                <c:pt idx="1116">
                  <c:v>0</c:v>
                </c:pt>
                <c:pt idx="1117">
                  <c:v>0</c:v>
                </c:pt>
                <c:pt idx="1118">
                  <c:v>0</c:v>
                </c:pt>
                <c:pt idx="1119">
                  <c:v>0</c:v>
                </c:pt>
                <c:pt idx="1120">
                  <c:v>0</c:v>
                </c:pt>
                <c:pt idx="1121">
                  <c:v>0</c:v>
                </c:pt>
                <c:pt idx="1122">
                  <c:v>0</c:v>
                </c:pt>
                <c:pt idx="1123">
                  <c:v>0</c:v>
                </c:pt>
                <c:pt idx="1124">
                  <c:v>0</c:v>
                </c:pt>
                <c:pt idx="1125">
                  <c:v>0</c:v>
                </c:pt>
                <c:pt idx="1126">
                  <c:v>0</c:v>
                </c:pt>
                <c:pt idx="1127">
                  <c:v>0</c:v>
                </c:pt>
                <c:pt idx="1128">
                  <c:v>0</c:v>
                </c:pt>
                <c:pt idx="1129">
                  <c:v>0</c:v>
                </c:pt>
                <c:pt idx="1130">
                  <c:v>0</c:v>
                </c:pt>
                <c:pt idx="1131">
                  <c:v>0</c:v>
                </c:pt>
                <c:pt idx="1132">
                  <c:v>0</c:v>
                </c:pt>
                <c:pt idx="1133">
                  <c:v>0</c:v>
                </c:pt>
                <c:pt idx="1134">
                  <c:v>0</c:v>
                </c:pt>
                <c:pt idx="1135">
                  <c:v>0</c:v>
                </c:pt>
                <c:pt idx="1136">
                  <c:v>0</c:v>
                </c:pt>
                <c:pt idx="1137">
                  <c:v>0</c:v>
                </c:pt>
                <c:pt idx="1138">
                  <c:v>0</c:v>
                </c:pt>
                <c:pt idx="1139">
                  <c:v>0</c:v>
                </c:pt>
                <c:pt idx="1140">
                  <c:v>0</c:v>
                </c:pt>
                <c:pt idx="1141">
                  <c:v>0</c:v>
                </c:pt>
                <c:pt idx="1142">
                  <c:v>0</c:v>
                </c:pt>
                <c:pt idx="1143">
                  <c:v>0</c:v>
                </c:pt>
                <c:pt idx="1144">
                  <c:v>0</c:v>
                </c:pt>
                <c:pt idx="1145">
                  <c:v>0</c:v>
                </c:pt>
                <c:pt idx="1146">
                  <c:v>0</c:v>
                </c:pt>
                <c:pt idx="1147">
                  <c:v>0</c:v>
                </c:pt>
                <c:pt idx="1148">
                  <c:v>0</c:v>
                </c:pt>
                <c:pt idx="1149">
                  <c:v>0</c:v>
                </c:pt>
                <c:pt idx="1150">
                  <c:v>0</c:v>
                </c:pt>
                <c:pt idx="1151">
                  <c:v>0</c:v>
                </c:pt>
                <c:pt idx="1152">
                  <c:v>0</c:v>
                </c:pt>
                <c:pt idx="1153">
                  <c:v>0</c:v>
                </c:pt>
                <c:pt idx="1154">
                  <c:v>0</c:v>
                </c:pt>
                <c:pt idx="1155">
                  <c:v>0</c:v>
                </c:pt>
                <c:pt idx="1156">
                  <c:v>0</c:v>
                </c:pt>
                <c:pt idx="1157">
                  <c:v>0</c:v>
                </c:pt>
                <c:pt idx="1158">
                  <c:v>0</c:v>
                </c:pt>
                <c:pt idx="1159">
                  <c:v>0</c:v>
                </c:pt>
                <c:pt idx="1160">
                  <c:v>0</c:v>
                </c:pt>
                <c:pt idx="1161">
                  <c:v>0</c:v>
                </c:pt>
                <c:pt idx="1162">
                  <c:v>0</c:v>
                </c:pt>
                <c:pt idx="1163">
                  <c:v>0</c:v>
                </c:pt>
                <c:pt idx="1164">
                  <c:v>0</c:v>
                </c:pt>
                <c:pt idx="1165">
                  <c:v>0</c:v>
                </c:pt>
                <c:pt idx="1166">
                  <c:v>0</c:v>
                </c:pt>
                <c:pt idx="1167">
                  <c:v>0</c:v>
                </c:pt>
                <c:pt idx="1168">
                  <c:v>0</c:v>
                </c:pt>
                <c:pt idx="1169">
                  <c:v>0</c:v>
                </c:pt>
                <c:pt idx="1170">
                  <c:v>0</c:v>
                </c:pt>
                <c:pt idx="1171">
                  <c:v>0</c:v>
                </c:pt>
                <c:pt idx="1172">
                  <c:v>0</c:v>
                </c:pt>
                <c:pt idx="1173">
                  <c:v>0</c:v>
                </c:pt>
                <c:pt idx="1174">
                  <c:v>0</c:v>
                </c:pt>
                <c:pt idx="1175">
                  <c:v>0</c:v>
                </c:pt>
                <c:pt idx="1176">
                  <c:v>0</c:v>
                </c:pt>
                <c:pt idx="1177">
                  <c:v>0</c:v>
                </c:pt>
                <c:pt idx="1178">
                  <c:v>0</c:v>
                </c:pt>
                <c:pt idx="1179">
                  <c:v>0</c:v>
                </c:pt>
                <c:pt idx="1180">
                  <c:v>0</c:v>
                </c:pt>
                <c:pt idx="1181">
                  <c:v>0</c:v>
                </c:pt>
                <c:pt idx="1182">
                  <c:v>0</c:v>
                </c:pt>
                <c:pt idx="1183">
                  <c:v>0</c:v>
                </c:pt>
                <c:pt idx="1184">
                  <c:v>0</c:v>
                </c:pt>
                <c:pt idx="1185">
                  <c:v>0</c:v>
                </c:pt>
                <c:pt idx="1186">
                  <c:v>0</c:v>
                </c:pt>
                <c:pt idx="1187">
                  <c:v>0</c:v>
                </c:pt>
                <c:pt idx="1188">
                  <c:v>0</c:v>
                </c:pt>
                <c:pt idx="1189">
                  <c:v>0</c:v>
                </c:pt>
                <c:pt idx="1190">
                  <c:v>0</c:v>
                </c:pt>
                <c:pt idx="1191">
                  <c:v>0</c:v>
                </c:pt>
                <c:pt idx="1192">
                  <c:v>0</c:v>
                </c:pt>
                <c:pt idx="1193">
                  <c:v>0</c:v>
                </c:pt>
                <c:pt idx="1194">
                  <c:v>0</c:v>
                </c:pt>
                <c:pt idx="1195">
                  <c:v>0</c:v>
                </c:pt>
                <c:pt idx="1196">
                  <c:v>0</c:v>
                </c:pt>
                <c:pt idx="1197">
                  <c:v>0</c:v>
                </c:pt>
                <c:pt idx="1198">
                  <c:v>0</c:v>
                </c:pt>
                <c:pt idx="1199">
                  <c:v>0</c:v>
                </c:pt>
                <c:pt idx="1200">
                  <c:v>0</c:v>
                </c:pt>
                <c:pt idx="1201">
                  <c:v>0</c:v>
                </c:pt>
                <c:pt idx="1202">
                  <c:v>0</c:v>
                </c:pt>
                <c:pt idx="1203">
                  <c:v>0</c:v>
                </c:pt>
                <c:pt idx="1204">
                  <c:v>0</c:v>
                </c:pt>
                <c:pt idx="1205">
                  <c:v>0</c:v>
                </c:pt>
                <c:pt idx="1206">
                  <c:v>0</c:v>
                </c:pt>
                <c:pt idx="1207">
                  <c:v>0</c:v>
                </c:pt>
                <c:pt idx="1208">
                  <c:v>0</c:v>
                </c:pt>
                <c:pt idx="1209">
                  <c:v>0</c:v>
                </c:pt>
                <c:pt idx="1210">
                  <c:v>0</c:v>
                </c:pt>
                <c:pt idx="1211">
                  <c:v>0</c:v>
                </c:pt>
                <c:pt idx="1212">
                  <c:v>0</c:v>
                </c:pt>
                <c:pt idx="1213">
                  <c:v>0</c:v>
                </c:pt>
                <c:pt idx="1214">
                  <c:v>0</c:v>
                </c:pt>
                <c:pt idx="1215">
                  <c:v>0</c:v>
                </c:pt>
                <c:pt idx="1216">
                  <c:v>0</c:v>
                </c:pt>
                <c:pt idx="1217">
                  <c:v>0</c:v>
                </c:pt>
                <c:pt idx="1218">
                  <c:v>0</c:v>
                </c:pt>
                <c:pt idx="1219">
                  <c:v>0</c:v>
                </c:pt>
                <c:pt idx="1220">
                  <c:v>0</c:v>
                </c:pt>
                <c:pt idx="1221">
                  <c:v>0</c:v>
                </c:pt>
                <c:pt idx="1222">
                  <c:v>0</c:v>
                </c:pt>
                <c:pt idx="1223">
                  <c:v>0</c:v>
                </c:pt>
                <c:pt idx="1224">
                  <c:v>0</c:v>
                </c:pt>
                <c:pt idx="1225">
                  <c:v>0</c:v>
                </c:pt>
                <c:pt idx="1226">
                  <c:v>0</c:v>
                </c:pt>
                <c:pt idx="1227">
                  <c:v>0</c:v>
                </c:pt>
                <c:pt idx="1228">
                  <c:v>0</c:v>
                </c:pt>
                <c:pt idx="1229">
                  <c:v>0</c:v>
                </c:pt>
                <c:pt idx="1230">
                  <c:v>0</c:v>
                </c:pt>
                <c:pt idx="1231">
                  <c:v>0</c:v>
                </c:pt>
                <c:pt idx="1232">
                  <c:v>0</c:v>
                </c:pt>
                <c:pt idx="1233">
                  <c:v>0</c:v>
                </c:pt>
                <c:pt idx="1234">
                  <c:v>0</c:v>
                </c:pt>
                <c:pt idx="1235">
                  <c:v>0</c:v>
                </c:pt>
                <c:pt idx="1236">
                  <c:v>0</c:v>
                </c:pt>
                <c:pt idx="1237">
                  <c:v>0</c:v>
                </c:pt>
                <c:pt idx="1238">
                  <c:v>0</c:v>
                </c:pt>
                <c:pt idx="1239">
                  <c:v>0</c:v>
                </c:pt>
                <c:pt idx="1240">
                  <c:v>0</c:v>
                </c:pt>
                <c:pt idx="1241">
                  <c:v>0</c:v>
                </c:pt>
                <c:pt idx="1242">
                  <c:v>0</c:v>
                </c:pt>
                <c:pt idx="1243">
                  <c:v>0</c:v>
                </c:pt>
                <c:pt idx="1244">
                  <c:v>0</c:v>
                </c:pt>
                <c:pt idx="1245">
                  <c:v>0</c:v>
                </c:pt>
                <c:pt idx="1246">
                  <c:v>0</c:v>
                </c:pt>
                <c:pt idx="1247">
                  <c:v>0</c:v>
                </c:pt>
                <c:pt idx="1248">
                  <c:v>0</c:v>
                </c:pt>
                <c:pt idx="1249">
                  <c:v>0</c:v>
                </c:pt>
                <c:pt idx="1250">
                  <c:v>0</c:v>
                </c:pt>
                <c:pt idx="1251">
                  <c:v>0</c:v>
                </c:pt>
                <c:pt idx="1252">
                  <c:v>0</c:v>
                </c:pt>
                <c:pt idx="1253">
                  <c:v>0</c:v>
                </c:pt>
                <c:pt idx="1254">
                  <c:v>0</c:v>
                </c:pt>
                <c:pt idx="1255">
                  <c:v>0</c:v>
                </c:pt>
                <c:pt idx="1256">
                  <c:v>0</c:v>
                </c:pt>
                <c:pt idx="1257">
                  <c:v>0</c:v>
                </c:pt>
                <c:pt idx="1258">
                  <c:v>0</c:v>
                </c:pt>
                <c:pt idx="1259">
                  <c:v>0</c:v>
                </c:pt>
                <c:pt idx="1260">
                  <c:v>0</c:v>
                </c:pt>
                <c:pt idx="1261">
                  <c:v>0</c:v>
                </c:pt>
                <c:pt idx="1262">
                  <c:v>0</c:v>
                </c:pt>
                <c:pt idx="1263">
                  <c:v>0</c:v>
                </c:pt>
                <c:pt idx="1264">
                  <c:v>0</c:v>
                </c:pt>
                <c:pt idx="1265">
                  <c:v>0</c:v>
                </c:pt>
                <c:pt idx="1266">
                  <c:v>0</c:v>
                </c:pt>
                <c:pt idx="1267">
                  <c:v>0</c:v>
                </c:pt>
                <c:pt idx="1268">
                  <c:v>0</c:v>
                </c:pt>
                <c:pt idx="1269">
                  <c:v>0</c:v>
                </c:pt>
                <c:pt idx="1270">
                  <c:v>0</c:v>
                </c:pt>
                <c:pt idx="1271">
                  <c:v>0</c:v>
                </c:pt>
                <c:pt idx="1272">
                  <c:v>0</c:v>
                </c:pt>
                <c:pt idx="1273">
                  <c:v>0</c:v>
                </c:pt>
                <c:pt idx="1274">
                  <c:v>0</c:v>
                </c:pt>
                <c:pt idx="1275">
                  <c:v>0</c:v>
                </c:pt>
                <c:pt idx="1276">
                  <c:v>0</c:v>
                </c:pt>
                <c:pt idx="1277">
                  <c:v>0</c:v>
                </c:pt>
                <c:pt idx="1278">
                  <c:v>0</c:v>
                </c:pt>
                <c:pt idx="1279">
                  <c:v>0</c:v>
                </c:pt>
                <c:pt idx="1280">
                  <c:v>0</c:v>
                </c:pt>
                <c:pt idx="1281">
                  <c:v>0</c:v>
                </c:pt>
                <c:pt idx="1282">
                  <c:v>0</c:v>
                </c:pt>
                <c:pt idx="1283">
                  <c:v>0</c:v>
                </c:pt>
                <c:pt idx="1284">
                  <c:v>0</c:v>
                </c:pt>
                <c:pt idx="1285">
                  <c:v>0</c:v>
                </c:pt>
                <c:pt idx="1286">
                  <c:v>0</c:v>
                </c:pt>
                <c:pt idx="1287">
                  <c:v>0</c:v>
                </c:pt>
                <c:pt idx="1288">
                  <c:v>0</c:v>
                </c:pt>
                <c:pt idx="1289">
                  <c:v>0</c:v>
                </c:pt>
                <c:pt idx="1290">
                  <c:v>0</c:v>
                </c:pt>
                <c:pt idx="1291">
                  <c:v>0</c:v>
                </c:pt>
                <c:pt idx="1292">
                  <c:v>0</c:v>
                </c:pt>
                <c:pt idx="1293">
                  <c:v>0</c:v>
                </c:pt>
                <c:pt idx="1294">
                  <c:v>0</c:v>
                </c:pt>
                <c:pt idx="1295">
                  <c:v>0</c:v>
                </c:pt>
                <c:pt idx="1296">
                  <c:v>0</c:v>
                </c:pt>
                <c:pt idx="1297">
                  <c:v>0</c:v>
                </c:pt>
                <c:pt idx="1298">
                  <c:v>0</c:v>
                </c:pt>
                <c:pt idx="1299">
                  <c:v>0</c:v>
                </c:pt>
                <c:pt idx="1300">
                  <c:v>0</c:v>
                </c:pt>
                <c:pt idx="1301">
                  <c:v>0</c:v>
                </c:pt>
                <c:pt idx="1302">
                  <c:v>0</c:v>
                </c:pt>
                <c:pt idx="1303">
                  <c:v>0</c:v>
                </c:pt>
                <c:pt idx="1304">
                  <c:v>0</c:v>
                </c:pt>
                <c:pt idx="1305">
                  <c:v>0</c:v>
                </c:pt>
                <c:pt idx="1306">
                  <c:v>0</c:v>
                </c:pt>
                <c:pt idx="1307">
                  <c:v>0</c:v>
                </c:pt>
                <c:pt idx="1308">
                  <c:v>0</c:v>
                </c:pt>
                <c:pt idx="1309">
                  <c:v>0</c:v>
                </c:pt>
                <c:pt idx="1310">
                  <c:v>0</c:v>
                </c:pt>
                <c:pt idx="1311">
                  <c:v>0</c:v>
                </c:pt>
                <c:pt idx="1312">
                  <c:v>0</c:v>
                </c:pt>
                <c:pt idx="1313">
                  <c:v>0</c:v>
                </c:pt>
                <c:pt idx="1314">
                  <c:v>0</c:v>
                </c:pt>
                <c:pt idx="1315">
                  <c:v>0</c:v>
                </c:pt>
                <c:pt idx="1316">
                  <c:v>0</c:v>
                </c:pt>
                <c:pt idx="1317">
                  <c:v>0</c:v>
                </c:pt>
                <c:pt idx="1318">
                  <c:v>0</c:v>
                </c:pt>
                <c:pt idx="1319">
                  <c:v>0</c:v>
                </c:pt>
                <c:pt idx="1320">
                  <c:v>0</c:v>
                </c:pt>
                <c:pt idx="1321">
                  <c:v>0</c:v>
                </c:pt>
                <c:pt idx="1322">
                  <c:v>0</c:v>
                </c:pt>
                <c:pt idx="1323">
                  <c:v>0</c:v>
                </c:pt>
                <c:pt idx="1324">
                  <c:v>0</c:v>
                </c:pt>
                <c:pt idx="1325">
                  <c:v>0</c:v>
                </c:pt>
                <c:pt idx="1326">
                  <c:v>0</c:v>
                </c:pt>
                <c:pt idx="1327">
                  <c:v>0</c:v>
                </c:pt>
                <c:pt idx="1328">
                  <c:v>0</c:v>
                </c:pt>
                <c:pt idx="1329">
                  <c:v>0</c:v>
                </c:pt>
                <c:pt idx="1330">
                  <c:v>0</c:v>
                </c:pt>
                <c:pt idx="1331">
                  <c:v>0</c:v>
                </c:pt>
                <c:pt idx="1332">
                  <c:v>0</c:v>
                </c:pt>
                <c:pt idx="1333">
                  <c:v>0</c:v>
                </c:pt>
                <c:pt idx="1334">
                  <c:v>0</c:v>
                </c:pt>
                <c:pt idx="1335">
                  <c:v>0</c:v>
                </c:pt>
                <c:pt idx="1336">
                  <c:v>0</c:v>
                </c:pt>
                <c:pt idx="1337">
                  <c:v>0</c:v>
                </c:pt>
                <c:pt idx="1338">
                  <c:v>0</c:v>
                </c:pt>
                <c:pt idx="1339">
                  <c:v>0</c:v>
                </c:pt>
                <c:pt idx="1340">
                  <c:v>0</c:v>
                </c:pt>
                <c:pt idx="1341">
                  <c:v>0</c:v>
                </c:pt>
                <c:pt idx="1342">
                  <c:v>0</c:v>
                </c:pt>
                <c:pt idx="1343">
                  <c:v>0</c:v>
                </c:pt>
                <c:pt idx="1344">
                  <c:v>0</c:v>
                </c:pt>
                <c:pt idx="1345">
                  <c:v>0</c:v>
                </c:pt>
                <c:pt idx="1346">
                  <c:v>0</c:v>
                </c:pt>
                <c:pt idx="1347">
                  <c:v>0</c:v>
                </c:pt>
                <c:pt idx="1348">
                  <c:v>0</c:v>
                </c:pt>
                <c:pt idx="1349">
                  <c:v>0</c:v>
                </c:pt>
                <c:pt idx="1350">
                  <c:v>0</c:v>
                </c:pt>
                <c:pt idx="1351">
                  <c:v>0</c:v>
                </c:pt>
                <c:pt idx="1352">
                  <c:v>0</c:v>
                </c:pt>
                <c:pt idx="1353">
                  <c:v>0</c:v>
                </c:pt>
                <c:pt idx="1354">
                  <c:v>0</c:v>
                </c:pt>
                <c:pt idx="1355">
                  <c:v>0</c:v>
                </c:pt>
                <c:pt idx="1356">
                  <c:v>0</c:v>
                </c:pt>
                <c:pt idx="1357">
                  <c:v>0</c:v>
                </c:pt>
                <c:pt idx="1358">
                  <c:v>0</c:v>
                </c:pt>
                <c:pt idx="1359">
                  <c:v>0</c:v>
                </c:pt>
                <c:pt idx="1360">
                  <c:v>0</c:v>
                </c:pt>
                <c:pt idx="1361">
                  <c:v>0</c:v>
                </c:pt>
                <c:pt idx="1362">
                  <c:v>0</c:v>
                </c:pt>
                <c:pt idx="1363">
                  <c:v>0</c:v>
                </c:pt>
                <c:pt idx="1364">
                  <c:v>0</c:v>
                </c:pt>
                <c:pt idx="1365">
                  <c:v>0</c:v>
                </c:pt>
                <c:pt idx="1366">
                  <c:v>0</c:v>
                </c:pt>
                <c:pt idx="1367">
                  <c:v>0</c:v>
                </c:pt>
                <c:pt idx="1368">
                  <c:v>0</c:v>
                </c:pt>
                <c:pt idx="1369">
                  <c:v>0</c:v>
                </c:pt>
                <c:pt idx="1370">
                  <c:v>0</c:v>
                </c:pt>
                <c:pt idx="1371">
                  <c:v>0</c:v>
                </c:pt>
                <c:pt idx="1372">
                  <c:v>0</c:v>
                </c:pt>
                <c:pt idx="1373">
                  <c:v>0</c:v>
                </c:pt>
                <c:pt idx="1374">
                  <c:v>0</c:v>
                </c:pt>
                <c:pt idx="1375">
                  <c:v>0</c:v>
                </c:pt>
                <c:pt idx="1376">
                  <c:v>0</c:v>
                </c:pt>
                <c:pt idx="1377">
                  <c:v>0</c:v>
                </c:pt>
                <c:pt idx="1378">
                  <c:v>0</c:v>
                </c:pt>
                <c:pt idx="1379">
                  <c:v>0</c:v>
                </c:pt>
                <c:pt idx="1380">
                  <c:v>0</c:v>
                </c:pt>
                <c:pt idx="1381">
                  <c:v>0</c:v>
                </c:pt>
                <c:pt idx="1382">
                  <c:v>0</c:v>
                </c:pt>
                <c:pt idx="1383">
                  <c:v>0</c:v>
                </c:pt>
                <c:pt idx="1384">
                  <c:v>0</c:v>
                </c:pt>
                <c:pt idx="1385">
                  <c:v>0</c:v>
                </c:pt>
                <c:pt idx="1386">
                  <c:v>0</c:v>
                </c:pt>
                <c:pt idx="1387">
                  <c:v>0</c:v>
                </c:pt>
                <c:pt idx="1388">
                  <c:v>0</c:v>
                </c:pt>
                <c:pt idx="1389">
                  <c:v>0</c:v>
                </c:pt>
                <c:pt idx="1390">
                  <c:v>0</c:v>
                </c:pt>
                <c:pt idx="1391">
                  <c:v>0</c:v>
                </c:pt>
                <c:pt idx="1392">
                  <c:v>0</c:v>
                </c:pt>
                <c:pt idx="1393">
                  <c:v>0</c:v>
                </c:pt>
                <c:pt idx="1394">
                  <c:v>0</c:v>
                </c:pt>
                <c:pt idx="1395">
                  <c:v>0</c:v>
                </c:pt>
                <c:pt idx="1396">
                  <c:v>0</c:v>
                </c:pt>
                <c:pt idx="1397">
                  <c:v>0</c:v>
                </c:pt>
                <c:pt idx="1398">
                  <c:v>0</c:v>
                </c:pt>
                <c:pt idx="1399">
                  <c:v>0</c:v>
                </c:pt>
                <c:pt idx="1400">
                  <c:v>0</c:v>
                </c:pt>
                <c:pt idx="1401">
                  <c:v>0</c:v>
                </c:pt>
                <c:pt idx="1402">
                  <c:v>0</c:v>
                </c:pt>
                <c:pt idx="1403">
                  <c:v>0</c:v>
                </c:pt>
                <c:pt idx="1404">
                  <c:v>0</c:v>
                </c:pt>
                <c:pt idx="1405">
                  <c:v>0</c:v>
                </c:pt>
                <c:pt idx="1406">
                  <c:v>0</c:v>
                </c:pt>
                <c:pt idx="1407">
                  <c:v>0</c:v>
                </c:pt>
                <c:pt idx="1408">
                  <c:v>0</c:v>
                </c:pt>
                <c:pt idx="1409">
                  <c:v>0</c:v>
                </c:pt>
                <c:pt idx="1410">
                  <c:v>0</c:v>
                </c:pt>
                <c:pt idx="1411">
                  <c:v>0</c:v>
                </c:pt>
                <c:pt idx="1412">
                  <c:v>0</c:v>
                </c:pt>
                <c:pt idx="1413">
                  <c:v>0</c:v>
                </c:pt>
                <c:pt idx="1414">
                  <c:v>0</c:v>
                </c:pt>
                <c:pt idx="1415">
                  <c:v>0</c:v>
                </c:pt>
                <c:pt idx="1416">
                  <c:v>0</c:v>
                </c:pt>
                <c:pt idx="1417">
                  <c:v>0</c:v>
                </c:pt>
                <c:pt idx="1418">
                  <c:v>0</c:v>
                </c:pt>
                <c:pt idx="1419">
                  <c:v>0</c:v>
                </c:pt>
                <c:pt idx="1420">
                  <c:v>0</c:v>
                </c:pt>
                <c:pt idx="1421">
                  <c:v>0</c:v>
                </c:pt>
                <c:pt idx="1422">
                  <c:v>0</c:v>
                </c:pt>
                <c:pt idx="1423">
                  <c:v>0</c:v>
                </c:pt>
                <c:pt idx="1424">
                  <c:v>0</c:v>
                </c:pt>
                <c:pt idx="1425">
                  <c:v>0</c:v>
                </c:pt>
                <c:pt idx="1426">
                  <c:v>0</c:v>
                </c:pt>
                <c:pt idx="1427">
                  <c:v>0</c:v>
                </c:pt>
                <c:pt idx="1428">
                  <c:v>0</c:v>
                </c:pt>
                <c:pt idx="1429">
                  <c:v>0</c:v>
                </c:pt>
                <c:pt idx="1430">
                  <c:v>0</c:v>
                </c:pt>
                <c:pt idx="1431">
                  <c:v>0</c:v>
                </c:pt>
                <c:pt idx="1432">
                  <c:v>0</c:v>
                </c:pt>
                <c:pt idx="1433">
                  <c:v>0</c:v>
                </c:pt>
                <c:pt idx="1434">
                  <c:v>0</c:v>
                </c:pt>
                <c:pt idx="1435">
                  <c:v>0</c:v>
                </c:pt>
                <c:pt idx="1436">
                  <c:v>0</c:v>
                </c:pt>
                <c:pt idx="1437">
                  <c:v>0</c:v>
                </c:pt>
                <c:pt idx="1438">
                  <c:v>0</c:v>
                </c:pt>
                <c:pt idx="1439">
                  <c:v>0</c:v>
                </c:pt>
                <c:pt idx="1440">
                  <c:v>0</c:v>
                </c:pt>
                <c:pt idx="1441">
                  <c:v>0</c:v>
                </c:pt>
                <c:pt idx="1442">
                  <c:v>0</c:v>
                </c:pt>
                <c:pt idx="1443">
                  <c:v>0</c:v>
                </c:pt>
                <c:pt idx="1444">
                  <c:v>0</c:v>
                </c:pt>
                <c:pt idx="1445">
                  <c:v>0</c:v>
                </c:pt>
                <c:pt idx="1446">
                  <c:v>0</c:v>
                </c:pt>
                <c:pt idx="1447">
                  <c:v>0</c:v>
                </c:pt>
                <c:pt idx="1448">
                  <c:v>0</c:v>
                </c:pt>
                <c:pt idx="1449">
                  <c:v>0</c:v>
                </c:pt>
                <c:pt idx="1450">
                  <c:v>0</c:v>
                </c:pt>
                <c:pt idx="1451">
                  <c:v>0</c:v>
                </c:pt>
                <c:pt idx="1452">
                  <c:v>0</c:v>
                </c:pt>
                <c:pt idx="1453">
                  <c:v>0</c:v>
                </c:pt>
                <c:pt idx="1454">
                  <c:v>0</c:v>
                </c:pt>
                <c:pt idx="1455">
                  <c:v>0</c:v>
                </c:pt>
                <c:pt idx="1456">
                  <c:v>0</c:v>
                </c:pt>
                <c:pt idx="1457">
                  <c:v>0</c:v>
                </c:pt>
                <c:pt idx="1458">
                  <c:v>0</c:v>
                </c:pt>
                <c:pt idx="1459">
                  <c:v>0</c:v>
                </c:pt>
                <c:pt idx="1460">
                  <c:v>0</c:v>
                </c:pt>
                <c:pt idx="1461">
                  <c:v>0</c:v>
                </c:pt>
                <c:pt idx="1462">
                  <c:v>0</c:v>
                </c:pt>
                <c:pt idx="1463">
                  <c:v>0</c:v>
                </c:pt>
                <c:pt idx="1464">
                  <c:v>0</c:v>
                </c:pt>
                <c:pt idx="1465">
                  <c:v>0</c:v>
                </c:pt>
                <c:pt idx="1466">
                  <c:v>0</c:v>
                </c:pt>
                <c:pt idx="1467">
                  <c:v>0</c:v>
                </c:pt>
                <c:pt idx="1468">
                  <c:v>0</c:v>
                </c:pt>
                <c:pt idx="1469">
                  <c:v>0</c:v>
                </c:pt>
                <c:pt idx="1470">
                  <c:v>0</c:v>
                </c:pt>
                <c:pt idx="1471">
                  <c:v>0</c:v>
                </c:pt>
                <c:pt idx="1472">
                  <c:v>0</c:v>
                </c:pt>
                <c:pt idx="1473">
                  <c:v>0</c:v>
                </c:pt>
                <c:pt idx="1474">
                  <c:v>0</c:v>
                </c:pt>
                <c:pt idx="1475">
                  <c:v>0</c:v>
                </c:pt>
                <c:pt idx="1476">
                  <c:v>0</c:v>
                </c:pt>
                <c:pt idx="1477">
                  <c:v>0</c:v>
                </c:pt>
                <c:pt idx="1478">
                  <c:v>0</c:v>
                </c:pt>
                <c:pt idx="1479">
                  <c:v>0</c:v>
                </c:pt>
                <c:pt idx="1480">
                  <c:v>0</c:v>
                </c:pt>
                <c:pt idx="1481">
                  <c:v>0</c:v>
                </c:pt>
                <c:pt idx="1482">
                  <c:v>0</c:v>
                </c:pt>
                <c:pt idx="1483">
                  <c:v>0</c:v>
                </c:pt>
                <c:pt idx="1484">
                  <c:v>0</c:v>
                </c:pt>
                <c:pt idx="1485">
                  <c:v>0</c:v>
                </c:pt>
                <c:pt idx="1486">
                  <c:v>0</c:v>
                </c:pt>
                <c:pt idx="1487">
                  <c:v>0</c:v>
                </c:pt>
                <c:pt idx="1488">
                  <c:v>0</c:v>
                </c:pt>
                <c:pt idx="1489">
                  <c:v>0</c:v>
                </c:pt>
                <c:pt idx="1490">
                  <c:v>0</c:v>
                </c:pt>
                <c:pt idx="1491">
                  <c:v>0</c:v>
                </c:pt>
                <c:pt idx="1492">
                  <c:v>0</c:v>
                </c:pt>
                <c:pt idx="1493">
                  <c:v>0</c:v>
                </c:pt>
                <c:pt idx="1494">
                  <c:v>0</c:v>
                </c:pt>
                <c:pt idx="1495">
                  <c:v>0</c:v>
                </c:pt>
                <c:pt idx="1496">
                  <c:v>0</c:v>
                </c:pt>
                <c:pt idx="1497">
                  <c:v>0</c:v>
                </c:pt>
                <c:pt idx="1498">
                  <c:v>0</c:v>
                </c:pt>
                <c:pt idx="1499">
                  <c:v>0</c:v>
                </c:pt>
                <c:pt idx="1500">
                  <c:v>0</c:v>
                </c:pt>
                <c:pt idx="1501">
                  <c:v>0</c:v>
                </c:pt>
                <c:pt idx="1502">
                  <c:v>0</c:v>
                </c:pt>
                <c:pt idx="1503">
                  <c:v>0</c:v>
                </c:pt>
                <c:pt idx="1504">
                  <c:v>0</c:v>
                </c:pt>
                <c:pt idx="1505">
                  <c:v>0</c:v>
                </c:pt>
                <c:pt idx="1506">
                  <c:v>0</c:v>
                </c:pt>
                <c:pt idx="1507">
                  <c:v>0</c:v>
                </c:pt>
                <c:pt idx="1508">
                  <c:v>0</c:v>
                </c:pt>
                <c:pt idx="1509">
                  <c:v>0</c:v>
                </c:pt>
                <c:pt idx="1510">
                  <c:v>0</c:v>
                </c:pt>
                <c:pt idx="1511">
                  <c:v>0</c:v>
                </c:pt>
                <c:pt idx="1512">
                  <c:v>0</c:v>
                </c:pt>
                <c:pt idx="1513">
                  <c:v>0</c:v>
                </c:pt>
                <c:pt idx="1514">
                  <c:v>0</c:v>
                </c:pt>
                <c:pt idx="1515">
                  <c:v>0</c:v>
                </c:pt>
                <c:pt idx="1516">
                  <c:v>0</c:v>
                </c:pt>
                <c:pt idx="1517">
                  <c:v>0</c:v>
                </c:pt>
                <c:pt idx="1518">
                  <c:v>0</c:v>
                </c:pt>
                <c:pt idx="1519">
                  <c:v>0</c:v>
                </c:pt>
                <c:pt idx="1520">
                  <c:v>0</c:v>
                </c:pt>
                <c:pt idx="1521">
                  <c:v>0</c:v>
                </c:pt>
                <c:pt idx="1522">
                  <c:v>0</c:v>
                </c:pt>
                <c:pt idx="1523">
                  <c:v>0</c:v>
                </c:pt>
                <c:pt idx="1524">
                  <c:v>0</c:v>
                </c:pt>
                <c:pt idx="1525">
                  <c:v>0</c:v>
                </c:pt>
                <c:pt idx="1526">
                  <c:v>0</c:v>
                </c:pt>
                <c:pt idx="1527">
                  <c:v>0</c:v>
                </c:pt>
                <c:pt idx="1528">
                  <c:v>0</c:v>
                </c:pt>
                <c:pt idx="1529">
                  <c:v>0</c:v>
                </c:pt>
                <c:pt idx="1530">
                  <c:v>0</c:v>
                </c:pt>
                <c:pt idx="1531">
                  <c:v>0</c:v>
                </c:pt>
                <c:pt idx="1532">
                  <c:v>0</c:v>
                </c:pt>
                <c:pt idx="1533">
                  <c:v>0</c:v>
                </c:pt>
                <c:pt idx="1534">
                  <c:v>0</c:v>
                </c:pt>
                <c:pt idx="1535">
                  <c:v>0</c:v>
                </c:pt>
                <c:pt idx="1536">
                  <c:v>0</c:v>
                </c:pt>
                <c:pt idx="1537">
                  <c:v>0</c:v>
                </c:pt>
                <c:pt idx="1538">
                  <c:v>0</c:v>
                </c:pt>
                <c:pt idx="1539">
                  <c:v>0</c:v>
                </c:pt>
                <c:pt idx="1540">
                  <c:v>0</c:v>
                </c:pt>
                <c:pt idx="1541">
                  <c:v>0</c:v>
                </c:pt>
                <c:pt idx="1542">
                  <c:v>0</c:v>
                </c:pt>
                <c:pt idx="1543">
                  <c:v>0</c:v>
                </c:pt>
                <c:pt idx="1544">
                  <c:v>0</c:v>
                </c:pt>
                <c:pt idx="1545">
                  <c:v>0</c:v>
                </c:pt>
                <c:pt idx="1546">
                  <c:v>0</c:v>
                </c:pt>
                <c:pt idx="1547">
                  <c:v>0</c:v>
                </c:pt>
                <c:pt idx="1548">
                  <c:v>0</c:v>
                </c:pt>
                <c:pt idx="1549">
                  <c:v>0</c:v>
                </c:pt>
                <c:pt idx="1550">
                  <c:v>0</c:v>
                </c:pt>
                <c:pt idx="1551">
                  <c:v>0</c:v>
                </c:pt>
                <c:pt idx="1552">
                  <c:v>0</c:v>
                </c:pt>
                <c:pt idx="1553">
                  <c:v>0</c:v>
                </c:pt>
                <c:pt idx="1554">
                  <c:v>0</c:v>
                </c:pt>
                <c:pt idx="1555">
                  <c:v>0</c:v>
                </c:pt>
                <c:pt idx="1556">
                  <c:v>0</c:v>
                </c:pt>
                <c:pt idx="1557">
                  <c:v>0</c:v>
                </c:pt>
                <c:pt idx="1558">
                  <c:v>0</c:v>
                </c:pt>
                <c:pt idx="1559">
                  <c:v>0</c:v>
                </c:pt>
                <c:pt idx="1560">
                  <c:v>0</c:v>
                </c:pt>
                <c:pt idx="1561">
                  <c:v>0</c:v>
                </c:pt>
                <c:pt idx="1562">
                  <c:v>1</c:v>
                </c:pt>
                <c:pt idx="1563">
                  <c:v>1</c:v>
                </c:pt>
                <c:pt idx="1564">
                  <c:v>1</c:v>
                </c:pt>
                <c:pt idx="1565">
                  <c:v>1</c:v>
                </c:pt>
                <c:pt idx="1566">
                  <c:v>1</c:v>
                </c:pt>
                <c:pt idx="1567">
                  <c:v>1</c:v>
                </c:pt>
                <c:pt idx="1568">
                  <c:v>1</c:v>
                </c:pt>
                <c:pt idx="1569">
                  <c:v>1</c:v>
                </c:pt>
                <c:pt idx="1570">
                  <c:v>1</c:v>
                </c:pt>
                <c:pt idx="1571">
                  <c:v>1</c:v>
                </c:pt>
                <c:pt idx="1572">
                  <c:v>1</c:v>
                </c:pt>
                <c:pt idx="1573">
                  <c:v>1</c:v>
                </c:pt>
                <c:pt idx="1574">
                  <c:v>1</c:v>
                </c:pt>
                <c:pt idx="1575">
                  <c:v>1</c:v>
                </c:pt>
                <c:pt idx="1576">
                  <c:v>1</c:v>
                </c:pt>
                <c:pt idx="1577">
                  <c:v>1</c:v>
                </c:pt>
                <c:pt idx="1578">
                  <c:v>1</c:v>
                </c:pt>
                <c:pt idx="1579">
                  <c:v>1</c:v>
                </c:pt>
                <c:pt idx="1580">
                  <c:v>1</c:v>
                </c:pt>
                <c:pt idx="1581">
                  <c:v>1</c:v>
                </c:pt>
                <c:pt idx="1582">
                  <c:v>1</c:v>
                </c:pt>
                <c:pt idx="1583">
                  <c:v>1</c:v>
                </c:pt>
                <c:pt idx="1584">
                  <c:v>1</c:v>
                </c:pt>
                <c:pt idx="1585">
                  <c:v>1</c:v>
                </c:pt>
                <c:pt idx="1586">
                  <c:v>1</c:v>
                </c:pt>
                <c:pt idx="1587">
                  <c:v>1</c:v>
                </c:pt>
                <c:pt idx="1588">
                  <c:v>1</c:v>
                </c:pt>
                <c:pt idx="1589">
                  <c:v>1</c:v>
                </c:pt>
                <c:pt idx="1590">
                  <c:v>1</c:v>
                </c:pt>
                <c:pt idx="1591">
                  <c:v>1</c:v>
                </c:pt>
                <c:pt idx="1592">
                  <c:v>1</c:v>
                </c:pt>
                <c:pt idx="1593">
                  <c:v>1</c:v>
                </c:pt>
                <c:pt idx="1594">
                  <c:v>1</c:v>
                </c:pt>
                <c:pt idx="1595">
                  <c:v>1</c:v>
                </c:pt>
                <c:pt idx="1596">
                  <c:v>1</c:v>
                </c:pt>
                <c:pt idx="1597">
                  <c:v>0</c:v>
                </c:pt>
                <c:pt idx="1598">
                  <c:v>0</c:v>
                </c:pt>
                <c:pt idx="1599">
                  <c:v>0</c:v>
                </c:pt>
                <c:pt idx="1600">
                  <c:v>0</c:v>
                </c:pt>
                <c:pt idx="1601">
                  <c:v>0</c:v>
                </c:pt>
                <c:pt idx="1602">
                  <c:v>0</c:v>
                </c:pt>
                <c:pt idx="1603">
                  <c:v>0</c:v>
                </c:pt>
                <c:pt idx="1604">
                  <c:v>0</c:v>
                </c:pt>
                <c:pt idx="1605">
                  <c:v>0</c:v>
                </c:pt>
                <c:pt idx="1606">
                  <c:v>0</c:v>
                </c:pt>
                <c:pt idx="1607">
                  <c:v>0</c:v>
                </c:pt>
                <c:pt idx="1608">
                  <c:v>0</c:v>
                </c:pt>
                <c:pt idx="1609">
                  <c:v>0</c:v>
                </c:pt>
                <c:pt idx="1610">
                  <c:v>0</c:v>
                </c:pt>
                <c:pt idx="1611">
                  <c:v>0</c:v>
                </c:pt>
                <c:pt idx="1612">
                  <c:v>0</c:v>
                </c:pt>
                <c:pt idx="1613">
                  <c:v>0</c:v>
                </c:pt>
                <c:pt idx="1614">
                  <c:v>0</c:v>
                </c:pt>
                <c:pt idx="1615">
                  <c:v>0</c:v>
                </c:pt>
                <c:pt idx="1616">
                  <c:v>0</c:v>
                </c:pt>
                <c:pt idx="1617">
                  <c:v>0</c:v>
                </c:pt>
                <c:pt idx="1618">
                  <c:v>0</c:v>
                </c:pt>
                <c:pt idx="1619">
                  <c:v>0</c:v>
                </c:pt>
                <c:pt idx="1620">
                  <c:v>0</c:v>
                </c:pt>
                <c:pt idx="1621">
                  <c:v>0</c:v>
                </c:pt>
                <c:pt idx="1622">
                  <c:v>0</c:v>
                </c:pt>
                <c:pt idx="1623">
                  <c:v>0</c:v>
                </c:pt>
                <c:pt idx="1624">
                  <c:v>0</c:v>
                </c:pt>
                <c:pt idx="1625">
                  <c:v>0</c:v>
                </c:pt>
                <c:pt idx="1626">
                  <c:v>0</c:v>
                </c:pt>
                <c:pt idx="1627">
                  <c:v>0</c:v>
                </c:pt>
                <c:pt idx="1628">
                  <c:v>0</c:v>
                </c:pt>
                <c:pt idx="1629">
                  <c:v>0</c:v>
                </c:pt>
                <c:pt idx="1630">
                  <c:v>0</c:v>
                </c:pt>
                <c:pt idx="1631">
                  <c:v>0</c:v>
                </c:pt>
                <c:pt idx="1632">
                  <c:v>0</c:v>
                </c:pt>
                <c:pt idx="1633">
                  <c:v>0</c:v>
                </c:pt>
                <c:pt idx="1634">
                  <c:v>0</c:v>
                </c:pt>
                <c:pt idx="1635">
                  <c:v>0</c:v>
                </c:pt>
                <c:pt idx="1636">
                  <c:v>0</c:v>
                </c:pt>
                <c:pt idx="1637">
                  <c:v>0</c:v>
                </c:pt>
                <c:pt idx="1638">
                  <c:v>0</c:v>
                </c:pt>
                <c:pt idx="1639">
                  <c:v>0</c:v>
                </c:pt>
                <c:pt idx="1640">
                  <c:v>0</c:v>
                </c:pt>
                <c:pt idx="1641">
                  <c:v>0</c:v>
                </c:pt>
                <c:pt idx="1642">
                  <c:v>0</c:v>
                </c:pt>
                <c:pt idx="1643">
                  <c:v>0</c:v>
                </c:pt>
                <c:pt idx="1644">
                  <c:v>0</c:v>
                </c:pt>
                <c:pt idx="1645">
                  <c:v>0</c:v>
                </c:pt>
                <c:pt idx="1646">
                  <c:v>0</c:v>
                </c:pt>
                <c:pt idx="1647">
                  <c:v>0</c:v>
                </c:pt>
                <c:pt idx="1648">
                  <c:v>0</c:v>
                </c:pt>
                <c:pt idx="1649">
                  <c:v>0</c:v>
                </c:pt>
                <c:pt idx="1650">
                  <c:v>0</c:v>
                </c:pt>
                <c:pt idx="1651">
                  <c:v>0</c:v>
                </c:pt>
                <c:pt idx="1652">
                  <c:v>0</c:v>
                </c:pt>
                <c:pt idx="1653">
                  <c:v>0</c:v>
                </c:pt>
                <c:pt idx="1654">
                  <c:v>0</c:v>
                </c:pt>
                <c:pt idx="1655">
                  <c:v>0</c:v>
                </c:pt>
                <c:pt idx="1656">
                  <c:v>0</c:v>
                </c:pt>
                <c:pt idx="1657">
                  <c:v>0</c:v>
                </c:pt>
                <c:pt idx="1658">
                  <c:v>0</c:v>
                </c:pt>
                <c:pt idx="1659">
                  <c:v>0</c:v>
                </c:pt>
                <c:pt idx="1660">
                  <c:v>0</c:v>
                </c:pt>
                <c:pt idx="1661">
                  <c:v>0</c:v>
                </c:pt>
                <c:pt idx="1662">
                  <c:v>0</c:v>
                </c:pt>
                <c:pt idx="1663">
                  <c:v>0</c:v>
                </c:pt>
                <c:pt idx="1664">
                  <c:v>0</c:v>
                </c:pt>
                <c:pt idx="1665">
                  <c:v>0</c:v>
                </c:pt>
                <c:pt idx="1666">
                  <c:v>0</c:v>
                </c:pt>
                <c:pt idx="1667">
                  <c:v>0</c:v>
                </c:pt>
                <c:pt idx="1668">
                  <c:v>0</c:v>
                </c:pt>
                <c:pt idx="1669">
                  <c:v>0</c:v>
                </c:pt>
                <c:pt idx="1670">
                  <c:v>0</c:v>
                </c:pt>
                <c:pt idx="1671">
                  <c:v>0</c:v>
                </c:pt>
                <c:pt idx="1672">
                  <c:v>0</c:v>
                </c:pt>
                <c:pt idx="1673">
                  <c:v>0</c:v>
                </c:pt>
                <c:pt idx="1674">
                  <c:v>0</c:v>
                </c:pt>
                <c:pt idx="1675">
                  <c:v>0</c:v>
                </c:pt>
                <c:pt idx="1676">
                  <c:v>0</c:v>
                </c:pt>
                <c:pt idx="1677">
                  <c:v>0</c:v>
                </c:pt>
                <c:pt idx="1678">
                  <c:v>0</c:v>
                </c:pt>
                <c:pt idx="1679">
                  <c:v>0</c:v>
                </c:pt>
                <c:pt idx="1680">
                  <c:v>0</c:v>
                </c:pt>
                <c:pt idx="1681">
                  <c:v>0</c:v>
                </c:pt>
                <c:pt idx="1682">
                  <c:v>0</c:v>
                </c:pt>
                <c:pt idx="1683">
                  <c:v>0</c:v>
                </c:pt>
                <c:pt idx="1684">
                  <c:v>0</c:v>
                </c:pt>
                <c:pt idx="1685">
                  <c:v>0</c:v>
                </c:pt>
                <c:pt idx="1686">
                  <c:v>0</c:v>
                </c:pt>
                <c:pt idx="1687">
                  <c:v>0</c:v>
                </c:pt>
                <c:pt idx="1688">
                  <c:v>0</c:v>
                </c:pt>
                <c:pt idx="1689">
                  <c:v>0</c:v>
                </c:pt>
                <c:pt idx="1690">
                  <c:v>0</c:v>
                </c:pt>
                <c:pt idx="1691">
                  <c:v>0</c:v>
                </c:pt>
                <c:pt idx="1692">
                  <c:v>0</c:v>
                </c:pt>
                <c:pt idx="1693">
                  <c:v>0</c:v>
                </c:pt>
                <c:pt idx="1694">
                  <c:v>0</c:v>
                </c:pt>
                <c:pt idx="1695">
                  <c:v>0</c:v>
                </c:pt>
                <c:pt idx="1696">
                  <c:v>0</c:v>
                </c:pt>
                <c:pt idx="1697">
                  <c:v>0</c:v>
                </c:pt>
                <c:pt idx="1698">
                  <c:v>0</c:v>
                </c:pt>
                <c:pt idx="1699">
                  <c:v>0</c:v>
                </c:pt>
                <c:pt idx="1700">
                  <c:v>0</c:v>
                </c:pt>
                <c:pt idx="1701">
                  <c:v>0</c:v>
                </c:pt>
                <c:pt idx="1702">
                  <c:v>0</c:v>
                </c:pt>
                <c:pt idx="1703">
                  <c:v>0</c:v>
                </c:pt>
                <c:pt idx="1704">
                  <c:v>0</c:v>
                </c:pt>
                <c:pt idx="1705">
                  <c:v>0</c:v>
                </c:pt>
                <c:pt idx="1706">
                  <c:v>0</c:v>
                </c:pt>
                <c:pt idx="1707">
                  <c:v>0</c:v>
                </c:pt>
                <c:pt idx="1708">
                  <c:v>0</c:v>
                </c:pt>
                <c:pt idx="1709">
                  <c:v>0</c:v>
                </c:pt>
                <c:pt idx="1710">
                  <c:v>0</c:v>
                </c:pt>
                <c:pt idx="1711">
                  <c:v>0</c:v>
                </c:pt>
                <c:pt idx="1712">
                  <c:v>0</c:v>
                </c:pt>
                <c:pt idx="1713">
                  <c:v>0</c:v>
                </c:pt>
                <c:pt idx="1714">
                  <c:v>0</c:v>
                </c:pt>
                <c:pt idx="1715">
                  <c:v>0</c:v>
                </c:pt>
                <c:pt idx="1716">
                  <c:v>0</c:v>
                </c:pt>
                <c:pt idx="1717">
                  <c:v>0</c:v>
                </c:pt>
                <c:pt idx="1718">
                  <c:v>0</c:v>
                </c:pt>
                <c:pt idx="1719">
                  <c:v>0</c:v>
                </c:pt>
                <c:pt idx="1720">
                  <c:v>0</c:v>
                </c:pt>
                <c:pt idx="1721">
                  <c:v>0</c:v>
                </c:pt>
                <c:pt idx="1722">
                  <c:v>0</c:v>
                </c:pt>
                <c:pt idx="1723">
                  <c:v>0</c:v>
                </c:pt>
                <c:pt idx="1724">
                  <c:v>0</c:v>
                </c:pt>
                <c:pt idx="1725">
                  <c:v>0</c:v>
                </c:pt>
                <c:pt idx="1726">
                  <c:v>0</c:v>
                </c:pt>
                <c:pt idx="1727">
                  <c:v>0</c:v>
                </c:pt>
                <c:pt idx="1728">
                  <c:v>0</c:v>
                </c:pt>
                <c:pt idx="1729">
                  <c:v>0</c:v>
                </c:pt>
                <c:pt idx="1730">
                  <c:v>0</c:v>
                </c:pt>
                <c:pt idx="1731">
                  <c:v>0</c:v>
                </c:pt>
                <c:pt idx="1732">
                  <c:v>0</c:v>
                </c:pt>
                <c:pt idx="1733">
                  <c:v>0</c:v>
                </c:pt>
                <c:pt idx="1734">
                  <c:v>0</c:v>
                </c:pt>
                <c:pt idx="1735">
                  <c:v>0</c:v>
                </c:pt>
                <c:pt idx="1736">
                  <c:v>0</c:v>
                </c:pt>
                <c:pt idx="1737">
                  <c:v>0</c:v>
                </c:pt>
                <c:pt idx="1738">
                  <c:v>0</c:v>
                </c:pt>
                <c:pt idx="1739">
                  <c:v>0</c:v>
                </c:pt>
                <c:pt idx="1740">
                  <c:v>0</c:v>
                </c:pt>
                <c:pt idx="1741">
                  <c:v>0</c:v>
                </c:pt>
                <c:pt idx="1742">
                  <c:v>0</c:v>
                </c:pt>
                <c:pt idx="1743">
                  <c:v>0</c:v>
                </c:pt>
                <c:pt idx="1744">
                  <c:v>0</c:v>
                </c:pt>
                <c:pt idx="1745">
                  <c:v>0</c:v>
                </c:pt>
                <c:pt idx="1746">
                  <c:v>0</c:v>
                </c:pt>
                <c:pt idx="1747">
                  <c:v>0</c:v>
                </c:pt>
                <c:pt idx="1748">
                  <c:v>0</c:v>
                </c:pt>
                <c:pt idx="1749">
                  <c:v>0</c:v>
                </c:pt>
                <c:pt idx="1750">
                  <c:v>0</c:v>
                </c:pt>
                <c:pt idx="1751">
                  <c:v>0</c:v>
                </c:pt>
                <c:pt idx="1752">
                  <c:v>0</c:v>
                </c:pt>
                <c:pt idx="1753">
                  <c:v>0</c:v>
                </c:pt>
                <c:pt idx="1754">
                  <c:v>0</c:v>
                </c:pt>
                <c:pt idx="1755">
                  <c:v>0</c:v>
                </c:pt>
                <c:pt idx="1756">
                  <c:v>0</c:v>
                </c:pt>
                <c:pt idx="1757">
                  <c:v>0</c:v>
                </c:pt>
                <c:pt idx="1758">
                  <c:v>0</c:v>
                </c:pt>
                <c:pt idx="1759">
                  <c:v>0</c:v>
                </c:pt>
                <c:pt idx="1760">
                  <c:v>0</c:v>
                </c:pt>
                <c:pt idx="1761">
                  <c:v>0</c:v>
                </c:pt>
                <c:pt idx="1762">
                  <c:v>0</c:v>
                </c:pt>
                <c:pt idx="1763">
                  <c:v>0</c:v>
                </c:pt>
                <c:pt idx="1764">
                  <c:v>0</c:v>
                </c:pt>
                <c:pt idx="1765">
                  <c:v>0</c:v>
                </c:pt>
                <c:pt idx="1766">
                  <c:v>0</c:v>
                </c:pt>
                <c:pt idx="1767">
                  <c:v>0</c:v>
                </c:pt>
                <c:pt idx="1768">
                  <c:v>0</c:v>
                </c:pt>
                <c:pt idx="1769">
                  <c:v>0</c:v>
                </c:pt>
                <c:pt idx="1770">
                  <c:v>0</c:v>
                </c:pt>
                <c:pt idx="1771">
                  <c:v>0</c:v>
                </c:pt>
                <c:pt idx="1772">
                  <c:v>0</c:v>
                </c:pt>
                <c:pt idx="1773">
                  <c:v>0</c:v>
                </c:pt>
                <c:pt idx="1774">
                  <c:v>0</c:v>
                </c:pt>
                <c:pt idx="1775">
                  <c:v>0</c:v>
                </c:pt>
                <c:pt idx="1776">
                  <c:v>0</c:v>
                </c:pt>
                <c:pt idx="1777">
                  <c:v>0</c:v>
                </c:pt>
                <c:pt idx="1778">
                  <c:v>0</c:v>
                </c:pt>
                <c:pt idx="1779">
                  <c:v>0</c:v>
                </c:pt>
                <c:pt idx="1780">
                  <c:v>0</c:v>
                </c:pt>
                <c:pt idx="1781">
                  <c:v>0</c:v>
                </c:pt>
                <c:pt idx="1782">
                  <c:v>0</c:v>
                </c:pt>
                <c:pt idx="1783">
                  <c:v>0</c:v>
                </c:pt>
                <c:pt idx="1784">
                  <c:v>0</c:v>
                </c:pt>
                <c:pt idx="1785">
                  <c:v>0</c:v>
                </c:pt>
                <c:pt idx="1786">
                  <c:v>0</c:v>
                </c:pt>
                <c:pt idx="1787">
                  <c:v>0</c:v>
                </c:pt>
                <c:pt idx="1788">
                  <c:v>0</c:v>
                </c:pt>
                <c:pt idx="1789">
                  <c:v>0</c:v>
                </c:pt>
                <c:pt idx="1790">
                  <c:v>0</c:v>
                </c:pt>
                <c:pt idx="1791">
                  <c:v>0</c:v>
                </c:pt>
                <c:pt idx="1792">
                  <c:v>0</c:v>
                </c:pt>
                <c:pt idx="1793">
                  <c:v>0</c:v>
                </c:pt>
                <c:pt idx="1794">
                  <c:v>0</c:v>
                </c:pt>
                <c:pt idx="1795">
                  <c:v>0</c:v>
                </c:pt>
                <c:pt idx="1796">
                  <c:v>0</c:v>
                </c:pt>
                <c:pt idx="1797">
                  <c:v>0</c:v>
                </c:pt>
                <c:pt idx="1798">
                  <c:v>0</c:v>
                </c:pt>
                <c:pt idx="1799">
                  <c:v>0</c:v>
                </c:pt>
                <c:pt idx="1800">
                  <c:v>0</c:v>
                </c:pt>
                <c:pt idx="1801">
                  <c:v>0</c:v>
                </c:pt>
                <c:pt idx="1802">
                  <c:v>0</c:v>
                </c:pt>
                <c:pt idx="1803">
                  <c:v>0</c:v>
                </c:pt>
                <c:pt idx="1804">
                  <c:v>0</c:v>
                </c:pt>
                <c:pt idx="1805">
                  <c:v>0</c:v>
                </c:pt>
                <c:pt idx="1806">
                  <c:v>0</c:v>
                </c:pt>
                <c:pt idx="1807">
                  <c:v>0</c:v>
                </c:pt>
                <c:pt idx="1808">
                  <c:v>0</c:v>
                </c:pt>
                <c:pt idx="1809">
                  <c:v>0</c:v>
                </c:pt>
                <c:pt idx="1810">
                  <c:v>0</c:v>
                </c:pt>
                <c:pt idx="1811">
                  <c:v>0</c:v>
                </c:pt>
                <c:pt idx="1812">
                  <c:v>0</c:v>
                </c:pt>
                <c:pt idx="1813">
                  <c:v>0</c:v>
                </c:pt>
                <c:pt idx="1814">
                  <c:v>0</c:v>
                </c:pt>
                <c:pt idx="1815">
                  <c:v>0</c:v>
                </c:pt>
                <c:pt idx="1816">
                  <c:v>0</c:v>
                </c:pt>
                <c:pt idx="1817">
                  <c:v>0</c:v>
                </c:pt>
                <c:pt idx="1818">
                  <c:v>0</c:v>
                </c:pt>
                <c:pt idx="1819">
                  <c:v>0</c:v>
                </c:pt>
                <c:pt idx="1820">
                  <c:v>0</c:v>
                </c:pt>
                <c:pt idx="1821">
                  <c:v>0</c:v>
                </c:pt>
                <c:pt idx="1822">
                  <c:v>0</c:v>
                </c:pt>
                <c:pt idx="1823">
                  <c:v>0</c:v>
                </c:pt>
                <c:pt idx="1824">
                  <c:v>0</c:v>
                </c:pt>
                <c:pt idx="1825">
                  <c:v>0</c:v>
                </c:pt>
                <c:pt idx="1826">
                  <c:v>0</c:v>
                </c:pt>
                <c:pt idx="1827">
                  <c:v>0</c:v>
                </c:pt>
                <c:pt idx="1828">
                  <c:v>0</c:v>
                </c:pt>
                <c:pt idx="1829">
                  <c:v>0</c:v>
                </c:pt>
                <c:pt idx="1830">
                  <c:v>0</c:v>
                </c:pt>
                <c:pt idx="1831">
                  <c:v>0</c:v>
                </c:pt>
                <c:pt idx="1832">
                  <c:v>0</c:v>
                </c:pt>
                <c:pt idx="1833">
                  <c:v>0</c:v>
                </c:pt>
                <c:pt idx="1834">
                  <c:v>0</c:v>
                </c:pt>
                <c:pt idx="1835">
                  <c:v>0</c:v>
                </c:pt>
                <c:pt idx="1836">
                  <c:v>0</c:v>
                </c:pt>
                <c:pt idx="1837">
                  <c:v>0</c:v>
                </c:pt>
                <c:pt idx="1838">
                  <c:v>0</c:v>
                </c:pt>
                <c:pt idx="1839">
                  <c:v>0</c:v>
                </c:pt>
                <c:pt idx="1840">
                  <c:v>0</c:v>
                </c:pt>
                <c:pt idx="1841">
                  <c:v>0</c:v>
                </c:pt>
                <c:pt idx="1842">
                  <c:v>0</c:v>
                </c:pt>
                <c:pt idx="1843">
                  <c:v>0</c:v>
                </c:pt>
                <c:pt idx="1844">
                  <c:v>0</c:v>
                </c:pt>
                <c:pt idx="1845">
                  <c:v>0</c:v>
                </c:pt>
                <c:pt idx="1846">
                  <c:v>0</c:v>
                </c:pt>
                <c:pt idx="1847">
                  <c:v>0</c:v>
                </c:pt>
                <c:pt idx="1848">
                  <c:v>0</c:v>
                </c:pt>
                <c:pt idx="1849">
                  <c:v>0</c:v>
                </c:pt>
                <c:pt idx="1850">
                  <c:v>0</c:v>
                </c:pt>
                <c:pt idx="1851">
                  <c:v>0</c:v>
                </c:pt>
                <c:pt idx="1852">
                  <c:v>0</c:v>
                </c:pt>
                <c:pt idx="1853">
                  <c:v>0</c:v>
                </c:pt>
                <c:pt idx="1854">
                  <c:v>0</c:v>
                </c:pt>
                <c:pt idx="1855">
                  <c:v>0</c:v>
                </c:pt>
                <c:pt idx="1856">
                  <c:v>0</c:v>
                </c:pt>
                <c:pt idx="1857">
                  <c:v>0</c:v>
                </c:pt>
                <c:pt idx="1858">
                  <c:v>0</c:v>
                </c:pt>
                <c:pt idx="1859">
                  <c:v>0</c:v>
                </c:pt>
                <c:pt idx="1860">
                  <c:v>0</c:v>
                </c:pt>
                <c:pt idx="1861">
                  <c:v>0</c:v>
                </c:pt>
                <c:pt idx="1862">
                  <c:v>0</c:v>
                </c:pt>
                <c:pt idx="1863">
                  <c:v>0</c:v>
                </c:pt>
                <c:pt idx="1864">
                  <c:v>0</c:v>
                </c:pt>
                <c:pt idx="1865">
                  <c:v>0</c:v>
                </c:pt>
                <c:pt idx="1866">
                  <c:v>0</c:v>
                </c:pt>
                <c:pt idx="1867">
                  <c:v>0</c:v>
                </c:pt>
                <c:pt idx="1868">
                  <c:v>0</c:v>
                </c:pt>
                <c:pt idx="1869">
                  <c:v>0</c:v>
                </c:pt>
                <c:pt idx="1870">
                  <c:v>0</c:v>
                </c:pt>
                <c:pt idx="1871">
                  <c:v>0</c:v>
                </c:pt>
                <c:pt idx="1872">
                  <c:v>0</c:v>
                </c:pt>
                <c:pt idx="1873">
                  <c:v>0</c:v>
                </c:pt>
                <c:pt idx="1874">
                  <c:v>0</c:v>
                </c:pt>
                <c:pt idx="1875">
                  <c:v>0</c:v>
                </c:pt>
                <c:pt idx="1876">
                  <c:v>0</c:v>
                </c:pt>
                <c:pt idx="1877">
                  <c:v>0</c:v>
                </c:pt>
                <c:pt idx="1878">
                  <c:v>0</c:v>
                </c:pt>
                <c:pt idx="1879">
                  <c:v>0</c:v>
                </c:pt>
                <c:pt idx="1880">
                  <c:v>0</c:v>
                </c:pt>
                <c:pt idx="1881">
                  <c:v>0</c:v>
                </c:pt>
                <c:pt idx="1882">
                  <c:v>0</c:v>
                </c:pt>
                <c:pt idx="1883">
                  <c:v>0</c:v>
                </c:pt>
                <c:pt idx="1884">
                  <c:v>0</c:v>
                </c:pt>
                <c:pt idx="1885">
                  <c:v>0</c:v>
                </c:pt>
                <c:pt idx="1886">
                  <c:v>0</c:v>
                </c:pt>
                <c:pt idx="1887">
                  <c:v>0</c:v>
                </c:pt>
                <c:pt idx="1888">
                  <c:v>0</c:v>
                </c:pt>
                <c:pt idx="1889">
                  <c:v>0</c:v>
                </c:pt>
                <c:pt idx="1890">
                  <c:v>0</c:v>
                </c:pt>
                <c:pt idx="1891">
                  <c:v>0</c:v>
                </c:pt>
                <c:pt idx="1892">
                  <c:v>0</c:v>
                </c:pt>
                <c:pt idx="1893">
                  <c:v>0</c:v>
                </c:pt>
                <c:pt idx="1894">
                  <c:v>0</c:v>
                </c:pt>
                <c:pt idx="1895">
                  <c:v>0</c:v>
                </c:pt>
                <c:pt idx="1896">
                  <c:v>0</c:v>
                </c:pt>
                <c:pt idx="1897">
                  <c:v>0</c:v>
                </c:pt>
                <c:pt idx="1898">
                  <c:v>0</c:v>
                </c:pt>
                <c:pt idx="1899">
                  <c:v>0</c:v>
                </c:pt>
                <c:pt idx="1900">
                  <c:v>0</c:v>
                </c:pt>
                <c:pt idx="1901">
                  <c:v>0</c:v>
                </c:pt>
                <c:pt idx="1902">
                  <c:v>0</c:v>
                </c:pt>
                <c:pt idx="1903">
                  <c:v>0</c:v>
                </c:pt>
                <c:pt idx="1904">
                  <c:v>0</c:v>
                </c:pt>
                <c:pt idx="1905">
                  <c:v>0</c:v>
                </c:pt>
                <c:pt idx="1906">
                  <c:v>0</c:v>
                </c:pt>
                <c:pt idx="1907">
                  <c:v>0</c:v>
                </c:pt>
                <c:pt idx="1908">
                  <c:v>0</c:v>
                </c:pt>
                <c:pt idx="1909">
                  <c:v>0</c:v>
                </c:pt>
                <c:pt idx="1910">
                  <c:v>0</c:v>
                </c:pt>
                <c:pt idx="1911">
                  <c:v>0</c:v>
                </c:pt>
                <c:pt idx="1912">
                  <c:v>0</c:v>
                </c:pt>
                <c:pt idx="1913">
                  <c:v>0</c:v>
                </c:pt>
                <c:pt idx="1914">
                  <c:v>0</c:v>
                </c:pt>
                <c:pt idx="1915">
                  <c:v>1</c:v>
                </c:pt>
                <c:pt idx="1916">
                  <c:v>1</c:v>
                </c:pt>
                <c:pt idx="1917">
                  <c:v>1</c:v>
                </c:pt>
                <c:pt idx="1918">
                  <c:v>1</c:v>
                </c:pt>
                <c:pt idx="1919">
                  <c:v>1</c:v>
                </c:pt>
                <c:pt idx="1920">
                  <c:v>1</c:v>
                </c:pt>
                <c:pt idx="1921">
                  <c:v>1</c:v>
                </c:pt>
                <c:pt idx="1922">
                  <c:v>1</c:v>
                </c:pt>
                <c:pt idx="1923">
                  <c:v>1</c:v>
                </c:pt>
                <c:pt idx="1924">
                  <c:v>1</c:v>
                </c:pt>
                <c:pt idx="1925">
                  <c:v>1</c:v>
                </c:pt>
                <c:pt idx="1926">
                  <c:v>1</c:v>
                </c:pt>
                <c:pt idx="1927">
                  <c:v>1</c:v>
                </c:pt>
                <c:pt idx="1928">
                  <c:v>1</c:v>
                </c:pt>
                <c:pt idx="1929">
                  <c:v>1</c:v>
                </c:pt>
                <c:pt idx="1930">
                  <c:v>1</c:v>
                </c:pt>
                <c:pt idx="1931">
                  <c:v>1</c:v>
                </c:pt>
                <c:pt idx="1932">
                  <c:v>1</c:v>
                </c:pt>
                <c:pt idx="1933">
                  <c:v>1</c:v>
                </c:pt>
                <c:pt idx="1934">
                  <c:v>1</c:v>
                </c:pt>
                <c:pt idx="1935">
                  <c:v>1</c:v>
                </c:pt>
                <c:pt idx="1936">
                  <c:v>1</c:v>
                </c:pt>
                <c:pt idx="1937">
                  <c:v>1</c:v>
                </c:pt>
                <c:pt idx="1938">
                  <c:v>1</c:v>
                </c:pt>
                <c:pt idx="1939">
                  <c:v>1</c:v>
                </c:pt>
                <c:pt idx="1940">
                  <c:v>1</c:v>
                </c:pt>
                <c:pt idx="1941">
                  <c:v>1</c:v>
                </c:pt>
                <c:pt idx="1942">
                  <c:v>1</c:v>
                </c:pt>
                <c:pt idx="1943">
                  <c:v>1</c:v>
                </c:pt>
                <c:pt idx="1944">
                  <c:v>1</c:v>
                </c:pt>
                <c:pt idx="1945">
                  <c:v>1</c:v>
                </c:pt>
                <c:pt idx="1946">
                  <c:v>1</c:v>
                </c:pt>
                <c:pt idx="1947">
                  <c:v>1</c:v>
                </c:pt>
                <c:pt idx="1948">
                  <c:v>1</c:v>
                </c:pt>
                <c:pt idx="1949">
                  <c:v>1</c:v>
                </c:pt>
                <c:pt idx="1950">
                  <c:v>1</c:v>
                </c:pt>
                <c:pt idx="1951">
                  <c:v>1</c:v>
                </c:pt>
                <c:pt idx="1952">
                  <c:v>1</c:v>
                </c:pt>
                <c:pt idx="1953">
                  <c:v>1</c:v>
                </c:pt>
                <c:pt idx="1954">
                  <c:v>1</c:v>
                </c:pt>
                <c:pt idx="1955">
                  <c:v>1</c:v>
                </c:pt>
                <c:pt idx="1956">
                  <c:v>1</c:v>
                </c:pt>
                <c:pt idx="1957">
                  <c:v>1</c:v>
                </c:pt>
                <c:pt idx="1958">
                  <c:v>1</c:v>
                </c:pt>
                <c:pt idx="1959">
                  <c:v>1</c:v>
                </c:pt>
                <c:pt idx="1960">
                  <c:v>1</c:v>
                </c:pt>
                <c:pt idx="1961">
                  <c:v>1</c:v>
                </c:pt>
                <c:pt idx="1962">
                  <c:v>1</c:v>
                </c:pt>
                <c:pt idx="1963">
                  <c:v>1</c:v>
                </c:pt>
                <c:pt idx="1964">
                  <c:v>1</c:v>
                </c:pt>
                <c:pt idx="1965">
                  <c:v>1</c:v>
                </c:pt>
                <c:pt idx="1966">
                  <c:v>1</c:v>
                </c:pt>
                <c:pt idx="1967">
                  <c:v>1</c:v>
                </c:pt>
                <c:pt idx="1968">
                  <c:v>1</c:v>
                </c:pt>
                <c:pt idx="1969">
                  <c:v>1</c:v>
                </c:pt>
                <c:pt idx="1970">
                  <c:v>1</c:v>
                </c:pt>
                <c:pt idx="1971">
                  <c:v>1</c:v>
                </c:pt>
                <c:pt idx="1972">
                  <c:v>1</c:v>
                </c:pt>
                <c:pt idx="1973">
                  <c:v>1</c:v>
                </c:pt>
                <c:pt idx="1974">
                  <c:v>1</c:v>
                </c:pt>
                <c:pt idx="1975">
                  <c:v>1</c:v>
                </c:pt>
                <c:pt idx="1976">
                  <c:v>1</c:v>
                </c:pt>
                <c:pt idx="1977">
                  <c:v>1</c:v>
                </c:pt>
                <c:pt idx="1978">
                  <c:v>1</c:v>
                </c:pt>
                <c:pt idx="1979">
                  <c:v>1</c:v>
                </c:pt>
                <c:pt idx="1980">
                  <c:v>1</c:v>
                </c:pt>
                <c:pt idx="1981">
                  <c:v>1</c:v>
                </c:pt>
                <c:pt idx="1982">
                  <c:v>1</c:v>
                </c:pt>
                <c:pt idx="1983">
                  <c:v>1</c:v>
                </c:pt>
                <c:pt idx="1984">
                  <c:v>1</c:v>
                </c:pt>
                <c:pt idx="1985">
                  <c:v>1</c:v>
                </c:pt>
                <c:pt idx="1986">
                  <c:v>1</c:v>
                </c:pt>
                <c:pt idx="1987">
                  <c:v>1</c:v>
                </c:pt>
                <c:pt idx="1988">
                  <c:v>1</c:v>
                </c:pt>
                <c:pt idx="1989">
                  <c:v>1</c:v>
                </c:pt>
                <c:pt idx="1990">
                  <c:v>1</c:v>
                </c:pt>
                <c:pt idx="1991">
                  <c:v>1</c:v>
                </c:pt>
                <c:pt idx="1992">
                  <c:v>1</c:v>
                </c:pt>
                <c:pt idx="1993">
                  <c:v>0</c:v>
                </c:pt>
                <c:pt idx="1994">
                  <c:v>0</c:v>
                </c:pt>
                <c:pt idx="1995">
                  <c:v>0</c:v>
                </c:pt>
                <c:pt idx="1996">
                  <c:v>0</c:v>
                </c:pt>
                <c:pt idx="1997">
                  <c:v>0</c:v>
                </c:pt>
                <c:pt idx="1998">
                  <c:v>0</c:v>
                </c:pt>
                <c:pt idx="1999">
                  <c:v>0</c:v>
                </c:pt>
                <c:pt idx="2000">
                  <c:v>0</c:v>
                </c:pt>
                <c:pt idx="2001">
                  <c:v>0</c:v>
                </c:pt>
                <c:pt idx="2002">
                  <c:v>0</c:v>
                </c:pt>
                <c:pt idx="2003">
                  <c:v>0</c:v>
                </c:pt>
                <c:pt idx="2004">
                  <c:v>0</c:v>
                </c:pt>
                <c:pt idx="2005">
                  <c:v>0</c:v>
                </c:pt>
                <c:pt idx="2006">
                  <c:v>0</c:v>
                </c:pt>
                <c:pt idx="2007">
                  <c:v>0</c:v>
                </c:pt>
                <c:pt idx="2008">
                  <c:v>0</c:v>
                </c:pt>
                <c:pt idx="2009">
                  <c:v>0</c:v>
                </c:pt>
                <c:pt idx="2010">
                  <c:v>0</c:v>
                </c:pt>
                <c:pt idx="2011">
                  <c:v>0</c:v>
                </c:pt>
                <c:pt idx="2012">
                  <c:v>0</c:v>
                </c:pt>
                <c:pt idx="2013">
                  <c:v>0</c:v>
                </c:pt>
                <c:pt idx="2014">
                  <c:v>0</c:v>
                </c:pt>
                <c:pt idx="2015">
                  <c:v>0</c:v>
                </c:pt>
                <c:pt idx="2016">
                  <c:v>0</c:v>
                </c:pt>
                <c:pt idx="2017">
                  <c:v>0</c:v>
                </c:pt>
                <c:pt idx="2018">
                  <c:v>0</c:v>
                </c:pt>
                <c:pt idx="2019">
                  <c:v>0</c:v>
                </c:pt>
                <c:pt idx="2020">
                  <c:v>0</c:v>
                </c:pt>
                <c:pt idx="2021">
                  <c:v>0</c:v>
                </c:pt>
                <c:pt idx="2022">
                  <c:v>0</c:v>
                </c:pt>
                <c:pt idx="2023">
                  <c:v>0</c:v>
                </c:pt>
                <c:pt idx="2024">
                  <c:v>0</c:v>
                </c:pt>
                <c:pt idx="2025">
                  <c:v>0</c:v>
                </c:pt>
                <c:pt idx="2026">
                  <c:v>0</c:v>
                </c:pt>
                <c:pt idx="2027">
                  <c:v>0</c:v>
                </c:pt>
                <c:pt idx="2028">
                  <c:v>0</c:v>
                </c:pt>
                <c:pt idx="2029">
                  <c:v>0</c:v>
                </c:pt>
                <c:pt idx="2030">
                  <c:v>0</c:v>
                </c:pt>
                <c:pt idx="2031">
                  <c:v>0</c:v>
                </c:pt>
                <c:pt idx="2032">
                  <c:v>0</c:v>
                </c:pt>
                <c:pt idx="2033">
                  <c:v>0</c:v>
                </c:pt>
                <c:pt idx="2034">
                  <c:v>0</c:v>
                </c:pt>
                <c:pt idx="2035">
                  <c:v>0</c:v>
                </c:pt>
                <c:pt idx="2036">
                  <c:v>0</c:v>
                </c:pt>
                <c:pt idx="2037">
                  <c:v>0</c:v>
                </c:pt>
                <c:pt idx="2038">
                  <c:v>0</c:v>
                </c:pt>
                <c:pt idx="2039">
                  <c:v>0</c:v>
                </c:pt>
                <c:pt idx="2040">
                  <c:v>0</c:v>
                </c:pt>
                <c:pt idx="2041">
                  <c:v>0</c:v>
                </c:pt>
                <c:pt idx="2042">
                  <c:v>0</c:v>
                </c:pt>
                <c:pt idx="2043">
                  <c:v>0</c:v>
                </c:pt>
                <c:pt idx="2044">
                  <c:v>0</c:v>
                </c:pt>
                <c:pt idx="2045">
                  <c:v>0</c:v>
                </c:pt>
                <c:pt idx="2046">
                  <c:v>0</c:v>
                </c:pt>
                <c:pt idx="2047">
                  <c:v>0</c:v>
                </c:pt>
                <c:pt idx="2048">
                  <c:v>0</c:v>
                </c:pt>
                <c:pt idx="2049">
                  <c:v>0</c:v>
                </c:pt>
                <c:pt idx="2050">
                  <c:v>0</c:v>
                </c:pt>
                <c:pt idx="2051">
                  <c:v>0</c:v>
                </c:pt>
                <c:pt idx="2052">
                  <c:v>0</c:v>
                </c:pt>
                <c:pt idx="2053">
                  <c:v>0</c:v>
                </c:pt>
                <c:pt idx="2054">
                  <c:v>0</c:v>
                </c:pt>
                <c:pt idx="2055">
                  <c:v>0</c:v>
                </c:pt>
                <c:pt idx="2056">
                  <c:v>0</c:v>
                </c:pt>
                <c:pt idx="2057">
                  <c:v>0</c:v>
                </c:pt>
                <c:pt idx="2058">
                  <c:v>0</c:v>
                </c:pt>
                <c:pt idx="2059">
                  <c:v>0</c:v>
                </c:pt>
                <c:pt idx="2060">
                  <c:v>0</c:v>
                </c:pt>
                <c:pt idx="2061">
                  <c:v>0</c:v>
                </c:pt>
                <c:pt idx="2062">
                  <c:v>0</c:v>
                </c:pt>
                <c:pt idx="2063">
                  <c:v>0</c:v>
                </c:pt>
                <c:pt idx="2064">
                  <c:v>0</c:v>
                </c:pt>
                <c:pt idx="2065">
                  <c:v>0</c:v>
                </c:pt>
                <c:pt idx="2066">
                  <c:v>0</c:v>
                </c:pt>
                <c:pt idx="2067">
                  <c:v>0</c:v>
                </c:pt>
                <c:pt idx="2068">
                  <c:v>0</c:v>
                </c:pt>
                <c:pt idx="2069">
                  <c:v>0</c:v>
                </c:pt>
                <c:pt idx="2070">
                  <c:v>0</c:v>
                </c:pt>
                <c:pt idx="2071">
                  <c:v>0</c:v>
                </c:pt>
                <c:pt idx="2072">
                  <c:v>0</c:v>
                </c:pt>
                <c:pt idx="2073">
                  <c:v>0</c:v>
                </c:pt>
                <c:pt idx="2074">
                  <c:v>0</c:v>
                </c:pt>
                <c:pt idx="2075">
                  <c:v>0</c:v>
                </c:pt>
                <c:pt idx="2076">
                  <c:v>0</c:v>
                </c:pt>
                <c:pt idx="2077">
                  <c:v>0</c:v>
                </c:pt>
                <c:pt idx="2078">
                  <c:v>0</c:v>
                </c:pt>
                <c:pt idx="2079">
                  <c:v>0</c:v>
                </c:pt>
                <c:pt idx="2080">
                  <c:v>0</c:v>
                </c:pt>
                <c:pt idx="2081">
                  <c:v>0</c:v>
                </c:pt>
                <c:pt idx="2082">
                  <c:v>0</c:v>
                </c:pt>
                <c:pt idx="2083">
                  <c:v>0</c:v>
                </c:pt>
                <c:pt idx="2084">
                  <c:v>0</c:v>
                </c:pt>
                <c:pt idx="2085">
                  <c:v>0</c:v>
                </c:pt>
                <c:pt idx="2086">
                  <c:v>0</c:v>
                </c:pt>
                <c:pt idx="2087">
                  <c:v>0</c:v>
                </c:pt>
                <c:pt idx="2088">
                  <c:v>0</c:v>
                </c:pt>
                <c:pt idx="2089">
                  <c:v>0</c:v>
                </c:pt>
                <c:pt idx="2090">
                  <c:v>0</c:v>
                </c:pt>
                <c:pt idx="2091">
                  <c:v>0</c:v>
                </c:pt>
                <c:pt idx="2092">
                  <c:v>0</c:v>
                </c:pt>
                <c:pt idx="2093">
                  <c:v>0</c:v>
                </c:pt>
                <c:pt idx="2094">
                  <c:v>0</c:v>
                </c:pt>
                <c:pt idx="2095">
                  <c:v>0</c:v>
                </c:pt>
                <c:pt idx="2096">
                  <c:v>0</c:v>
                </c:pt>
                <c:pt idx="2097">
                  <c:v>0</c:v>
                </c:pt>
                <c:pt idx="2098">
                  <c:v>0</c:v>
                </c:pt>
                <c:pt idx="2099">
                  <c:v>0</c:v>
                </c:pt>
                <c:pt idx="2100">
                  <c:v>0</c:v>
                </c:pt>
                <c:pt idx="2101">
                  <c:v>0</c:v>
                </c:pt>
                <c:pt idx="2102">
                  <c:v>0</c:v>
                </c:pt>
                <c:pt idx="2103">
                  <c:v>0</c:v>
                </c:pt>
                <c:pt idx="2104">
                  <c:v>0</c:v>
                </c:pt>
                <c:pt idx="2105">
                  <c:v>0</c:v>
                </c:pt>
                <c:pt idx="2106">
                  <c:v>0</c:v>
                </c:pt>
                <c:pt idx="2107">
                  <c:v>0</c:v>
                </c:pt>
                <c:pt idx="2108">
                  <c:v>0</c:v>
                </c:pt>
                <c:pt idx="2109">
                  <c:v>0</c:v>
                </c:pt>
                <c:pt idx="2110">
                  <c:v>0</c:v>
                </c:pt>
                <c:pt idx="2111">
                  <c:v>0</c:v>
                </c:pt>
                <c:pt idx="2112">
                  <c:v>0</c:v>
                </c:pt>
                <c:pt idx="2113">
                  <c:v>0</c:v>
                </c:pt>
                <c:pt idx="2114">
                  <c:v>0</c:v>
                </c:pt>
                <c:pt idx="2115">
                  <c:v>0</c:v>
                </c:pt>
                <c:pt idx="2116">
                  <c:v>0</c:v>
                </c:pt>
                <c:pt idx="2117">
                  <c:v>0</c:v>
                </c:pt>
                <c:pt idx="2118">
                  <c:v>0</c:v>
                </c:pt>
                <c:pt idx="2119">
                  <c:v>0</c:v>
                </c:pt>
                <c:pt idx="2120">
                  <c:v>0</c:v>
                </c:pt>
                <c:pt idx="2121">
                  <c:v>0</c:v>
                </c:pt>
                <c:pt idx="2122">
                  <c:v>0</c:v>
                </c:pt>
                <c:pt idx="2123">
                  <c:v>0</c:v>
                </c:pt>
                <c:pt idx="2124">
                  <c:v>0</c:v>
                </c:pt>
                <c:pt idx="2125">
                  <c:v>0</c:v>
                </c:pt>
                <c:pt idx="2126">
                  <c:v>0</c:v>
                </c:pt>
                <c:pt idx="2127">
                  <c:v>0</c:v>
                </c:pt>
                <c:pt idx="2128">
                  <c:v>0</c:v>
                </c:pt>
                <c:pt idx="2129">
                  <c:v>0</c:v>
                </c:pt>
                <c:pt idx="2130">
                  <c:v>0</c:v>
                </c:pt>
                <c:pt idx="2131">
                  <c:v>0</c:v>
                </c:pt>
                <c:pt idx="2132">
                  <c:v>0</c:v>
                </c:pt>
                <c:pt idx="2133">
                  <c:v>0</c:v>
                </c:pt>
                <c:pt idx="2134">
                  <c:v>0</c:v>
                </c:pt>
                <c:pt idx="2135">
                  <c:v>0</c:v>
                </c:pt>
                <c:pt idx="2136">
                  <c:v>0</c:v>
                </c:pt>
                <c:pt idx="2137">
                  <c:v>0</c:v>
                </c:pt>
                <c:pt idx="2138">
                  <c:v>0</c:v>
                </c:pt>
                <c:pt idx="2139">
                  <c:v>0</c:v>
                </c:pt>
                <c:pt idx="2140">
                  <c:v>0</c:v>
                </c:pt>
                <c:pt idx="2141">
                  <c:v>0</c:v>
                </c:pt>
                <c:pt idx="2142">
                  <c:v>0</c:v>
                </c:pt>
                <c:pt idx="2143">
                  <c:v>0</c:v>
                </c:pt>
                <c:pt idx="2144">
                  <c:v>0</c:v>
                </c:pt>
                <c:pt idx="2145">
                  <c:v>0</c:v>
                </c:pt>
                <c:pt idx="2146">
                  <c:v>0</c:v>
                </c:pt>
                <c:pt idx="2147">
                  <c:v>0</c:v>
                </c:pt>
                <c:pt idx="2148">
                  <c:v>0</c:v>
                </c:pt>
                <c:pt idx="2149">
                  <c:v>0</c:v>
                </c:pt>
                <c:pt idx="2150">
                  <c:v>0</c:v>
                </c:pt>
                <c:pt idx="2151">
                  <c:v>0</c:v>
                </c:pt>
                <c:pt idx="2152">
                  <c:v>0</c:v>
                </c:pt>
                <c:pt idx="2153">
                  <c:v>0</c:v>
                </c:pt>
                <c:pt idx="2154">
                  <c:v>0</c:v>
                </c:pt>
                <c:pt idx="2155">
                  <c:v>0</c:v>
                </c:pt>
                <c:pt idx="2156">
                  <c:v>0</c:v>
                </c:pt>
                <c:pt idx="2157">
                  <c:v>0</c:v>
                </c:pt>
                <c:pt idx="2158">
                  <c:v>0</c:v>
                </c:pt>
                <c:pt idx="2159">
                  <c:v>0</c:v>
                </c:pt>
                <c:pt idx="2160">
                  <c:v>0</c:v>
                </c:pt>
                <c:pt idx="2161">
                  <c:v>0</c:v>
                </c:pt>
                <c:pt idx="2162">
                  <c:v>0</c:v>
                </c:pt>
                <c:pt idx="2163">
                  <c:v>0</c:v>
                </c:pt>
                <c:pt idx="2164">
                  <c:v>0</c:v>
                </c:pt>
                <c:pt idx="2165">
                  <c:v>0</c:v>
                </c:pt>
                <c:pt idx="2166">
                  <c:v>0</c:v>
                </c:pt>
                <c:pt idx="2167">
                  <c:v>0</c:v>
                </c:pt>
                <c:pt idx="2168">
                  <c:v>0</c:v>
                </c:pt>
                <c:pt idx="2169">
                  <c:v>0</c:v>
                </c:pt>
                <c:pt idx="2170">
                  <c:v>0</c:v>
                </c:pt>
                <c:pt idx="2171">
                  <c:v>0</c:v>
                </c:pt>
                <c:pt idx="2172">
                  <c:v>0</c:v>
                </c:pt>
                <c:pt idx="2173">
                  <c:v>0</c:v>
                </c:pt>
                <c:pt idx="2174">
                  <c:v>0</c:v>
                </c:pt>
                <c:pt idx="2175">
                  <c:v>0</c:v>
                </c:pt>
                <c:pt idx="2176">
                  <c:v>0</c:v>
                </c:pt>
                <c:pt idx="2177">
                  <c:v>0</c:v>
                </c:pt>
                <c:pt idx="2178">
                  <c:v>0</c:v>
                </c:pt>
                <c:pt idx="2179">
                  <c:v>0</c:v>
                </c:pt>
                <c:pt idx="2180">
                  <c:v>0</c:v>
                </c:pt>
                <c:pt idx="2181">
                  <c:v>0</c:v>
                </c:pt>
                <c:pt idx="2182">
                  <c:v>0</c:v>
                </c:pt>
                <c:pt idx="2183">
                  <c:v>0</c:v>
                </c:pt>
                <c:pt idx="2184">
                  <c:v>0</c:v>
                </c:pt>
                <c:pt idx="2185">
                  <c:v>0</c:v>
                </c:pt>
                <c:pt idx="2186">
                  <c:v>0</c:v>
                </c:pt>
                <c:pt idx="2187">
                  <c:v>0</c:v>
                </c:pt>
                <c:pt idx="2188">
                  <c:v>0</c:v>
                </c:pt>
                <c:pt idx="2189">
                  <c:v>0</c:v>
                </c:pt>
                <c:pt idx="2190">
                  <c:v>0</c:v>
                </c:pt>
                <c:pt idx="2191">
                  <c:v>0</c:v>
                </c:pt>
                <c:pt idx="2192">
                  <c:v>0</c:v>
                </c:pt>
                <c:pt idx="2193">
                  <c:v>0</c:v>
                </c:pt>
                <c:pt idx="2194">
                  <c:v>0</c:v>
                </c:pt>
                <c:pt idx="2195">
                  <c:v>0</c:v>
                </c:pt>
                <c:pt idx="2196">
                  <c:v>0</c:v>
                </c:pt>
                <c:pt idx="2197">
                  <c:v>0</c:v>
                </c:pt>
                <c:pt idx="2198">
                  <c:v>0</c:v>
                </c:pt>
                <c:pt idx="2199">
                  <c:v>0</c:v>
                </c:pt>
                <c:pt idx="2200">
                  <c:v>0</c:v>
                </c:pt>
                <c:pt idx="2201">
                  <c:v>0</c:v>
                </c:pt>
                <c:pt idx="2202">
                  <c:v>0</c:v>
                </c:pt>
                <c:pt idx="2203">
                  <c:v>0</c:v>
                </c:pt>
                <c:pt idx="2204">
                  <c:v>0</c:v>
                </c:pt>
                <c:pt idx="2205">
                  <c:v>0</c:v>
                </c:pt>
                <c:pt idx="2206">
                  <c:v>0</c:v>
                </c:pt>
                <c:pt idx="2207">
                  <c:v>0</c:v>
                </c:pt>
                <c:pt idx="2208">
                  <c:v>0</c:v>
                </c:pt>
                <c:pt idx="2209">
                  <c:v>0</c:v>
                </c:pt>
                <c:pt idx="2210">
                  <c:v>0</c:v>
                </c:pt>
                <c:pt idx="2211">
                  <c:v>0</c:v>
                </c:pt>
                <c:pt idx="2212">
                  <c:v>0</c:v>
                </c:pt>
                <c:pt idx="2213">
                  <c:v>0</c:v>
                </c:pt>
                <c:pt idx="2214">
                  <c:v>0</c:v>
                </c:pt>
                <c:pt idx="2215">
                  <c:v>0</c:v>
                </c:pt>
                <c:pt idx="2216">
                  <c:v>0</c:v>
                </c:pt>
                <c:pt idx="2217">
                  <c:v>0</c:v>
                </c:pt>
                <c:pt idx="2218">
                  <c:v>0</c:v>
                </c:pt>
                <c:pt idx="2219">
                  <c:v>0</c:v>
                </c:pt>
                <c:pt idx="2220">
                  <c:v>0</c:v>
                </c:pt>
                <c:pt idx="2221">
                  <c:v>0</c:v>
                </c:pt>
                <c:pt idx="2222">
                  <c:v>0</c:v>
                </c:pt>
                <c:pt idx="2223">
                  <c:v>0</c:v>
                </c:pt>
                <c:pt idx="2224">
                  <c:v>0</c:v>
                </c:pt>
                <c:pt idx="2225">
                  <c:v>0</c:v>
                </c:pt>
                <c:pt idx="2226">
                  <c:v>0</c:v>
                </c:pt>
                <c:pt idx="2227">
                  <c:v>0</c:v>
                </c:pt>
                <c:pt idx="2228">
                  <c:v>0</c:v>
                </c:pt>
                <c:pt idx="2229">
                  <c:v>0</c:v>
                </c:pt>
                <c:pt idx="2230">
                  <c:v>0</c:v>
                </c:pt>
                <c:pt idx="2231">
                  <c:v>0</c:v>
                </c:pt>
                <c:pt idx="2232">
                  <c:v>0</c:v>
                </c:pt>
                <c:pt idx="2233">
                  <c:v>0</c:v>
                </c:pt>
                <c:pt idx="2234">
                  <c:v>0</c:v>
                </c:pt>
                <c:pt idx="2235">
                  <c:v>0</c:v>
                </c:pt>
                <c:pt idx="2236">
                  <c:v>0</c:v>
                </c:pt>
                <c:pt idx="2237">
                  <c:v>0</c:v>
                </c:pt>
                <c:pt idx="2238">
                  <c:v>0</c:v>
                </c:pt>
                <c:pt idx="2239">
                  <c:v>0</c:v>
                </c:pt>
                <c:pt idx="2240">
                  <c:v>0</c:v>
                </c:pt>
                <c:pt idx="2241">
                  <c:v>0</c:v>
                </c:pt>
                <c:pt idx="2242">
                  <c:v>0</c:v>
                </c:pt>
                <c:pt idx="2243">
                  <c:v>0</c:v>
                </c:pt>
                <c:pt idx="2244">
                  <c:v>0</c:v>
                </c:pt>
                <c:pt idx="2245">
                  <c:v>0</c:v>
                </c:pt>
                <c:pt idx="2246">
                  <c:v>0</c:v>
                </c:pt>
                <c:pt idx="2247">
                  <c:v>0</c:v>
                </c:pt>
                <c:pt idx="2248">
                  <c:v>0</c:v>
                </c:pt>
                <c:pt idx="2249">
                  <c:v>0</c:v>
                </c:pt>
                <c:pt idx="2250">
                  <c:v>0</c:v>
                </c:pt>
                <c:pt idx="2251">
                  <c:v>0</c:v>
                </c:pt>
                <c:pt idx="2252">
                  <c:v>0</c:v>
                </c:pt>
                <c:pt idx="2253">
                  <c:v>0</c:v>
                </c:pt>
                <c:pt idx="2254">
                  <c:v>0</c:v>
                </c:pt>
                <c:pt idx="2255">
                  <c:v>0</c:v>
                </c:pt>
                <c:pt idx="2256">
                  <c:v>0</c:v>
                </c:pt>
                <c:pt idx="2257">
                  <c:v>0</c:v>
                </c:pt>
                <c:pt idx="2258">
                  <c:v>0</c:v>
                </c:pt>
                <c:pt idx="2259">
                  <c:v>0</c:v>
                </c:pt>
                <c:pt idx="2260">
                  <c:v>0</c:v>
                </c:pt>
                <c:pt idx="2261">
                  <c:v>0</c:v>
                </c:pt>
                <c:pt idx="2262">
                  <c:v>0</c:v>
                </c:pt>
                <c:pt idx="2263">
                  <c:v>0</c:v>
                </c:pt>
                <c:pt idx="2264">
                  <c:v>0</c:v>
                </c:pt>
                <c:pt idx="2265">
                  <c:v>0</c:v>
                </c:pt>
                <c:pt idx="2266">
                  <c:v>0</c:v>
                </c:pt>
                <c:pt idx="2267">
                  <c:v>0</c:v>
                </c:pt>
                <c:pt idx="2268">
                  <c:v>0</c:v>
                </c:pt>
                <c:pt idx="2269">
                  <c:v>0</c:v>
                </c:pt>
                <c:pt idx="2270">
                  <c:v>0</c:v>
                </c:pt>
                <c:pt idx="2271">
                  <c:v>0</c:v>
                </c:pt>
                <c:pt idx="2272">
                  <c:v>0</c:v>
                </c:pt>
                <c:pt idx="2273">
                  <c:v>0</c:v>
                </c:pt>
                <c:pt idx="2274">
                  <c:v>0</c:v>
                </c:pt>
                <c:pt idx="2275">
                  <c:v>0</c:v>
                </c:pt>
                <c:pt idx="2276">
                  <c:v>0</c:v>
                </c:pt>
                <c:pt idx="2277">
                  <c:v>0</c:v>
                </c:pt>
                <c:pt idx="2278">
                  <c:v>0</c:v>
                </c:pt>
                <c:pt idx="2279">
                  <c:v>0</c:v>
                </c:pt>
                <c:pt idx="2280">
                  <c:v>0</c:v>
                </c:pt>
                <c:pt idx="2281">
                  <c:v>0</c:v>
                </c:pt>
                <c:pt idx="2282">
                  <c:v>0</c:v>
                </c:pt>
                <c:pt idx="2283">
                  <c:v>0</c:v>
                </c:pt>
                <c:pt idx="2284">
                  <c:v>0</c:v>
                </c:pt>
                <c:pt idx="2285">
                  <c:v>0</c:v>
                </c:pt>
                <c:pt idx="2286">
                  <c:v>0</c:v>
                </c:pt>
                <c:pt idx="2287">
                  <c:v>0</c:v>
                </c:pt>
                <c:pt idx="2288">
                  <c:v>0</c:v>
                </c:pt>
                <c:pt idx="2289">
                  <c:v>0</c:v>
                </c:pt>
                <c:pt idx="2290">
                  <c:v>0</c:v>
                </c:pt>
                <c:pt idx="2291">
                  <c:v>0</c:v>
                </c:pt>
                <c:pt idx="2292">
                  <c:v>0</c:v>
                </c:pt>
                <c:pt idx="2293">
                  <c:v>0</c:v>
                </c:pt>
                <c:pt idx="2294">
                  <c:v>0</c:v>
                </c:pt>
                <c:pt idx="2295">
                  <c:v>0</c:v>
                </c:pt>
                <c:pt idx="2296">
                  <c:v>0</c:v>
                </c:pt>
                <c:pt idx="2297">
                  <c:v>0</c:v>
                </c:pt>
                <c:pt idx="2298">
                  <c:v>0</c:v>
                </c:pt>
                <c:pt idx="2299">
                  <c:v>0</c:v>
                </c:pt>
                <c:pt idx="2300">
                  <c:v>0</c:v>
                </c:pt>
                <c:pt idx="2301">
                  <c:v>0</c:v>
                </c:pt>
                <c:pt idx="2302">
                  <c:v>0</c:v>
                </c:pt>
                <c:pt idx="2303">
                  <c:v>0</c:v>
                </c:pt>
                <c:pt idx="2304">
                  <c:v>0</c:v>
                </c:pt>
                <c:pt idx="2305">
                  <c:v>0</c:v>
                </c:pt>
                <c:pt idx="2306">
                  <c:v>0</c:v>
                </c:pt>
                <c:pt idx="2307">
                  <c:v>0</c:v>
                </c:pt>
                <c:pt idx="2308">
                  <c:v>0</c:v>
                </c:pt>
                <c:pt idx="2309">
                  <c:v>0</c:v>
                </c:pt>
                <c:pt idx="2310">
                  <c:v>0</c:v>
                </c:pt>
                <c:pt idx="2311">
                  <c:v>0</c:v>
                </c:pt>
                <c:pt idx="2312">
                  <c:v>0</c:v>
                </c:pt>
                <c:pt idx="2313">
                  <c:v>0</c:v>
                </c:pt>
                <c:pt idx="2314">
                  <c:v>0</c:v>
                </c:pt>
                <c:pt idx="2315">
                  <c:v>0</c:v>
                </c:pt>
                <c:pt idx="2316">
                  <c:v>0</c:v>
                </c:pt>
                <c:pt idx="2317">
                  <c:v>0</c:v>
                </c:pt>
                <c:pt idx="2318">
                  <c:v>0</c:v>
                </c:pt>
                <c:pt idx="2319">
                  <c:v>0</c:v>
                </c:pt>
                <c:pt idx="2320">
                  <c:v>0</c:v>
                </c:pt>
                <c:pt idx="2321">
                  <c:v>0</c:v>
                </c:pt>
                <c:pt idx="2322">
                  <c:v>0</c:v>
                </c:pt>
                <c:pt idx="2323">
                  <c:v>0</c:v>
                </c:pt>
                <c:pt idx="2324">
                  <c:v>0</c:v>
                </c:pt>
                <c:pt idx="2325">
                  <c:v>0</c:v>
                </c:pt>
                <c:pt idx="2326">
                  <c:v>0</c:v>
                </c:pt>
                <c:pt idx="2327">
                  <c:v>0</c:v>
                </c:pt>
                <c:pt idx="2328">
                  <c:v>0</c:v>
                </c:pt>
                <c:pt idx="2329">
                  <c:v>0</c:v>
                </c:pt>
                <c:pt idx="2330">
                  <c:v>0</c:v>
                </c:pt>
                <c:pt idx="2331">
                  <c:v>0</c:v>
                </c:pt>
                <c:pt idx="2332">
                  <c:v>0</c:v>
                </c:pt>
                <c:pt idx="2333">
                  <c:v>0</c:v>
                </c:pt>
                <c:pt idx="2334">
                  <c:v>0</c:v>
                </c:pt>
                <c:pt idx="2335">
                  <c:v>0</c:v>
                </c:pt>
                <c:pt idx="2336">
                  <c:v>0</c:v>
                </c:pt>
                <c:pt idx="2337">
                  <c:v>0</c:v>
                </c:pt>
                <c:pt idx="2338">
                  <c:v>0</c:v>
                </c:pt>
                <c:pt idx="2339">
                  <c:v>0</c:v>
                </c:pt>
                <c:pt idx="2340">
                  <c:v>0</c:v>
                </c:pt>
                <c:pt idx="2341">
                  <c:v>0</c:v>
                </c:pt>
                <c:pt idx="2342">
                  <c:v>0</c:v>
                </c:pt>
                <c:pt idx="2343">
                  <c:v>0</c:v>
                </c:pt>
                <c:pt idx="2344">
                  <c:v>0</c:v>
                </c:pt>
                <c:pt idx="2345">
                  <c:v>0</c:v>
                </c:pt>
                <c:pt idx="2346">
                  <c:v>0</c:v>
                </c:pt>
                <c:pt idx="2347">
                  <c:v>0</c:v>
                </c:pt>
                <c:pt idx="2348">
                  <c:v>0</c:v>
                </c:pt>
                <c:pt idx="2349">
                  <c:v>0</c:v>
                </c:pt>
                <c:pt idx="2350">
                  <c:v>0</c:v>
                </c:pt>
                <c:pt idx="2351">
                  <c:v>0</c:v>
                </c:pt>
                <c:pt idx="2352">
                  <c:v>0</c:v>
                </c:pt>
                <c:pt idx="2353">
                  <c:v>0</c:v>
                </c:pt>
                <c:pt idx="2354">
                  <c:v>0</c:v>
                </c:pt>
                <c:pt idx="2355">
                  <c:v>0</c:v>
                </c:pt>
                <c:pt idx="2356">
                  <c:v>0</c:v>
                </c:pt>
                <c:pt idx="2357">
                  <c:v>0</c:v>
                </c:pt>
                <c:pt idx="2358">
                  <c:v>0</c:v>
                </c:pt>
                <c:pt idx="2359">
                  <c:v>0</c:v>
                </c:pt>
                <c:pt idx="2360">
                  <c:v>0</c:v>
                </c:pt>
                <c:pt idx="2361">
                  <c:v>0</c:v>
                </c:pt>
                <c:pt idx="2362">
                  <c:v>0</c:v>
                </c:pt>
                <c:pt idx="2363">
                  <c:v>0</c:v>
                </c:pt>
                <c:pt idx="2364">
                  <c:v>0</c:v>
                </c:pt>
                <c:pt idx="2365">
                  <c:v>0</c:v>
                </c:pt>
                <c:pt idx="2366">
                  <c:v>0</c:v>
                </c:pt>
                <c:pt idx="2367">
                  <c:v>0</c:v>
                </c:pt>
                <c:pt idx="2368">
                  <c:v>0</c:v>
                </c:pt>
                <c:pt idx="2369">
                  <c:v>0</c:v>
                </c:pt>
                <c:pt idx="2370">
                  <c:v>0</c:v>
                </c:pt>
                <c:pt idx="2371">
                  <c:v>0</c:v>
                </c:pt>
                <c:pt idx="2372">
                  <c:v>0</c:v>
                </c:pt>
                <c:pt idx="2373">
                  <c:v>0</c:v>
                </c:pt>
                <c:pt idx="2374">
                  <c:v>0</c:v>
                </c:pt>
                <c:pt idx="2375">
                  <c:v>0</c:v>
                </c:pt>
                <c:pt idx="2376">
                  <c:v>0</c:v>
                </c:pt>
                <c:pt idx="2377">
                  <c:v>0</c:v>
                </c:pt>
                <c:pt idx="2378">
                  <c:v>0</c:v>
                </c:pt>
                <c:pt idx="2379">
                  <c:v>0</c:v>
                </c:pt>
                <c:pt idx="2380">
                  <c:v>0</c:v>
                </c:pt>
                <c:pt idx="2381">
                  <c:v>0</c:v>
                </c:pt>
                <c:pt idx="2382">
                  <c:v>0</c:v>
                </c:pt>
                <c:pt idx="2383">
                  <c:v>0</c:v>
                </c:pt>
                <c:pt idx="2384">
                  <c:v>0</c:v>
                </c:pt>
                <c:pt idx="2385">
                  <c:v>0</c:v>
                </c:pt>
                <c:pt idx="2386">
                  <c:v>0</c:v>
                </c:pt>
                <c:pt idx="2387">
                  <c:v>0</c:v>
                </c:pt>
                <c:pt idx="2388">
                  <c:v>0</c:v>
                </c:pt>
                <c:pt idx="2389">
                  <c:v>0</c:v>
                </c:pt>
                <c:pt idx="2390">
                  <c:v>0</c:v>
                </c:pt>
                <c:pt idx="2391">
                  <c:v>0</c:v>
                </c:pt>
                <c:pt idx="2392">
                  <c:v>0</c:v>
                </c:pt>
                <c:pt idx="2393">
                  <c:v>0</c:v>
                </c:pt>
                <c:pt idx="2394">
                  <c:v>0</c:v>
                </c:pt>
                <c:pt idx="2395">
                  <c:v>0</c:v>
                </c:pt>
                <c:pt idx="2396">
                  <c:v>0</c:v>
                </c:pt>
                <c:pt idx="2397">
                  <c:v>0</c:v>
                </c:pt>
                <c:pt idx="2398">
                  <c:v>0</c:v>
                </c:pt>
                <c:pt idx="2399">
                  <c:v>0</c:v>
                </c:pt>
                <c:pt idx="2400">
                  <c:v>0</c:v>
                </c:pt>
                <c:pt idx="2401">
                  <c:v>0</c:v>
                </c:pt>
                <c:pt idx="2402">
                  <c:v>0</c:v>
                </c:pt>
                <c:pt idx="2403">
                  <c:v>0</c:v>
                </c:pt>
                <c:pt idx="2404">
                  <c:v>0</c:v>
                </c:pt>
                <c:pt idx="2405">
                  <c:v>0</c:v>
                </c:pt>
                <c:pt idx="2406">
                  <c:v>0</c:v>
                </c:pt>
                <c:pt idx="2407">
                  <c:v>0</c:v>
                </c:pt>
                <c:pt idx="2408">
                  <c:v>0</c:v>
                </c:pt>
                <c:pt idx="2409">
                  <c:v>0</c:v>
                </c:pt>
                <c:pt idx="2410">
                  <c:v>0</c:v>
                </c:pt>
                <c:pt idx="2411">
                  <c:v>0</c:v>
                </c:pt>
                <c:pt idx="2412">
                  <c:v>0</c:v>
                </c:pt>
                <c:pt idx="2413">
                  <c:v>0</c:v>
                </c:pt>
                <c:pt idx="2414">
                  <c:v>0</c:v>
                </c:pt>
                <c:pt idx="2415">
                  <c:v>0</c:v>
                </c:pt>
                <c:pt idx="2416">
                  <c:v>0</c:v>
                </c:pt>
                <c:pt idx="2417">
                  <c:v>0</c:v>
                </c:pt>
                <c:pt idx="2418">
                  <c:v>0</c:v>
                </c:pt>
                <c:pt idx="2419">
                  <c:v>0</c:v>
                </c:pt>
                <c:pt idx="2420">
                  <c:v>0</c:v>
                </c:pt>
                <c:pt idx="2421">
                  <c:v>0</c:v>
                </c:pt>
                <c:pt idx="2422">
                  <c:v>0</c:v>
                </c:pt>
                <c:pt idx="2423">
                  <c:v>0</c:v>
                </c:pt>
                <c:pt idx="2424">
                  <c:v>0</c:v>
                </c:pt>
                <c:pt idx="2425">
                  <c:v>0</c:v>
                </c:pt>
                <c:pt idx="2426">
                  <c:v>0</c:v>
                </c:pt>
                <c:pt idx="2427">
                  <c:v>0</c:v>
                </c:pt>
                <c:pt idx="2428">
                  <c:v>0</c:v>
                </c:pt>
                <c:pt idx="2429">
                  <c:v>0</c:v>
                </c:pt>
                <c:pt idx="2430">
                  <c:v>0</c:v>
                </c:pt>
                <c:pt idx="2431">
                  <c:v>0</c:v>
                </c:pt>
                <c:pt idx="2432">
                  <c:v>0</c:v>
                </c:pt>
                <c:pt idx="2433">
                  <c:v>0</c:v>
                </c:pt>
                <c:pt idx="2434">
                  <c:v>0</c:v>
                </c:pt>
                <c:pt idx="2435">
                  <c:v>0</c:v>
                </c:pt>
                <c:pt idx="2436">
                  <c:v>0</c:v>
                </c:pt>
                <c:pt idx="2437">
                  <c:v>0</c:v>
                </c:pt>
                <c:pt idx="2438">
                  <c:v>0</c:v>
                </c:pt>
                <c:pt idx="2439">
                  <c:v>0</c:v>
                </c:pt>
                <c:pt idx="2440">
                  <c:v>0</c:v>
                </c:pt>
                <c:pt idx="2441">
                  <c:v>0</c:v>
                </c:pt>
                <c:pt idx="2442">
                  <c:v>0</c:v>
                </c:pt>
                <c:pt idx="2443">
                  <c:v>0</c:v>
                </c:pt>
                <c:pt idx="2444">
                  <c:v>0</c:v>
                </c:pt>
                <c:pt idx="2445">
                  <c:v>0</c:v>
                </c:pt>
                <c:pt idx="2446">
                  <c:v>0</c:v>
                </c:pt>
                <c:pt idx="2447">
                  <c:v>0</c:v>
                </c:pt>
                <c:pt idx="2448">
                  <c:v>0</c:v>
                </c:pt>
                <c:pt idx="2449">
                  <c:v>0</c:v>
                </c:pt>
                <c:pt idx="2450">
                  <c:v>0</c:v>
                </c:pt>
                <c:pt idx="2451">
                  <c:v>0</c:v>
                </c:pt>
                <c:pt idx="2452">
                  <c:v>0</c:v>
                </c:pt>
                <c:pt idx="2453">
                  <c:v>0</c:v>
                </c:pt>
                <c:pt idx="2454">
                  <c:v>0</c:v>
                </c:pt>
                <c:pt idx="2455">
                  <c:v>0</c:v>
                </c:pt>
                <c:pt idx="2456">
                  <c:v>0</c:v>
                </c:pt>
                <c:pt idx="2457">
                  <c:v>0</c:v>
                </c:pt>
                <c:pt idx="2458">
                  <c:v>0</c:v>
                </c:pt>
                <c:pt idx="2459">
                  <c:v>0</c:v>
                </c:pt>
                <c:pt idx="2460">
                  <c:v>0</c:v>
                </c:pt>
                <c:pt idx="2461">
                  <c:v>0</c:v>
                </c:pt>
                <c:pt idx="2462">
                  <c:v>0</c:v>
                </c:pt>
                <c:pt idx="2463">
                  <c:v>0</c:v>
                </c:pt>
                <c:pt idx="2464">
                  <c:v>0</c:v>
                </c:pt>
                <c:pt idx="2465">
                  <c:v>0</c:v>
                </c:pt>
                <c:pt idx="2466">
                  <c:v>0</c:v>
                </c:pt>
                <c:pt idx="2467">
                  <c:v>0</c:v>
                </c:pt>
                <c:pt idx="2468">
                  <c:v>0</c:v>
                </c:pt>
                <c:pt idx="2469">
                  <c:v>0</c:v>
                </c:pt>
                <c:pt idx="2470">
                  <c:v>0</c:v>
                </c:pt>
                <c:pt idx="2471">
                  <c:v>0</c:v>
                </c:pt>
                <c:pt idx="2472">
                  <c:v>0</c:v>
                </c:pt>
                <c:pt idx="2473">
                  <c:v>0</c:v>
                </c:pt>
                <c:pt idx="2474">
                  <c:v>0</c:v>
                </c:pt>
                <c:pt idx="2475">
                  <c:v>0</c:v>
                </c:pt>
                <c:pt idx="2476">
                  <c:v>0</c:v>
                </c:pt>
                <c:pt idx="2477">
                  <c:v>0</c:v>
                </c:pt>
                <c:pt idx="2478">
                  <c:v>0</c:v>
                </c:pt>
                <c:pt idx="2479">
                  <c:v>0</c:v>
                </c:pt>
                <c:pt idx="2480">
                  <c:v>0</c:v>
                </c:pt>
                <c:pt idx="2481">
                  <c:v>0</c:v>
                </c:pt>
                <c:pt idx="2482">
                  <c:v>0</c:v>
                </c:pt>
                <c:pt idx="2483">
                  <c:v>0</c:v>
                </c:pt>
                <c:pt idx="2484">
                  <c:v>0</c:v>
                </c:pt>
                <c:pt idx="2485">
                  <c:v>0</c:v>
                </c:pt>
                <c:pt idx="2486">
                  <c:v>0</c:v>
                </c:pt>
                <c:pt idx="2487">
                  <c:v>0</c:v>
                </c:pt>
                <c:pt idx="2488">
                  <c:v>0</c:v>
                </c:pt>
                <c:pt idx="2489">
                  <c:v>0</c:v>
                </c:pt>
                <c:pt idx="2490">
                  <c:v>0</c:v>
                </c:pt>
                <c:pt idx="2491">
                  <c:v>0</c:v>
                </c:pt>
                <c:pt idx="2492">
                  <c:v>0</c:v>
                </c:pt>
                <c:pt idx="2493">
                  <c:v>0</c:v>
                </c:pt>
                <c:pt idx="2494">
                  <c:v>0</c:v>
                </c:pt>
                <c:pt idx="2495">
                  <c:v>0</c:v>
                </c:pt>
                <c:pt idx="2496">
                  <c:v>0</c:v>
                </c:pt>
                <c:pt idx="2497">
                  <c:v>0</c:v>
                </c:pt>
                <c:pt idx="2498">
                  <c:v>0</c:v>
                </c:pt>
                <c:pt idx="2499">
                  <c:v>0</c:v>
                </c:pt>
                <c:pt idx="2500">
                  <c:v>0</c:v>
                </c:pt>
                <c:pt idx="2501">
                  <c:v>0</c:v>
                </c:pt>
                <c:pt idx="2502">
                  <c:v>0</c:v>
                </c:pt>
                <c:pt idx="2503">
                  <c:v>0</c:v>
                </c:pt>
                <c:pt idx="2504">
                  <c:v>0</c:v>
                </c:pt>
                <c:pt idx="2505">
                  <c:v>0</c:v>
                </c:pt>
                <c:pt idx="2506">
                  <c:v>0</c:v>
                </c:pt>
                <c:pt idx="2507">
                  <c:v>0</c:v>
                </c:pt>
                <c:pt idx="2508">
                  <c:v>0</c:v>
                </c:pt>
                <c:pt idx="2509">
                  <c:v>0</c:v>
                </c:pt>
                <c:pt idx="2510">
                  <c:v>0</c:v>
                </c:pt>
                <c:pt idx="2511">
                  <c:v>0</c:v>
                </c:pt>
                <c:pt idx="2512">
                  <c:v>0</c:v>
                </c:pt>
                <c:pt idx="2513">
                  <c:v>0</c:v>
                </c:pt>
                <c:pt idx="2514">
                  <c:v>0</c:v>
                </c:pt>
                <c:pt idx="2515">
                  <c:v>0</c:v>
                </c:pt>
                <c:pt idx="2516">
                  <c:v>0</c:v>
                </c:pt>
                <c:pt idx="2517">
                  <c:v>0</c:v>
                </c:pt>
                <c:pt idx="2518">
                  <c:v>0</c:v>
                </c:pt>
                <c:pt idx="2519">
                  <c:v>0</c:v>
                </c:pt>
                <c:pt idx="2520">
                  <c:v>0</c:v>
                </c:pt>
                <c:pt idx="2521">
                  <c:v>0</c:v>
                </c:pt>
                <c:pt idx="2522">
                  <c:v>0</c:v>
                </c:pt>
                <c:pt idx="2523">
                  <c:v>0</c:v>
                </c:pt>
                <c:pt idx="2524">
                  <c:v>0</c:v>
                </c:pt>
                <c:pt idx="2525">
                  <c:v>0</c:v>
                </c:pt>
                <c:pt idx="2526">
                  <c:v>0</c:v>
                </c:pt>
                <c:pt idx="2527">
                  <c:v>0</c:v>
                </c:pt>
                <c:pt idx="2528">
                  <c:v>0</c:v>
                </c:pt>
                <c:pt idx="2529">
                  <c:v>0</c:v>
                </c:pt>
                <c:pt idx="2530">
                  <c:v>0</c:v>
                </c:pt>
                <c:pt idx="2531">
                  <c:v>0</c:v>
                </c:pt>
                <c:pt idx="2532">
                  <c:v>0</c:v>
                </c:pt>
                <c:pt idx="2533">
                  <c:v>0</c:v>
                </c:pt>
                <c:pt idx="2534">
                  <c:v>0</c:v>
                </c:pt>
                <c:pt idx="2535">
                  <c:v>0</c:v>
                </c:pt>
                <c:pt idx="2536">
                  <c:v>0</c:v>
                </c:pt>
                <c:pt idx="2537">
                  <c:v>0</c:v>
                </c:pt>
                <c:pt idx="2538">
                  <c:v>0</c:v>
                </c:pt>
                <c:pt idx="2539">
                  <c:v>0</c:v>
                </c:pt>
                <c:pt idx="2540">
                  <c:v>0</c:v>
                </c:pt>
                <c:pt idx="2541">
                  <c:v>0</c:v>
                </c:pt>
                <c:pt idx="2542">
                  <c:v>0</c:v>
                </c:pt>
                <c:pt idx="2543">
                  <c:v>0</c:v>
                </c:pt>
                <c:pt idx="2544">
                  <c:v>0</c:v>
                </c:pt>
                <c:pt idx="2545">
                  <c:v>0</c:v>
                </c:pt>
                <c:pt idx="2546">
                  <c:v>0</c:v>
                </c:pt>
                <c:pt idx="2547">
                  <c:v>0</c:v>
                </c:pt>
                <c:pt idx="2548">
                  <c:v>0</c:v>
                </c:pt>
                <c:pt idx="2549">
                  <c:v>0</c:v>
                </c:pt>
                <c:pt idx="2550">
                  <c:v>1</c:v>
                </c:pt>
                <c:pt idx="2551">
                  <c:v>1</c:v>
                </c:pt>
                <c:pt idx="2552">
                  <c:v>1</c:v>
                </c:pt>
                <c:pt idx="2553">
                  <c:v>1</c:v>
                </c:pt>
                <c:pt idx="2554">
                  <c:v>1</c:v>
                </c:pt>
                <c:pt idx="2555">
                  <c:v>1</c:v>
                </c:pt>
                <c:pt idx="2556">
                  <c:v>1</c:v>
                </c:pt>
                <c:pt idx="2557">
                  <c:v>1</c:v>
                </c:pt>
                <c:pt idx="2558">
                  <c:v>1</c:v>
                </c:pt>
                <c:pt idx="2559">
                  <c:v>0</c:v>
                </c:pt>
                <c:pt idx="2560">
                  <c:v>0</c:v>
                </c:pt>
                <c:pt idx="2561">
                  <c:v>0</c:v>
                </c:pt>
                <c:pt idx="2562">
                  <c:v>0</c:v>
                </c:pt>
                <c:pt idx="2563">
                  <c:v>0</c:v>
                </c:pt>
                <c:pt idx="2564">
                  <c:v>0</c:v>
                </c:pt>
                <c:pt idx="2565">
                  <c:v>0</c:v>
                </c:pt>
                <c:pt idx="2566">
                  <c:v>0</c:v>
                </c:pt>
                <c:pt idx="2567">
                  <c:v>0</c:v>
                </c:pt>
                <c:pt idx="2568">
                  <c:v>0</c:v>
                </c:pt>
                <c:pt idx="2569">
                  <c:v>0</c:v>
                </c:pt>
                <c:pt idx="2570">
                  <c:v>0</c:v>
                </c:pt>
                <c:pt idx="2571">
                  <c:v>0</c:v>
                </c:pt>
                <c:pt idx="2572">
                  <c:v>0</c:v>
                </c:pt>
                <c:pt idx="2573">
                  <c:v>0</c:v>
                </c:pt>
                <c:pt idx="2574">
                  <c:v>0</c:v>
                </c:pt>
                <c:pt idx="2575">
                  <c:v>0</c:v>
                </c:pt>
                <c:pt idx="2576">
                  <c:v>0</c:v>
                </c:pt>
                <c:pt idx="2577">
                  <c:v>0</c:v>
                </c:pt>
                <c:pt idx="2578">
                  <c:v>0</c:v>
                </c:pt>
                <c:pt idx="2579">
                  <c:v>0</c:v>
                </c:pt>
                <c:pt idx="2580">
                  <c:v>0</c:v>
                </c:pt>
                <c:pt idx="2581">
                  <c:v>0</c:v>
                </c:pt>
                <c:pt idx="2582">
                  <c:v>0</c:v>
                </c:pt>
                <c:pt idx="2583">
                  <c:v>0</c:v>
                </c:pt>
                <c:pt idx="2584">
                  <c:v>0</c:v>
                </c:pt>
                <c:pt idx="2585">
                  <c:v>0</c:v>
                </c:pt>
                <c:pt idx="2586">
                  <c:v>0</c:v>
                </c:pt>
                <c:pt idx="2587">
                  <c:v>0</c:v>
                </c:pt>
                <c:pt idx="2588">
                  <c:v>0</c:v>
                </c:pt>
                <c:pt idx="2589">
                  <c:v>0</c:v>
                </c:pt>
                <c:pt idx="2590">
                  <c:v>0</c:v>
                </c:pt>
                <c:pt idx="2591">
                  <c:v>0</c:v>
                </c:pt>
                <c:pt idx="2592">
                  <c:v>0</c:v>
                </c:pt>
                <c:pt idx="2593">
                  <c:v>0</c:v>
                </c:pt>
                <c:pt idx="2594">
                  <c:v>0</c:v>
                </c:pt>
                <c:pt idx="2595">
                  <c:v>0</c:v>
                </c:pt>
                <c:pt idx="2596">
                  <c:v>0</c:v>
                </c:pt>
                <c:pt idx="2597">
                  <c:v>0</c:v>
                </c:pt>
                <c:pt idx="2598">
                  <c:v>0</c:v>
                </c:pt>
                <c:pt idx="2599">
                  <c:v>0</c:v>
                </c:pt>
                <c:pt idx="2600">
                  <c:v>0</c:v>
                </c:pt>
                <c:pt idx="2601">
                  <c:v>0</c:v>
                </c:pt>
                <c:pt idx="2602">
                  <c:v>0</c:v>
                </c:pt>
                <c:pt idx="2603">
                  <c:v>0</c:v>
                </c:pt>
                <c:pt idx="2604">
                  <c:v>0</c:v>
                </c:pt>
                <c:pt idx="2605">
                  <c:v>0</c:v>
                </c:pt>
                <c:pt idx="2606">
                  <c:v>0</c:v>
                </c:pt>
                <c:pt idx="2607">
                  <c:v>0</c:v>
                </c:pt>
                <c:pt idx="2608">
                  <c:v>0</c:v>
                </c:pt>
                <c:pt idx="2609">
                  <c:v>0</c:v>
                </c:pt>
                <c:pt idx="2610">
                  <c:v>0</c:v>
                </c:pt>
                <c:pt idx="2611">
                  <c:v>0</c:v>
                </c:pt>
                <c:pt idx="2612">
                  <c:v>0</c:v>
                </c:pt>
                <c:pt idx="2613">
                  <c:v>0</c:v>
                </c:pt>
                <c:pt idx="2614">
                  <c:v>0</c:v>
                </c:pt>
                <c:pt idx="2615">
                  <c:v>0</c:v>
                </c:pt>
                <c:pt idx="2616">
                  <c:v>0</c:v>
                </c:pt>
                <c:pt idx="2617">
                  <c:v>0</c:v>
                </c:pt>
                <c:pt idx="2618">
                  <c:v>0</c:v>
                </c:pt>
                <c:pt idx="2619">
                  <c:v>0</c:v>
                </c:pt>
                <c:pt idx="2620">
                  <c:v>0</c:v>
                </c:pt>
                <c:pt idx="2621">
                  <c:v>0</c:v>
                </c:pt>
                <c:pt idx="2622">
                  <c:v>0</c:v>
                </c:pt>
                <c:pt idx="2623">
                  <c:v>0</c:v>
                </c:pt>
                <c:pt idx="2624">
                  <c:v>0</c:v>
                </c:pt>
                <c:pt idx="2625">
                  <c:v>0</c:v>
                </c:pt>
                <c:pt idx="2626">
                  <c:v>0</c:v>
                </c:pt>
                <c:pt idx="2627">
                  <c:v>0</c:v>
                </c:pt>
                <c:pt idx="2628">
                  <c:v>0</c:v>
                </c:pt>
                <c:pt idx="2629">
                  <c:v>0</c:v>
                </c:pt>
                <c:pt idx="2630">
                  <c:v>0</c:v>
                </c:pt>
                <c:pt idx="2631">
                  <c:v>0</c:v>
                </c:pt>
                <c:pt idx="2632">
                  <c:v>0</c:v>
                </c:pt>
                <c:pt idx="2633">
                  <c:v>0</c:v>
                </c:pt>
                <c:pt idx="2634">
                  <c:v>0</c:v>
                </c:pt>
                <c:pt idx="2635">
                  <c:v>0</c:v>
                </c:pt>
                <c:pt idx="2636">
                  <c:v>0</c:v>
                </c:pt>
                <c:pt idx="2637">
                  <c:v>0</c:v>
                </c:pt>
                <c:pt idx="2638">
                  <c:v>0</c:v>
                </c:pt>
                <c:pt idx="2639">
                  <c:v>0</c:v>
                </c:pt>
                <c:pt idx="2640">
                  <c:v>0</c:v>
                </c:pt>
                <c:pt idx="2641">
                  <c:v>0</c:v>
                </c:pt>
                <c:pt idx="2642">
                  <c:v>0</c:v>
                </c:pt>
                <c:pt idx="2643">
                  <c:v>0</c:v>
                </c:pt>
                <c:pt idx="2644">
                  <c:v>0</c:v>
                </c:pt>
                <c:pt idx="2645">
                  <c:v>0</c:v>
                </c:pt>
                <c:pt idx="2646">
                  <c:v>0</c:v>
                </c:pt>
                <c:pt idx="2647">
                  <c:v>0</c:v>
                </c:pt>
                <c:pt idx="2648">
                  <c:v>0</c:v>
                </c:pt>
                <c:pt idx="2649">
                  <c:v>0</c:v>
                </c:pt>
                <c:pt idx="2650">
                  <c:v>0</c:v>
                </c:pt>
                <c:pt idx="2651">
                  <c:v>0</c:v>
                </c:pt>
                <c:pt idx="2652">
                  <c:v>0</c:v>
                </c:pt>
                <c:pt idx="2653">
                  <c:v>0</c:v>
                </c:pt>
                <c:pt idx="2654">
                  <c:v>0</c:v>
                </c:pt>
                <c:pt idx="2655">
                  <c:v>0</c:v>
                </c:pt>
                <c:pt idx="2656">
                  <c:v>0</c:v>
                </c:pt>
                <c:pt idx="2657">
                  <c:v>0</c:v>
                </c:pt>
                <c:pt idx="2658">
                  <c:v>0</c:v>
                </c:pt>
                <c:pt idx="2659">
                  <c:v>0</c:v>
                </c:pt>
                <c:pt idx="2660">
                  <c:v>0</c:v>
                </c:pt>
                <c:pt idx="2661">
                  <c:v>0</c:v>
                </c:pt>
                <c:pt idx="2662">
                  <c:v>0</c:v>
                </c:pt>
                <c:pt idx="2663">
                  <c:v>0</c:v>
                </c:pt>
                <c:pt idx="2664">
                  <c:v>0</c:v>
                </c:pt>
                <c:pt idx="2665">
                  <c:v>0</c:v>
                </c:pt>
                <c:pt idx="2666">
                  <c:v>0</c:v>
                </c:pt>
                <c:pt idx="2667">
                  <c:v>0</c:v>
                </c:pt>
                <c:pt idx="2668">
                  <c:v>0</c:v>
                </c:pt>
                <c:pt idx="2669">
                  <c:v>0</c:v>
                </c:pt>
                <c:pt idx="2670">
                  <c:v>0</c:v>
                </c:pt>
                <c:pt idx="2671">
                  <c:v>0</c:v>
                </c:pt>
                <c:pt idx="2672">
                  <c:v>0</c:v>
                </c:pt>
                <c:pt idx="2673">
                  <c:v>0</c:v>
                </c:pt>
                <c:pt idx="2674">
                  <c:v>0</c:v>
                </c:pt>
                <c:pt idx="2675">
                  <c:v>0</c:v>
                </c:pt>
                <c:pt idx="2676">
                  <c:v>0</c:v>
                </c:pt>
                <c:pt idx="2677">
                  <c:v>0</c:v>
                </c:pt>
                <c:pt idx="2678">
                  <c:v>0</c:v>
                </c:pt>
                <c:pt idx="2679">
                  <c:v>0</c:v>
                </c:pt>
                <c:pt idx="2680">
                  <c:v>0</c:v>
                </c:pt>
                <c:pt idx="2681">
                  <c:v>0</c:v>
                </c:pt>
                <c:pt idx="2682">
                  <c:v>0</c:v>
                </c:pt>
                <c:pt idx="2683">
                  <c:v>0</c:v>
                </c:pt>
                <c:pt idx="2684">
                  <c:v>0</c:v>
                </c:pt>
                <c:pt idx="2685">
                  <c:v>0</c:v>
                </c:pt>
                <c:pt idx="2686">
                  <c:v>0</c:v>
                </c:pt>
                <c:pt idx="2687">
                  <c:v>0</c:v>
                </c:pt>
                <c:pt idx="2688">
                  <c:v>0</c:v>
                </c:pt>
                <c:pt idx="2689">
                  <c:v>0</c:v>
                </c:pt>
                <c:pt idx="2690">
                  <c:v>0</c:v>
                </c:pt>
                <c:pt idx="2691">
                  <c:v>0</c:v>
                </c:pt>
                <c:pt idx="2692">
                  <c:v>0</c:v>
                </c:pt>
                <c:pt idx="2693">
                  <c:v>0</c:v>
                </c:pt>
                <c:pt idx="2694">
                  <c:v>0</c:v>
                </c:pt>
                <c:pt idx="2695">
                  <c:v>0</c:v>
                </c:pt>
                <c:pt idx="2696">
                  <c:v>0</c:v>
                </c:pt>
                <c:pt idx="2697">
                  <c:v>0</c:v>
                </c:pt>
                <c:pt idx="2698">
                  <c:v>0</c:v>
                </c:pt>
                <c:pt idx="2699">
                  <c:v>0</c:v>
                </c:pt>
                <c:pt idx="2700">
                  <c:v>0</c:v>
                </c:pt>
                <c:pt idx="2701">
                  <c:v>0</c:v>
                </c:pt>
                <c:pt idx="2702">
                  <c:v>0</c:v>
                </c:pt>
                <c:pt idx="2703">
                  <c:v>0</c:v>
                </c:pt>
                <c:pt idx="2704">
                  <c:v>0</c:v>
                </c:pt>
                <c:pt idx="2705">
                  <c:v>0</c:v>
                </c:pt>
                <c:pt idx="2706">
                  <c:v>0</c:v>
                </c:pt>
                <c:pt idx="2707">
                  <c:v>0</c:v>
                </c:pt>
                <c:pt idx="2708">
                  <c:v>0</c:v>
                </c:pt>
                <c:pt idx="2709">
                  <c:v>0</c:v>
                </c:pt>
                <c:pt idx="2710">
                  <c:v>0</c:v>
                </c:pt>
                <c:pt idx="2711">
                  <c:v>0</c:v>
                </c:pt>
                <c:pt idx="2712">
                  <c:v>0</c:v>
                </c:pt>
                <c:pt idx="2713">
                  <c:v>0</c:v>
                </c:pt>
                <c:pt idx="2714">
                  <c:v>0</c:v>
                </c:pt>
                <c:pt idx="2715">
                  <c:v>0</c:v>
                </c:pt>
                <c:pt idx="2716">
                  <c:v>0</c:v>
                </c:pt>
                <c:pt idx="2717">
                  <c:v>0</c:v>
                </c:pt>
                <c:pt idx="2718">
                  <c:v>0</c:v>
                </c:pt>
                <c:pt idx="2719">
                  <c:v>0</c:v>
                </c:pt>
                <c:pt idx="2720">
                  <c:v>0</c:v>
                </c:pt>
                <c:pt idx="2721">
                  <c:v>0</c:v>
                </c:pt>
                <c:pt idx="2722">
                  <c:v>0</c:v>
                </c:pt>
                <c:pt idx="2723">
                  <c:v>0</c:v>
                </c:pt>
                <c:pt idx="2724">
                  <c:v>0</c:v>
                </c:pt>
                <c:pt idx="2725">
                  <c:v>0</c:v>
                </c:pt>
                <c:pt idx="2726">
                  <c:v>0</c:v>
                </c:pt>
                <c:pt idx="2727">
                  <c:v>0</c:v>
                </c:pt>
                <c:pt idx="2728">
                  <c:v>0</c:v>
                </c:pt>
                <c:pt idx="2729">
                  <c:v>0</c:v>
                </c:pt>
                <c:pt idx="2730">
                  <c:v>0</c:v>
                </c:pt>
                <c:pt idx="2731">
                  <c:v>0</c:v>
                </c:pt>
                <c:pt idx="2732">
                  <c:v>0</c:v>
                </c:pt>
                <c:pt idx="2733">
                  <c:v>0</c:v>
                </c:pt>
                <c:pt idx="2734">
                  <c:v>0</c:v>
                </c:pt>
                <c:pt idx="2735">
                  <c:v>0</c:v>
                </c:pt>
                <c:pt idx="2736">
                  <c:v>0</c:v>
                </c:pt>
                <c:pt idx="2737">
                  <c:v>0</c:v>
                </c:pt>
                <c:pt idx="2738">
                  <c:v>0</c:v>
                </c:pt>
                <c:pt idx="2739">
                  <c:v>0</c:v>
                </c:pt>
                <c:pt idx="2740">
                  <c:v>0</c:v>
                </c:pt>
                <c:pt idx="2741">
                  <c:v>0</c:v>
                </c:pt>
              </c:numCache>
            </c:numRef>
          </c:val>
          <c:extLst>
            <c:ext xmlns:c16="http://schemas.microsoft.com/office/drawing/2014/chart" uri="{C3380CC4-5D6E-409C-BE32-E72D297353CC}">
              <c16:uniqueId val="{00000000-8B02-4B9B-877D-027BD4E5B1CD}"/>
            </c:ext>
          </c:extLst>
        </c:ser>
        <c:dLbls>
          <c:showLegendKey val="0"/>
          <c:showVal val="0"/>
          <c:showCatName val="0"/>
          <c:showSerName val="0"/>
          <c:showPercent val="0"/>
          <c:showBubbleSize val="0"/>
        </c:dLbls>
        <c:gapWidth val="150"/>
        <c:axId val="1962983600"/>
        <c:axId val="1126951056"/>
      </c:barChart>
      <c:lineChart>
        <c:grouping val="standard"/>
        <c:varyColors val="0"/>
        <c:ser>
          <c:idx val="0"/>
          <c:order val="0"/>
          <c:tx>
            <c:v>30-Year Fixed Mortgage Rate Average</c:v>
          </c:tx>
          <c:spPr>
            <a:ln w="19050" cap="rnd">
              <a:solidFill>
                <a:schemeClr val="accent1"/>
              </a:solidFill>
              <a:round/>
            </a:ln>
            <a:effectLst/>
          </c:spPr>
          <c:marker>
            <c:symbol val="none"/>
          </c:marker>
          <c:cat>
            <c:numRef>
              <c:f>'[Q3.2023 Market Outlook.xlsx]Mortgage Rate'!$A$12:$A$2752</c:f>
              <c:numCache>
                <c:formatCode>yyyy\-mm\-dd</c:formatCode>
                <c:ptCount val="2741"/>
                <c:pt idx="0">
                  <c:v>26025</c:v>
                </c:pt>
                <c:pt idx="1">
                  <c:v>26032</c:v>
                </c:pt>
                <c:pt idx="2">
                  <c:v>26039</c:v>
                </c:pt>
                <c:pt idx="3">
                  <c:v>26046</c:v>
                </c:pt>
                <c:pt idx="4">
                  <c:v>26053</c:v>
                </c:pt>
                <c:pt idx="5">
                  <c:v>26060</c:v>
                </c:pt>
                <c:pt idx="6">
                  <c:v>26067</c:v>
                </c:pt>
                <c:pt idx="7">
                  <c:v>26074</c:v>
                </c:pt>
                <c:pt idx="8">
                  <c:v>26081</c:v>
                </c:pt>
                <c:pt idx="9">
                  <c:v>26088</c:v>
                </c:pt>
                <c:pt idx="10">
                  <c:v>26095</c:v>
                </c:pt>
                <c:pt idx="11">
                  <c:v>26102</c:v>
                </c:pt>
                <c:pt idx="12">
                  <c:v>26109</c:v>
                </c:pt>
                <c:pt idx="13">
                  <c:v>26116</c:v>
                </c:pt>
                <c:pt idx="14">
                  <c:v>26123</c:v>
                </c:pt>
                <c:pt idx="15">
                  <c:v>26130</c:v>
                </c:pt>
                <c:pt idx="16">
                  <c:v>26137</c:v>
                </c:pt>
                <c:pt idx="17">
                  <c:v>26144</c:v>
                </c:pt>
                <c:pt idx="18">
                  <c:v>26151</c:v>
                </c:pt>
                <c:pt idx="19">
                  <c:v>26158</c:v>
                </c:pt>
                <c:pt idx="20">
                  <c:v>26165</c:v>
                </c:pt>
                <c:pt idx="21">
                  <c:v>26172</c:v>
                </c:pt>
                <c:pt idx="22">
                  <c:v>26179</c:v>
                </c:pt>
                <c:pt idx="23">
                  <c:v>26186</c:v>
                </c:pt>
                <c:pt idx="24">
                  <c:v>26193</c:v>
                </c:pt>
                <c:pt idx="25">
                  <c:v>26200</c:v>
                </c:pt>
                <c:pt idx="26">
                  <c:v>26207</c:v>
                </c:pt>
                <c:pt idx="27">
                  <c:v>26214</c:v>
                </c:pt>
                <c:pt idx="28">
                  <c:v>26221</c:v>
                </c:pt>
                <c:pt idx="29">
                  <c:v>26228</c:v>
                </c:pt>
                <c:pt idx="30">
                  <c:v>26235</c:v>
                </c:pt>
                <c:pt idx="31">
                  <c:v>26242</c:v>
                </c:pt>
                <c:pt idx="32">
                  <c:v>26249</c:v>
                </c:pt>
                <c:pt idx="33">
                  <c:v>26256</c:v>
                </c:pt>
                <c:pt idx="34">
                  <c:v>26263</c:v>
                </c:pt>
                <c:pt idx="35">
                  <c:v>26270</c:v>
                </c:pt>
                <c:pt idx="36">
                  <c:v>26277</c:v>
                </c:pt>
                <c:pt idx="37">
                  <c:v>26284</c:v>
                </c:pt>
                <c:pt idx="38">
                  <c:v>26291</c:v>
                </c:pt>
                <c:pt idx="39">
                  <c:v>26298</c:v>
                </c:pt>
                <c:pt idx="40">
                  <c:v>26305</c:v>
                </c:pt>
                <c:pt idx="41">
                  <c:v>26312</c:v>
                </c:pt>
                <c:pt idx="42">
                  <c:v>26319</c:v>
                </c:pt>
                <c:pt idx="43">
                  <c:v>26326</c:v>
                </c:pt>
                <c:pt idx="44">
                  <c:v>26333</c:v>
                </c:pt>
                <c:pt idx="45">
                  <c:v>26340</c:v>
                </c:pt>
                <c:pt idx="46">
                  <c:v>26347</c:v>
                </c:pt>
                <c:pt idx="47">
                  <c:v>26354</c:v>
                </c:pt>
                <c:pt idx="48">
                  <c:v>26361</c:v>
                </c:pt>
                <c:pt idx="49">
                  <c:v>26368</c:v>
                </c:pt>
                <c:pt idx="50">
                  <c:v>26375</c:v>
                </c:pt>
                <c:pt idx="51">
                  <c:v>26382</c:v>
                </c:pt>
                <c:pt idx="52">
                  <c:v>26389</c:v>
                </c:pt>
                <c:pt idx="53">
                  <c:v>26396</c:v>
                </c:pt>
                <c:pt idx="54">
                  <c:v>26403</c:v>
                </c:pt>
                <c:pt idx="55">
                  <c:v>26410</c:v>
                </c:pt>
                <c:pt idx="56">
                  <c:v>26417</c:v>
                </c:pt>
                <c:pt idx="57">
                  <c:v>26424</c:v>
                </c:pt>
                <c:pt idx="58">
                  <c:v>26431</c:v>
                </c:pt>
                <c:pt idx="59">
                  <c:v>26438</c:v>
                </c:pt>
                <c:pt idx="60">
                  <c:v>26445</c:v>
                </c:pt>
                <c:pt idx="61">
                  <c:v>26452</c:v>
                </c:pt>
                <c:pt idx="62">
                  <c:v>26459</c:v>
                </c:pt>
                <c:pt idx="63">
                  <c:v>26466</c:v>
                </c:pt>
                <c:pt idx="64">
                  <c:v>26473</c:v>
                </c:pt>
                <c:pt idx="65">
                  <c:v>26480</c:v>
                </c:pt>
                <c:pt idx="66">
                  <c:v>26487</c:v>
                </c:pt>
                <c:pt idx="67">
                  <c:v>26494</c:v>
                </c:pt>
                <c:pt idx="68">
                  <c:v>26501</c:v>
                </c:pt>
                <c:pt idx="69">
                  <c:v>26508</c:v>
                </c:pt>
                <c:pt idx="70">
                  <c:v>26515</c:v>
                </c:pt>
                <c:pt idx="71">
                  <c:v>26522</c:v>
                </c:pt>
                <c:pt idx="72">
                  <c:v>26529</c:v>
                </c:pt>
                <c:pt idx="73">
                  <c:v>26536</c:v>
                </c:pt>
                <c:pt idx="74">
                  <c:v>26543</c:v>
                </c:pt>
                <c:pt idx="75">
                  <c:v>26550</c:v>
                </c:pt>
                <c:pt idx="76">
                  <c:v>26557</c:v>
                </c:pt>
                <c:pt idx="77">
                  <c:v>26564</c:v>
                </c:pt>
                <c:pt idx="78">
                  <c:v>26571</c:v>
                </c:pt>
                <c:pt idx="79">
                  <c:v>26578</c:v>
                </c:pt>
                <c:pt idx="80">
                  <c:v>26585</c:v>
                </c:pt>
                <c:pt idx="81">
                  <c:v>26592</c:v>
                </c:pt>
                <c:pt idx="82">
                  <c:v>26599</c:v>
                </c:pt>
                <c:pt idx="83">
                  <c:v>26606</c:v>
                </c:pt>
                <c:pt idx="84">
                  <c:v>26613</c:v>
                </c:pt>
                <c:pt idx="85">
                  <c:v>26620</c:v>
                </c:pt>
                <c:pt idx="86">
                  <c:v>26627</c:v>
                </c:pt>
                <c:pt idx="87">
                  <c:v>26634</c:v>
                </c:pt>
                <c:pt idx="88">
                  <c:v>26641</c:v>
                </c:pt>
                <c:pt idx="89">
                  <c:v>26648</c:v>
                </c:pt>
                <c:pt idx="90">
                  <c:v>26655</c:v>
                </c:pt>
                <c:pt idx="91">
                  <c:v>26662</c:v>
                </c:pt>
                <c:pt idx="92">
                  <c:v>26669</c:v>
                </c:pt>
                <c:pt idx="93">
                  <c:v>26676</c:v>
                </c:pt>
                <c:pt idx="94">
                  <c:v>26683</c:v>
                </c:pt>
                <c:pt idx="95">
                  <c:v>26690</c:v>
                </c:pt>
                <c:pt idx="96">
                  <c:v>26697</c:v>
                </c:pt>
                <c:pt idx="97">
                  <c:v>26704</c:v>
                </c:pt>
                <c:pt idx="98">
                  <c:v>26711</c:v>
                </c:pt>
                <c:pt idx="99">
                  <c:v>26718</c:v>
                </c:pt>
                <c:pt idx="100">
                  <c:v>26725</c:v>
                </c:pt>
                <c:pt idx="101">
                  <c:v>26732</c:v>
                </c:pt>
                <c:pt idx="102">
                  <c:v>26739</c:v>
                </c:pt>
                <c:pt idx="103">
                  <c:v>26746</c:v>
                </c:pt>
                <c:pt idx="104">
                  <c:v>26753</c:v>
                </c:pt>
                <c:pt idx="105">
                  <c:v>26760</c:v>
                </c:pt>
                <c:pt idx="106">
                  <c:v>26767</c:v>
                </c:pt>
                <c:pt idx="107">
                  <c:v>26774</c:v>
                </c:pt>
                <c:pt idx="108">
                  <c:v>26781</c:v>
                </c:pt>
                <c:pt idx="109">
                  <c:v>26788</c:v>
                </c:pt>
                <c:pt idx="110">
                  <c:v>26795</c:v>
                </c:pt>
                <c:pt idx="111">
                  <c:v>26802</c:v>
                </c:pt>
                <c:pt idx="112">
                  <c:v>26808</c:v>
                </c:pt>
                <c:pt idx="113">
                  <c:v>26816</c:v>
                </c:pt>
                <c:pt idx="114">
                  <c:v>26823</c:v>
                </c:pt>
                <c:pt idx="115">
                  <c:v>26830</c:v>
                </c:pt>
                <c:pt idx="116">
                  <c:v>26837</c:v>
                </c:pt>
                <c:pt idx="117">
                  <c:v>26844</c:v>
                </c:pt>
                <c:pt idx="118">
                  <c:v>26851</c:v>
                </c:pt>
                <c:pt idx="119">
                  <c:v>26858</c:v>
                </c:pt>
                <c:pt idx="120">
                  <c:v>26865</c:v>
                </c:pt>
                <c:pt idx="121">
                  <c:v>26872</c:v>
                </c:pt>
                <c:pt idx="122">
                  <c:v>26879</c:v>
                </c:pt>
                <c:pt idx="123">
                  <c:v>26886</c:v>
                </c:pt>
                <c:pt idx="124">
                  <c:v>26893</c:v>
                </c:pt>
                <c:pt idx="125">
                  <c:v>26900</c:v>
                </c:pt>
                <c:pt idx="126">
                  <c:v>26907</c:v>
                </c:pt>
                <c:pt idx="127">
                  <c:v>26914</c:v>
                </c:pt>
                <c:pt idx="128">
                  <c:v>26921</c:v>
                </c:pt>
                <c:pt idx="129">
                  <c:v>26928</c:v>
                </c:pt>
                <c:pt idx="130">
                  <c:v>26935</c:v>
                </c:pt>
                <c:pt idx="131">
                  <c:v>26942</c:v>
                </c:pt>
                <c:pt idx="132">
                  <c:v>26949</c:v>
                </c:pt>
                <c:pt idx="133">
                  <c:v>26956</c:v>
                </c:pt>
                <c:pt idx="134">
                  <c:v>26963</c:v>
                </c:pt>
                <c:pt idx="135">
                  <c:v>26970</c:v>
                </c:pt>
                <c:pt idx="136">
                  <c:v>26977</c:v>
                </c:pt>
                <c:pt idx="137">
                  <c:v>26984</c:v>
                </c:pt>
                <c:pt idx="138">
                  <c:v>26991</c:v>
                </c:pt>
                <c:pt idx="139">
                  <c:v>26998</c:v>
                </c:pt>
                <c:pt idx="140">
                  <c:v>27005</c:v>
                </c:pt>
                <c:pt idx="141">
                  <c:v>27012</c:v>
                </c:pt>
                <c:pt idx="142">
                  <c:v>27019</c:v>
                </c:pt>
                <c:pt idx="143">
                  <c:v>27026</c:v>
                </c:pt>
                <c:pt idx="144">
                  <c:v>27033</c:v>
                </c:pt>
                <c:pt idx="145">
                  <c:v>27040</c:v>
                </c:pt>
                <c:pt idx="146">
                  <c:v>27047</c:v>
                </c:pt>
                <c:pt idx="147">
                  <c:v>27054</c:v>
                </c:pt>
                <c:pt idx="148">
                  <c:v>27061</c:v>
                </c:pt>
                <c:pt idx="149">
                  <c:v>27068</c:v>
                </c:pt>
                <c:pt idx="150">
                  <c:v>27075</c:v>
                </c:pt>
                <c:pt idx="151">
                  <c:v>27082</c:v>
                </c:pt>
                <c:pt idx="152">
                  <c:v>27089</c:v>
                </c:pt>
                <c:pt idx="153">
                  <c:v>27096</c:v>
                </c:pt>
                <c:pt idx="154">
                  <c:v>27103</c:v>
                </c:pt>
                <c:pt idx="155">
                  <c:v>27110</c:v>
                </c:pt>
                <c:pt idx="156">
                  <c:v>27117</c:v>
                </c:pt>
                <c:pt idx="157">
                  <c:v>27124</c:v>
                </c:pt>
                <c:pt idx="158">
                  <c:v>27131</c:v>
                </c:pt>
                <c:pt idx="159">
                  <c:v>27138</c:v>
                </c:pt>
                <c:pt idx="160">
                  <c:v>27145</c:v>
                </c:pt>
                <c:pt idx="161">
                  <c:v>27152</c:v>
                </c:pt>
                <c:pt idx="162">
                  <c:v>27159</c:v>
                </c:pt>
                <c:pt idx="163">
                  <c:v>27166</c:v>
                </c:pt>
                <c:pt idx="164">
                  <c:v>27173</c:v>
                </c:pt>
                <c:pt idx="165">
                  <c:v>27180</c:v>
                </c:pt>
                <c:pt idx="166">
                  <c:v>27187</c:v>
                </c:pt>
                <c:pt idx="167">
                  <c:v>27194</c:v>
                </c:pt>
                <c:pt idx="168">
                  <c:v>27201</c:v>
                </c:pt>
                <c:pt idx="169">
                  <c:v>27208</c:v>
                </c:pt>
                <c:pt idx="170">
                  <c:v>27215</c:v>
                </c:pt>
                <c:pt idx="171">
                  <c:v>27222</c:v>
                </c:pt>
                <c:pt idx="172">
                  <c:v>27229</c:v>
                </c:pt>
                <c:pt idx="173">
                  <c:v>27236</c:v>
                </c:pt>
                <c:pt idx="174">
                  <c:v>27243</c:v>
                </c:pt>
                <c:pt idx="175">
                  <c:v>27250</c:v>
                </c:pt>
                <c:pt idx="176">
                  <c:v>27257</c:v>
                </c:pt>
                <c:pt idx="177">
                  <c:v>27264</c:v>
                </c:pt>
                <c:pt idx="178">
                  <c:v>27271</c:v>
                </c:pt>
                <c:pt idx="179">
                  <c:v>27278</c:v>
                </c:pt>
                <c:pt idx="180">
                  <c:v>27285</c:v>
                </c:pt>
                <c:pt idx="181">
                  <c:v>27292</c:v>
                </c:pt>
                <c:pt idx="182">
                  <c:v>27299</c:v>
                </c:pt>
                <c:pt idx="183">
                  <c:v>27306</c:v>
                </c:pt>
                <c:pt idx="184">
                  <c:v>27313</c:v>
                </c:pt>
                <c:pt idx="185">
                  <c:v>27320</c:v>
                </c:pt>
                <c:pt idx="186">
                  <c:v>27327</c:v>
                </c:pt>
                <c:pt idx="187">
                  <c:v>27334</c:v>
                </c:pt>
                <c:pt idx="188">
                  <c:v>27341</c:v>
                </c:pt>
                <c:pt idx="189">
                  <c:v>27348</c:v>
                </c:pt>
                <c:pt idx="190">
                  <c:v>27355</c:v>
                </c:pt>
                <c:pt idx="191">
                  <c:v>27362</c:v>
                </c:pt>
                <c:pt idx="192">
                  <c:v>27369</c:v>
                </c:pt>
                <c:pt idx="193">
                  <c:v>27376</c:v>
                </c:pt>
                <c:pt idx="194">
                  <c:v>27383</c:v>
                </c:pt>
                <c:pt idx="195">
                  <c:v>27390</c:v>
                </c:pt>
                <c:pt idx="196">
                  <c:v>27397</c:v>
                </c:pt>
                <c:pt idx="197">
                  <c:v>27404</c:v>
                </c:pt>
                <c:pt idx="198">
                  <c:v>27411</c:v>
                </c:pt>
                <c:pt idx="199">
                  <c:v>27418</c:v>
                </c:pt>
                <c:pt idx="200">
                  <c:v>27425</c:v>
                </c:pt>
                <c:pt idx="201">
                  <c:v>27432</c:v>
                </c:pt>
                <c:pt idx="202">
                  <c:v>27439</c:v>
                </c:pt>
                <c:pt idx="203">
                  <c:v>27446</c:v>
                </c:pt>
                <c:pt idx="204">
                  <c:v>27453</c:v>
                </c:pt>
                <c:pt idx="205">
                  <c:v>27460</c:v>
                </c:pt>
                <c:pt idx="206">
                  <c:v>27467</c:v>
                </c:pt>
                <c:pt idx="207">
                  <c:v>27474</c:v>
                </c:pt>
                <c:pt idx="208">
                  <c:v>27481</c:v>
                </c:pt>
                <c:pt idx="209">
                  <c:v>27488</c:v>
                </c:pt>
                <c:pt idx="210">
                  <c:v>27495</c:v>
                </c:pt>
                <c:pt idx="211">
                  <c:v>27502</c:v>
                </c:pt>
                <c:pt idx="212">
                  <c:v>27509</c:v>
                </c:pt>
                <c:pt idx="213">
                  <c:v>27516</c:v>
                </c:pt>
                <c:pt idx="214">
                  <c:v>27523</c:v>
                </c:pt>
                <c:pt idx="215">
                  <c:v>27530</c:v>
                </c:pt>
                <c:pt idx="216">
                  <c:v>27537</c:v>
                </c:pt>
                <c:pt idx="217">
                  <c:v>27544</c:v>
                </c:pt>
                <c:pt idx="218">
                  <c:v>27551</c:v>
                </c:pt>
                <c:pt idx="219">
                  <c:v>27558</c:v>
                </c:pt>
                <c:pt idx="220">
                  <c:v>27565</c:v>
                </c:pt>
                <c:pt idx="221">
                  <c:v>27572</c:v>
                </c:pt>
                <c:pt idx="222">
                  <c:v>27578</c:v>
                </c:pt>
                <c:pt idx="223">
                  <c:v>27586</c:v>
                </c:pt>
                <c:pt idx="224">
                  <c:v>27593</c:v>
                </c:pt>
                <c:pt idx="225">
                  <c:v>27600</c:v>
                </c:pt>
                <c:pt idx="226">
                  <c:v>27607</c:v>
                </c:pt>
                <c:pt idx="227">
                  <c:v>27614</c:v>
                </c:pt>
                <c:pt idx="228">
                  <c:v>27621</c:v>
                </c:pt>
                <c:pt idx="229">
                  <c:v>27628</c:v>
                </c:pt>
                <c:pt idx="230">
                  <c:v>27635</c:v>
                </c:pt>
                <c:pt idx="231">
                  <c:v>27642</c:v>
                </c:pt>
                <c:pt idx="232">
                  <c:v>27649</c:v>
                </c:pt>
                <c:pt idx="233">
                  <c:v>27656</c:v>
                </c:pt>
                <c:pt idx="234">
                  <c:v>27663</c:v>
                </c:pt>
                <c:pt idx="235">
                  <c:v>27670</c:v>
                </c:pt>
                <c:pt idx="236">
                  <c:v>27677</c:v>
                </c:pt>
                <c:pt idx="237">
                  <c:v>27684</c:v>
                </c:pt>
                <c:pt idx="238">
                  <c:v>27691</c:v>
                </c:pt>
                <c:pt idx="239">
                  <c:v>27698</c:v>
                </c:pt>
                <c:pt idx="240">
                  <c:v>27705</c:v>
                </c:pt>
                <c:pt idx="241">
                  <c:v>27712</c:v>
                </c:pt>
                <c:pt idx="242">
                  <c:v>27719</c:v>
                </c:pt>
                <c:pt idx="243">
                  <c:v>27726</c:v>
                </c:pt>
                <c:pt idx="244">
                  <c:v>27733</c:v>
                </c:pt>
                <c:pt idx="245">
                  <c:v>27740</c:v>
                </c:pt>
                <c:pt idx="246">
                  <c:v>27747</c:v>
                </c:pt>
                <c:pt idx="247">
                  <c:v>27754</c:v>
                </c:pt>
                <c:pt idx="248">
                  <c:v>27761</c:v>
                </c:pt>
                <c:pt idx="249">
                  <c:v>27768</c:v>
                </c:pt>
                <c:pt idx="250">
                  <c:v>27775</c:v>
                </c:pt>
                <c:pt idx="251">
                  <c:v>27782</c:v>
                </c:pt>
                <c:pt idx="252">
                  <c:v>27789</c:v>
                </c:pt>
                <c:pt idx="253">
                  <c:v>27796</c:v>
                </c:pt>
                <c:pt idx="254">
                  <c:v>27803</c:v>
                </c:pt>
                <c:pt idx="255">
                  <c:v>27810</c:v>
                </c:pt>
                <c:pt idx="256">
                  <c:v>27817</c:v>
                </c:pt>
                <c:pt idx="257">
                  <c:v>27824</c:v>
                </c:pt>
                <c:pt idx="258">
                  <c:v>27831</c:v>
                </c:pt>
                <c:pt idx="259">
                  <c:v>27838</c:v>
                </c:pt>
                <c:pt idx="260">
                  <c:v>27845</c:v>
                </c:pt>
                <c:pt idx="261">
                  <c:v>27852</c:v>
                </c:pt>
                <c:pt idx="262">
                  <c:v>27859</c:v>
                </c:pt>
                <c:pt idx="263">
                  <c:v>27866</c:v>
                </c:pt>
                <c:pt idx="264">
                  <c:v>27873</c:v>
                </c:pt>
                <c:pt idx="265">
                  <c:v>27880</c:v>
                </c:pt>
                <c:pt idx="266">
                  <c:v>27887</c:v>
                </c:pt>
                <c:pt idx="267">
                  <c:v>27894</c:v>
                </c:pt>
                <c:pt idx="268">
                  <c:v>27901</c:v>
                </c:pt>
                <c:pt idx="269">
                  <c:v>27908</c:v>
                </c:pt>
                <c:pt idx="270">
                  <c:v>27915</c:v>
                </c:pt>
                <c:pt idx="271">
                  <c:v>27922</c:v>
                </c:pt>
                <c:pt idx="272">
                  <c:v>27929</c:v>
                </c:pt>
                <c:pt idx="273">
                  <c:v>27936</c:v>
                </c:pt>
                <c:pt idx="274">
                  <c:v>27943</c:v>
                </c:pt>
                <c:pt idx="275">
                  <c:v>27950</c:v>
                </c:pt>
                <c:pt idx="276">
                  <c:v>27957</c:v>
                </c:pt>
                <c:pt idx="277">
                  <c:v>27964</c:v>
                </c:pt>
                <c:pt idx="278">
                  <c:v>27971</c:v>
                </c:pt>
                <c:pt idx="279">
                  <c:v>27978</c:v>
                </c:pt>
                <c:pt idx="280">
                  <c:v>27985</c:v>
                </c:pt>
                <c:pt idx="281">
                  <c:v>27992</c:v>
                </c:pt>
                <c:pt idx="282">
                  <c:v>27999</c:v>
                </c:pt>
                <c:pt idx="283">
                  <c:v>28006</c:v>
                </c:pt>
                <c:pt idx="284">
                  <c:v>28013</c:v>
                </c:pt>
                <c:pt idx="285">
                  <c:v>28020</c:v>
                </c:pt>
                <c:pt idx="286">
                  <c:v>28027</c:v>
                </c:pt>
                <c:pt idx="287">
                  <c:v>28034</c:v>
                </c:pt>
                <c:pt idx="288">
                  <c:v>28041</c:v>
                </c:pt>
                <c:pt idx="289">
                  <c:v>28048</c:v>
                </c:pt>
                <c:pt idx="290">
                  <c:v>28055</c:v>
                </c:pt>
                <c:pt idx="291">
                  <c:v>28062</c:v>
                </c:pt>
                <c:pt idx="292">
                  <c:v>28069</c:v>
                </c:pt>
                <c:pt idx="293">
                  <c:v>28076</c:v>
                </c:pt>
                <c:pt idx="294">
                  <c:v>28083</c:v>
                </c:pt>
                <c:pt idx="295">
                  <c:v>28090</c:v>
                </c:pt>
                <c:pt idx="296">
                  <c:v>28097</c:v>
                </c:pt>
                <c:pt idx="297">
                  <c:v>28104</c:v>
                </c:pt>
                <c:pt idx="298">
                  <c:v>28111</c:v>
                </c:pt>
                <c:pt idx="299">
                  <c:v>28118</c:v>
                </c:pt>
                <c:pt idx="300">
                  <c:v>28125</c:v>
                </c:pt>
                <c:pt idx="301">
                  <c:v>28132</c:v>
                </c:pt>
                <c:pt idx="302">
                  <c:v>28139</c:v>
                </c:pt>
                <c:pt idx="303">
                  <c:v>28146</c:v>
                </c:pt>
                <c:pt idx="304">
                  <c:v>28153</c:v>
                </c:pt>
                <c:pt idx="305">
                  <c:v>28160</c:v>
                </c:pt>
                <c:pt idx="306">
                  <c:v>28167</c:v>
                </c:pt>
                <c:pt idx="307">
                  <c:v>28174</c:v>
                </c:pt>
                <c:pt idx="308">
                  <c:v>28181</c:v>
                </c:pt>
                <c:pt idx="309">
                  <c:v>28188</c:v>
                </c:pt>
                <c:pt idx="310">
                  <c:v>28195</c:v>
                </c:pt>
                <c:pt idx="311">
                  <c:v>28202</c:v>
                </c:pt>
                <c:pt idx="312">
                  <c:v>28209</c:v>
                </c:pt>
                <c:pt idx="313">
                  <c:v>28216</c:v>
                </c:pt>
                <c:pt idx="314">
                  <c:v>28223</c:v>
                </c:pt>
                <c:pt idx="315">
                  <c:v>28230</c:v>
                </c:pt>
                <c:pt idx="316">
                  <c:v>28237</c:v>
                </c:pt>
                <c:pt idx="317">
                  <c:v>28244</c:v>
                </c:pt>
                <c:pt idx="318">
                  <c:v>28251</c:v>
                </c:pt>
                <c:pt idx="319">
                  <c:v>28258</c:v>
                </c:pt>
                <c:pt idx="320">
                  <c:v>28265</c:v>
                </c:pt>
                <c:pt idx="321">
                  <c:v>28272</c:v>
                </c:pt>
                <c:pt idx="322">
                  <c:v>28279</c:v>
                </c:pt>
                <c:pt idx="323">
                  <c:v>28286</c:v>
                </c:pt>
                <c:pt idx="324">
                  <c:v>28293</c:v>
                </c:pt>
                <c:pt idx="325">
                  <c:v>28300</c:v>
                </c:pt>
                <c:pt idx="326">
                  <c:v>28307</c:v>
                </c:pt>
                <c:pt idx="327">
                  <c:v>28314</c:v>
                </c:pt>
                <c:pt idx="328">
                  <c:v>28321</c:v>
                </c:pt>
                <c:pt idx="329">
                  <c:v>28328</c:v>
                </c:pt>
                <c:pt idx="330">
                  <c:v>28335</c:v>
                </c:pt>
                <c:pt idx="331">
                  <c:v>28342</c:v>
                </c:pt>
                <c:pt idx="332">
                  <c:v>28349</c:v>
                </c:pt>
                <c:pt idx="333">
                  <c:v>28356</c:v>
                </c:pt>
                <c:pt idx="334">
                  <c:v>28363</c:v>
                </c:pt>
                <c:pt idx="335">
                  <c:v>28370</c:v>
                </c:pt>
                <c:pt idx="336">
                  <c:v>28377</c:v>
                </c:pt>
                <c:pt idx="337">
                  <c:v>28384</c:v>
                </c:pt>
                <c:pt idx="338">
                  <c:v>28391</c:v>
                </c:pt>
                <c:pt idx="339">
                  <c:v>28398</c:v>
                </c:pt>
                <c:pt idx="340">
                  <c:v>28405</c:v>
                </c:pt>
                <c:pt idx="341">
                  <c:v>28412</c:v>
                </c:pt>
                <c:pt idx="342">
                  <c:v>28419</c:v>
                </c:pt>
                <c:pt idx="343">
                  <c:v>28426</c:v>
                </c:pt>
                <c:pt idx="344">
                  <c:v>28433</c:v>
                </c:pt>
                <c:pt idx="345">
                  <c:v>28440</c:v>
                </c:pt>
                <c:pt idx="346">
                  <c:v>28447</c:v>
                </c:pt>
                <c:pt idx="347">
                  <c:v>28454</c:v>
                </c:pt>
                <c:pt idx="348">
                  <c:v>28461</c:v>
                </c:pt>
                <c:pt idx="349">
                  <c:v>28468</c:v>
                </c:pt>
                <c:pt idx="350">
                  <c:v>28475</c:v>
                </c:pt>
                <c:pt idx="351">
                  <c:v>28482</c:v>
                </c:pt>
                <c:pt idx="352">
                  <c:v>28489</c:v>
                </c:pt>
                <c:pt idx="353">
                  <c:v>28496</c:v>
                </c:pt>
                <c:pt idx="354">
                  <c:v>28503</c:v>
                </c:pt>
                <c:pt idx="355">
                  <c:v>28510</c:v>
                </c:pt>
                <c:pt idx="356">
                  <c:v>28517</c:v>
                </c:pt>
                <c:pt idx="357">
                  <c:v>28524</c:v>
                </c:pt>
                <c:pt idx="358">
                  <c:v>28531</c:v>
                </c:pt>
                <c:pt idx="359">
                  <c:v>28538</c:v>
                </c:pt>
                <c:pt idx="360">
                  <c:v>28545</c:v>
                </c:pt>
                <c:pt idx="361">
                  <c:v>28552</c:v>
                </c:pt>
                <c:pt idx="362">
                  <c:v>28559</c:v>
                </c:pt>
                <c:pt idx="363">
                  <c:v>28566</c:v>
                </c:pt>
                <c:pt idx="364">
                  <c:v>28573</c:v>
                </c:pt>
                <c:pt idx="365">
                  <c:v>28580</c:v>
                </c:pt>
                <c:pt idx="366">
                  <c:v>28587</c:v>
                </c:pt>
                <c:pt idx="367">
                  <c:v>28594</c:v>
                </c:pt>
                <c:pt idx="368">
                  <c:v>28601</c:v>
                </c:pt>
                <c:pt idx="369">
                  <c:v>28608</c:v>
                </c:pt>
                <c:pt idx="370">
                  <c:v>28615</c:v>
                </c:pt>
                <c:pt idx="371">
                  <c:v>28622</c:v>
                </c:pt>
                <c:pt idx="372">
                  <c:v>28629</c:v>
                </c:pt>
                <c:pt idx="373">
                  <c:v>28636</c:v>
                </c:pt>
                <c:pt idx="374">
                  <c:v>28643</c:v>
                </c:pt>
                <c:pt idx="375">
                  <c:v>28650</c:v>
                </c:pt>
                <c:pt idx="376">
                  <c:v>28657</c:v>
                </c:pt>
                <c:pt idx="377">
                  <c:v>28664</c:v>
                </c:pt>
                <c:pt idx="378">
                  <c:v>28671</c:v>
                </c:pt>
                <c:pt idx="379">
                  <c:v>28678</c:v>
                </c:pt>
                <c:pt idx="380">
                  <c:v>28685</c:v>
                </c:pt>
                <c:pt idx="381">
                  <c:v>28692</c:v>
                </c:pt>
                <c:pt idx="382">
                  <c:v>28699</c:v>
                </c:pt>
                <c:pt idx="383">
                  <c:v>28706</c:v>
                </c:pt>
                <c:pt idx="384">
                  <c:v>28713</c:v>
                </c:pt>
                <c:pt idx="385">
                  <c:v>28720</c:v>
                </c:pt>
                <c:pt idx="386">
                  <c:v>28727</c:v>
                </c:pt>
                <c:pt idx="387">
                  <c:v>28734</c:v>
                </c:pt>
                <c:pt idx="388">
                  <c:v>28741</c:v>
                </c:pt>
                <c:pt idx="389">
                  <c:v>28748</c:v>
                </c:pt>
                <c:pt idx="390">
                  <c:v>28755</c:v>
                </c:pt>
                <c:pt idx="391">
                  <c:v>28762</c:v>
                </c:pt>
                <c:pt idx="392">
                  <c:v>28769</c:v>
                </c:pt>
                <c:pt idx="393">
                  <c:v>28776</c:v>
                </c:pt>
                <c:pt idx="394">
                  <c:v>28783</c:v>
                </c:pt>
                <c:pt idx="395">
                  <c:v>28790</c:v>
                </c:pt>
                <c:pt idx="396">
                  <c:v>28797</c:v>
                </c:pt>
                <c:pt idx="397">
                  <c:v>28804</c:v>
                </c:pt>
                <c:pt idx="398">
                  <c:v>28811</c:v>
                </c:pt>
                <c:pt idx="399">
                  <c:v>28818</c:v>
                </c:pt>
                <c:pt idx="400">
                  <c:v>28825</c:v>
                </c:pt>
                <c:pt idx="401">
                  <c:v>28832</c:v>
                </c:pt>
                <c:pt idx="402">
                  <c:v>28839</c:v>
                </c:pt>
                <c:pt idx="403">
                  <c:v>28846</c:v>
                </c:pt>
                <c:pt idx="404">
                  <c:v>28853</c:v>
                </c:pt>
                <c:pt idx="405">
                  <c:v>28860</c:v>
                </c:pt>
                <c:pt idx="406">
                  <c:v>28867</c:v>
                </c:pt>
                <c:pt idx="407">
                  <c:v>28874</c:v>
                </c:pt>
                <c:pt idx="408">
                  <c:v>28881</c:v>
                </c:pt>
                <c:pt idx="409">
                  <c:v>28888</c:v>
                </c:pt>
                <c:pt idx="410">
                  <c:v>28895</c:v>
                </c:pt>
                <c:pt idx="411">
                  <c:v>28902</c:v>
                </c:pt>
                <c:pt idx="412">
                  <c:v>28909</c:v>
                </c:pt>
                <c:pt idx="413">
                  <c:v>28916</c:v>
                </c:pt>
                <c:pt idx="414">
                  <c:v>28923</c:v>
                </c:pt>
                <c:pt idx="415">
                  <c:v>28930</c:v>
                </c:pt>
                <c:pt idx="416">
                  <c:v>28937</c:v>
                </c:pt>
                <c:pt idx="417">
                  <c:v>28944</c:v>
                </c:pt>
                <c:pt idx="418">
                  <c:v>28951</c:v>
                </c:pt>
                <c:pt idx="419">
                  <c:v>28958</c:v>
                </c:pt>
                <c:pt idx="420">
                  <c:v>28965</c:v>
                </c:pt>
                <c:pt idx="421">
                  <c:v>28972</c:v>
                </c:pt>
                <c:pt idx="422">
                  <c:v>28979</c:v>
                </c:pt>
                <c:pt idx="423">
                  <c:v>28986</c:v>
                </c:pt>
                <c:pt idx="424">
                  <c:v>28993</c:v>
                </c:pt>
                <c:pt idx="425">
                  <c:v>29000</c:v>
                </c:pt>
                <c:pt idx="426">
                  <c:v>29007</c:v>
                </c:pt>
                <c:pt idx="427">
                  <c:v>29014</c:v>
                </c:pt>
                <c:pt idx="428">
                  <c:v>29021</c:v>
                </c:pt>
                <c:pt idx="429">
                  <c:v>29028</c:v>
                </c:pt>
                <c:pt idx="430">
                  <c:v>29035</c:v>
                </c:pt>
                <c:pt idx="431">
                  <c:v>29042</c:v>
                </c:pt>
                <c:pt idx="432">
                  <c:v>29049</c:v>
                </c:pt>
                <c:pt idx="433">
                  <c:v>29056</c:v>
                </c:pt>
                <c:pt idx="434">
                  <c:v>29063</c:v>
                </c:pt>
                <c:pt idx="435">
                  <c:v>29070</c:v>
                </c:pt>
                <c:pt idx="436">
                  <c:v>29077</c:v>
                </c:pt>
                <c:pt idx="437">
                  <c:v>29084</c:v>
                </c:pt>
                <c:pt idx="438">
                  <c:v>29091</c:v>
                </c:pt>
                <c:pt idx="439">
                  <c:v>29098</c:v>
                </c:pt>
                <c:pt idx="440">
                  <c:v>29105</c:v>
                </c:pt>
                <c:pt idx="441">
                  <c:v>29112</c:v>
                </c:pt>
                <c:pt idx="442">
                  <c:v>29119</c:v>
                </c:pt>
                <c:pt idx="443">
                  <c:v>29126</c:v>
                </c:pt>
                <c:pt idx="444">
                  <c:v>29133</c:v>
                </c:pt>
                <c:pt idx="445">
                  <c:v>29140</c:v>
                </c:pt>
                <c:pt idx="446">
                  <c:v>29147</c:v>
                </c:pt>
                <c:pt idx="447">
                  <c:v>29154</c:v>
                </c:pt>
                <c:pt idx="448">
                  <c:v>29161</c:v>
                </c:pt>
                <c:pt idx="449">
                  <c:v>29168</c:v>
                </c:pt>
                <c:pt idx="450">
                  <c:v>29175</c:v>
                </c:pt>
                <c:pt idx="451">
                  <c:v>29182</c:v>
                </c:pt>
                <c:pt idx="452">
                  <c:v>29189</c:v>
                </c:pt>
                <c:pt idx="453">
                  <c:v>29196</c:v>
                </c:pt>
                <c:pt idx="454">
                  <c:v>29203</c:v>
                </c:pt>
                <c:pt idx="455">
                  <c:v>29210</c:v>
                </c:pt>
                <c:pt idx="456">
                  <c:v>29217</c:v>
                </c:pt>
                <c:pt idx="457">
                  <c:v>29224</c:v>
                </c:pt>
                <c:pt idx="458">
                  <c:v>29231</c:v>
                </c:pt>
                <c:pt idx="459">
                  <c:v>29238</c:v>
                </c:pt>
                <c:pt idx="460">
                  <c:v>29245</c:v>
                </c:pt>
                <c:pt idx="461">
                  <c:v>29252</c:v>
                </c:pt>
                <c:pt idx="462">
                  <c:v>29259</c:v>
                </c:pt>
                <c:pt idx="463">
                  <c:v>29266</c:v>
                </c:pt>
                <c:pt idx="464">
                  <c:v>29273</c:v>
                </c:pt>
                <c:pt idx="465">
                  <c:v>29280</c:v>
                </c:pt>
                <c:pt idx="466">
                  <c:v>29287</c:v>
                </c:pt>
                <c:pt idx="467">
                  <c:v>29294</c:v>
                </c:pt>
                <c:pt idx="468">
                  <c:v>29301</c:v>
                </c:pt>
                <c:pt idx="469">
                  <c:v>29308</c:v>
                </c:pt>
                <c:pt idx="470">
                  <c:v>29315</c:v>
                </c:pt>
                <c:pt idx="471">
                  <c:v>29322</c:v>
                </c:pt>
                <c:pt idx="472">
                  <c:v>29329</c:v>
                </c:pt>
                <c:pt idx="473">
                  <c:v>29336</c:v>
                </c:pt>
                <c:pt idx="474">
                  <c:v>29343</c:v>
                </c:pt>
                <c:pt idx="475">
                  <c:v>29350</c:v>
                </c:pt>
                <c:pt idx="476">
                  <c:v>29357</c:v>
                </c:pt>
                <c:pt idx="477">
                  <c:v>29364</c:v>
                </c:pt>
                <c:pt idx="478">
                  <c:v>29371</c:v>
                </c:pt>
                <c:pt idx="479">
                  <c:v>29378</c:v>
                </c:pt>
                <c:pt idx="480">
                  <c:v>29385</c:v>
                </c:pt>
                <c:pt idx="481">
                  <c:v>29392</c:v>
                </c:pt>
                <c:pt idx="482">
                  <c:v>29399</c:v>
                </c:pt>
                <c:pt idx="483">
                  <c:v>29406</c:v>
                </c:pt>
                <c:pt idx="484">
                  <c:v>29413</c:v>
                </c:pt>
                <c:pt idx="485">
                  <c:v>29420</c:v>
                </c:pt>
                <c:pt idx="486">
                  <c:v>29427</c:v>
                </c:pt>
                <c:pt idx="487">
                  <c:v>29434</c:v>
                </c:pt>
                <c:pt idx="488">
                  <c:v>29441</c:v>
                </c:pt>
                <c:pt idx="489">
                  <c:v>29448</c:v>
                </c:pt>
                <c:pt idx="490">
                  <c:v>29455</c:v>
                </c:pt>
                <c:pt idx="491">
                  <c:v>29462</c:v>
                </c:pt>
                <c:pt idx="492">
                  <c:v>29469</c:v>
                </c:pt>
                <c:pt idx="493">
                  <c:v>29476</c:v>
                </c:pt>
                <c:pt idx="494">
                  <c:v>29483</c:v>
                </c:pt>
                <c:pt idx="495">
                  <c:v>29490</c:v>
                </c:pt>
                <c:pt idx="496">
                  <c:v>29497</c:v>
                </c:pt>
                <c:pt idx="497">
                  <c:v>29504</c:v>
                </c:pt>
                <c:pt idx="498">
                  <c:v>29511</c:v>
                </c:pt>
                <c:pt idx="499">
                  <c:v>29518</c:v>
                </c:pt>
                <c:pt idx="500">
                  <c:v>29525</c:v>
                </c:pt>
                <c:pt idx="501">
                  <c:v>29532</c:v>
                </c:pt>
                <c:pt idx="502">
                  <c:v>29539</c:v>
                </c:pt>
                <c:pt idx="503">
                  <c:v>29546</c:v>
                </c:pt>
                <c:pt idx="504">
                  <c:v>29553</c:v>
                </c:pt>
                <c:pt idx="505">
                  <c:v>29560</c:v>
                </c:pt>
                <c:pt idx="506">
                  <c:v>29567</c:v>
                </c:pt>
                <c:pt idx="507">
                  <c:v>29574</c:v>
                </c:pt>
                <c:pt idx="508">
                  <c:v>29581</c:v>
                </c:pt>
                <c:pt idx="509">
                  <c:v>29588</c:v>
                </c:pt>
                <c:pt idx="510">
                  <c:v>29595</c:v>
                </c:pt>
                <c:pt idx="511">
                  <c:v>29602</c:v>
                </c:pt>
                <c:pt idx="512">
                  <c:v>29609</c:v>
                </c:pt>
                <c:pt idx="513">
                  <c:v>29616</c:v>
                </c:pt>
                <c:pt idx="514">
                  <c:v>29623</c:v>
                </c:pt>
                <c:pt idx="515">
                  <c:v>29630</c:v>
                </c:pt>
                <c:pt idx="516">
                  <c:v>29637</c:v>
                </c:pt>
                <c:pt idx="517">
                  <c:v>29644</c:v>
                </c:pt>
                <c:pt idx="518">
                  <c:v>29651</c:v>
                </c:pt>
                <c:pt idx="519">
                  <c:v>29658</c:v>
                </c:pt>
                <c:pt idx="520">
                  <c:v>29665</c:v>
                </c:pt>
                <c:pt idx="521">
                  <c:v>29672</c:v>
                </c:pt>
                <c:pt idx="522">
                  <c:v>29679</c:v>
                </c:pt>
                <c:pt idx="523">
                  <c:v>29686</c:v>
                </c:pt>
                <c:pt idx="524">
                  <c:v>29693</c:v>
                </c:pt>
                <c:pt idx="525">
                  <c:v>29700</c:v>
                </c:pt>
                <c:pt idx="526">
                  <c:v>29707</c:v>
                </c:pt>
                <c:pt idx="527">
                  <c:v>29714</c:v>
                </c:pt>
                <c:pt idx="528">
                  <c:v>29721</c:v>
                </c:pt>
                <c:pt idx="529">
                  <c:v>29728</c:v>
                </c:pt>
                <c:pt idx="530">
                  <c:v>29735</c:v>
                </c:pt>
                <c:pt idx="531">
                  <c:v>29742</c:v>
                </c:pt>
                <c:pt idx="532">
                  <c:v>29749</c:v>
                </c:pt>
                <c:pt idx="533">
                  <c:v>29756</c:v>
                </c:pt>
                <c:pt idx="534">
                  <c:v>29763</c:v>
                </c:pt>
                <c:pt idx="535">
                  <c:v>29770</c:v>
                </c:pt>
                <c:pt idx="536">
                  <c:v>29777</c:v>
                </c:pt>
                <c:pt idx="537">
                  <c:v>29784</c:v>
                </c:pt>
                <c:pt idx="538">
                  <c:v>29791</c:v>
                </c:pt>
                <c:pt idx="539">
                  <c:v>29798</c:v>
                </c:pt>
                <c:pt idx="540">
                  <c:v>29805</c:v>
                </c:pt>
                <c:pt idx="541">
                  <c:v>29812</c:v>
                </c:pt>
                <c:pt idx="542">
                  <c:v>29819</c:v>
                </c:pt>
                <c:pt idx="543">
                  <c:v>29826</c:v>
                </c:pt>
                <c:pt idx="544">
                  <c:v>29833</c:v>
                </c:pt>
                <c:pt idx="545">
                  <c:v>29840</c:v>
                </c:pt>
                <c:pt idx="546">
                  <c:v>29847</c:v>
                </c:pt>
                <c:pt idx="547">
                  <c:v>29854</c:v>
                </c:pt>
                <c:pt idx="548">
                  <c:v>29861</c:v>
                </c:pt>
                <c:pt idx="549">
                  <c:v>29868</c:v>
                </c:pt>
                <c:pt idx="550">
                  <c:v>29875</c:v>
                </c:pt>
                <c:pt idx="551">
                  <c:v>29880</c:v>
                </c:pt>
                <c:pt idx="552">
                  <c:v>29889</c:v>
                </c:pt>
                <c:pt idx="553">
                  <c:v>29896</c:v>
                </c:pt>
                <c:pt idx="554">
                  <c:v>29903</c:v>
                </c:pt>
                <c:pt idx="555">
                  <c:v>29910</c:v>
                </c:pt>
                <c:pt idx="556">
                  <c:v>29917</c:v>
                </c:pt>
                <c:pt idx="557">
                  <c:v>29924</c:v>
                </c:pt>
                <c:pt idx="558">
                  <c:v>29931</c:v>
                </c:pt>
                <c:pt idx="559">
                  <c:v>29938</c:v>
                </c:pt>
                <c:pt idx="560">
                  <c:v>29945</c:v>
                </c:pt>
                <c:pt idx="561">
                  <c:v>29951</c:v>
                </c:pt>
                <c:pt idx="562">
                  <c:v>29959</c:v>
                </c:pt>
                <c:pt idx="563">
                  <c:v>29966</c:v>
                </c:pt>
                <c:pt idx="564">
                  <c:v>29973</c:v>
                </c:pt>
                <c:pt idx="565">
                  <c:v>29980</c:v>
                </c:pt>
                <c:pt idx="566">
                  <c:v>29987</c:v>
                </c:pt>
                <c:pt idx="567">
                  <c:v>29994</c:v>
                </c:pt>
                <c:pt idx="568">
                  <c:v>30001</c:v>
                </c:pt>
                <c:pt idx="569">
                  <c:v>30008</c:v>
                </c:pt>
                <c:pt idx="570">
                  <c:v>30015</c:v>
                </c:pt>
                <c:pt idx="571">
                  <c:v>30022</c:v>
                </c:pt>
                <c:pt idx="572">
                  <c:v>30029</c:v>
                </c:pt>
                <c:pt idx="573">
                  <c:v>30036</c:v>
                </c:pt>
                <c:pt idx="574">
                  <c:v>30043</c:v>
                </c:pt>
                <c:pt idx="575">
                  <c:v>30050</c:v>
                </c:pt>
                <c:pt idx="576">
                  <c:v>30057</c:v>
                </c:pt>
                <c:pt idx="577">
                  <c:v>30064</c:v>
                </c:pt>
                <c:pt idx="578">
                  <c:v>30071</c:v>
                </c:pt>
                <c:pt idx="579">
                  <c:v>30078</c:v>
                </c:pt>
                <c:pt idx="580">
                  <c:v>30085</c:v>
                </c:pt>
                <c:pt idx="581">
                  <c:v>30092</c:v>
                </c:pt>
                <c:pt idx="582">
                  <c:v>30099</c:v>
                </c:pt>
                <c:pt idx="583">
                  <c:v>30106</c:v>
                </c:pt>
                <c:pt idx="584">
                  <c:v>30113</c:v>
                </c:pt>
                <c:pt idx="585">
                  <c:v>30120</c:v>
                </c:pt>
                <c:pt idx="586">
                  <c:v>30127</c:v>
                </c:pt>
                <c:pt idx="587">
                  <c:v>30134</c:v>
                </c:pt>
                <c:pt idx="588">
                  <c:v>30141</c:v>
                </c:pt>
                <c:pt idx="589">
                  <c:v>30148</c:v>
                </c:pt>
                <c:pt idx="590">
                  <c:v>30155</c:v>
                </c:pt>
                <c:pt idx="591">
                  <c:v>30162</c:v>
                </c:pt>
                <c:pt idx="592">
                  <c:v>30169</c:v>
                </c:pt>
                <c:pt idx="593">
                  <c:v>30176</c:v>
                </c:pt>
                <c:pt idx="594">
                  <c:v>30183</c:v>
                </c:pt>
                <c:pt idx="595">
                  <c:v>30190</c:v>
                </c:pt>
                <c:pt idx="596">
                  <c:v>30197</c:v>
                </c:pt>
                <c:pt idx="597">
                  <c:v>30204</c:v>
                </c:pt>
                <c:pt idx="598">
                  <c:v>30211</c:v>
                </c:pt>
                <c:pt idx="599">
                  <c:v>30218</c:v>
                </c:pt>
                <c:pt idx="600">
                  <c:v>30225</c:v>
                </c:pt>
                <c:pt idx="601">
                  <c:v>30232</c:v>
                </c:pt>
                <c:pt idx="602">
                  <c:v>30239</c:v>
                </c:pt>
                <c:pt idx="603">
                  <c:v>30246</c:v>
                </c:pt>
                <c:pt idx="604">
                  <c:v>30253</c:v>
                </c:pt>
                <c:pt idx="605">
                  <c:v>30260</c:v>
                </c:pt>
                <c:pt idx="606">
                  <c:v>30267</c:v>
                </c:pt>
                <c:pt idx="607">
                  <c:v>30274</c:v>
                </c:pt>
                <c:pt idx="608">
                  <c:v>30281</c:v>
                </c:pt>
                <c:pt idx="609">
                  <c:v>30288</c:v>
                </c:pt>
                <c:pt idx="610">
                  <c:v>30295</c:v>
                </c:pt>
                <c:pt idx="611">
                  <c:v>30302</c:v>
                </c:pt>
                <c:pt idx="612">
                  <c:v>30309</c:v>
                </c:pt>
                <c:pt idx="613">
                  <c:v>30316</c:v>
                </c:pt>
                <c:pt idx="614">
                  <c:v>30323</c:v>
                </c:pt>
                <c:pt idx="615">
                  <c:v>30330</c:v>
                </c:pt>
                <c:pt idx="616">
                  <c:v>30337</c:v>
                </c:pt>
                <c:pt idx="617">
                  <c:v>30344</c:v>
                </c:pt>
                <c:pt idx="618">
                  <c:v>30351</c:v>
                </c:pt>
                <c:pt idx="619">
                  <c:v>30358</c:v>
                </c:pt>
                <c:pt idx="620">
                  <c:v>30365</c:v>
                </c:pt>
                <c:pt idx="621">
                  <c:v>30372</c:v>
                </c:pt>
                <c:pt idx="622">
                  <c:v>30379</c:v>
                </c:pt>
                <c:pt idx="623">
                  <c:v>30386</c:v>
                </c:pt>
                <c:pt idx="624">
                  <c:v>30393</c:v>
                </c:pt>
                <c:pt idx="625">
                  <c:v>30400</c:v>
                </c:pt>
                <c:pt idx="626">
                  <c:v>30407</c:v>
                </c:pt>
                <c:pt idx="627">
                  <c:v>30414</c:v>
                </c:pt>
                <c:pt idx="628">
                  <c:v>30421</c:v>
                </c:pt>
                <c:pt idx="629">
                  <c:v>30428</c:v>
                </c:pt>
                <c:pt idx="630">
                  <c:v>30435</c:v>
                </c:pt>
                <c:pt idx="631">
                  <c:v>30442</c:v>
                </c:pt>
                <c:pt idx="632">
                  <c:v>30449</c:v>
                </c:pt>
                <c:pt idx="633">
                  <c:v>30456</c:v>
                </c:pt>
                <c:pt idx="634">
                  <c:v>30463</c:v>
                </c:pt>
                <c:pt idx="635">
                  <c:v>30470</c:v>
                </c:pt>
                <c:pt idx="636">
                  <c:v>30477</c:v>
                </c:pt>
                <c:pt idx="637">
                  <c:v>30484</c:v>
                </c:pt>
                <c:pt idx="638">
                  <c:v>30491</c:v>
                </c:pt>
                <c:pt idx="639">
                  <c:v>30498</c:v>
                </c:pt>
                <c:pt idx="640">
                  <c:v>30505</c:v>
                </c:pt>
                <c:pt idx="641">
                  <c:v>30512</c:v>
                </c:pt>
                <c:pt idx="642">
                  <c:v>30519</c:v>
                </c:pt>
                <c:pt idx="643">
                  <c:v>30526</c:v>
                </c:pt>
                <c:pt idx="644">
                  <c:v>30533</c:v>
                </c:pt>
                <c:pt idx="645">
                  <c:v>30540</c:v>
                </c:pt>
                <c:pt idx="646">
                  <c:v>30547</c:v>
                </c:pt>
                <c:pt idx="647">
                  <c:v>30554</c:v>
                </c:pt>
                <c:pt idx="648">
                  <c:v>30561</c:v>
                </c:pt>
                <c:pt idx="649">
                  <c:v>30568</c:v>
                </c:pt>
                <c:pt idx="650">
                  <c:v>30575</c:v>
                </c:pt>
                <c:pt idx="651">
                  <c:v>30582</c:v>
                </c:pt>
                <c:pt idx="652">
                  <c:v>30589</c:v>
                </c:pt>
                <c:pt idx="653">
                  <c:v>30596</c:v>
                </c:pt>
                <c:pt idx="654">
                  <c:v>30603</c:v>
                </c:pt>
                <c:pt idx="655">
                  <c:v>30610</c:v>
                </c:pt>
                <c:pt idx="656">
                  <c:v>30617</c:v>
                </c:pt>
                <c:pt idx="657">
                  <c:v>30624</c:v>
                </c:pt>
                <c:pt idx="658">
                  <c:v>30631</c:v>
                </c:pt>
                <c:pt idx="659">
                  <c:v>30638</c:v>
                </c:pt>
                <c:pt idx="660">
                  <c:v>30645</c:v>
                </c:pt>
                <c:pt idx="661">
                  <c:v>30652</c:v>
                </c:pt>
                <c:pt idx="662">
                  <c:v>30659</c:v>
                </c:pt>
                <c:pt idx="663">
                  <c:v>30666</c:v>
                </c:pt>
                <c:pt idx="664">
                  <c:v>30673</c:v>
                </c:pt>
                <c:pt idx="665">
                  <c:v>30680</c:v>
                </c:pt>
                <c:pt idx="666">
                  <c:v>30687</c:v>
                </c:pt>
                <c:pt idx="667">
                  <c:v>30694</c:v>
                </c:pt>
                <c:pt idx="668">
                  <c:v>30701</c:v>
                </c:pt>
                <c:pt idx="669">
                  <c:v>30708</c:v>
                </c:pt>
                <c:pt idx="670">
                  <c:v>30715</c:v>
                </c:pt>
                <c:pt idx="671">
                  <c:v>30722</c:v>
                </c:pt>
                <c:pt idx="672">
                  <c:v>30729</c:v>
                </c:pt>
                <c:pt idx="673">
                  <c:v>30736</c:v>
                </c:pt>
                <c:pt idx="674">
                  <c:v>30743</c:v>
                </c:pt>
                <c:pt idx="675">
                  <c:v>30750</c:v>
                </c:pt>
                <c:pt idx="676">
                  <c:v>30757</c:v>
                </c:pt>
                <c:pt idx="677">
                  <c:v>30764</c:v>
                </c:pt>
                <c:pt idx="678">
                  <c:v>30771</c:v>
                </c:pt>
                <c:pt idx="679">
                  <c:v>30778</c:v>
                </c:pt>
                <c:pt idx="680">
                  <c:v>30785</c:v>
                </c:pt>
                <c:pt idx="681">
                  <c:v>30792</c:v>
                </c:pt>
                <c:pt idx="682">
                  <c:v>30799</c:v>
                </c:pt>
                <c:pt idx="683">
                  <c:v>30806</c:v>
                </c:pt>
                <c:pt idx="684">
                  <c:v>30813</c:v>
                </c:pt>
                <c:pt idx="685">
                  <c:v>30820</c:v>
                </c:pt>
                <c:pt idx="686">
                  <c:v>30827</c:v>
                </c:pt>
                <c:pt idx="687">
                  <c:v>30834</c:v>
                </c:pt>
                <c:pt idx="688">
                  <c:v>30841</c:v>
                </c:pt>
                <c:pt idx="689">
                  <c:v>30848</c:v>
                </c:pt>
                <c:pt idx="690">
                  <c:v>30855</c:v>
                </c:pt>
                <c:pt idx="691">
                  <c:v>30862</c:v>
                </c:pt>
                <c:pt idx="692">
                  <c:v>30869</c:v>
                </c:pt>
                <c:pt idx="693">
                  <c:v>30876</c:v>
                </c:pt>
                <c:pt idx="694">
                  <c:v>30883</c:v>
                </c:pt>
                <c:pt idx="695">
                  <c:v>30890</c:v>
                </c:pt>
                <c:pt idx="696">
                  <c:v>30897</c:v>
                </c:pt>
                <c:pt idx="697">
                  <c:v>30904</c:v>
                </c:pt>
                <c:pt idx="698">
                  <c:v>30911</c:v>
                </c:pt>
                <c:pt idx="699">
                  <c:v>30918</c:v>
                </c:pt>
                <c:pt idx="700">
                  <c:v>30925</c:v>
                </c:pt>
                <c:pt idx="701">
                  <c:v>30932</c:v>
                </c:pt>
                <c:pt idx="702">
                  <c:v>30939</c:v>
                </c:pt>
                <c:pt idx="703">
                  <c:v>30946</c:v>
                </c:pt>
                <c:pt idx="704">
                  <c:v>30953</c:v>
                </c:pt>
                <c:pt idx="705">
                  <c:v>30960</c:v>
                </c:pt>
                <c:pt idx="706">
                  <c:v>30967</c:v>
                </c:pt>
                <c:pt idx="707">
                  <c:v>30974</c:v>
                </c:pt>
                <c:pt idx="708">
                  <c:v>30981</c:v>
                </c:pt>
                <c:pt idx="709">
                  <c:v>30988</c:v>
                </c:pt>
                <c:pt idx="710">
                  <c:v>30995</c:v>
                </c:pt>
                <c:pt idx="711">
                  <c:v>31002</c:v>
                </c:pt>
                <c:pt idx="712">
                  <c:v>31009</c:v>
                </c:pt>
                <c:pt idx="713">
                  <c:v>31016</c:v>
                </c:pt>
                <c:pt idx="714">
                  <c:v>31023</c:v>
                </c:pt>
                <c:pt idx="715">
                  <c:v>31030</c:v>
                </c:pt>
                <c:pt idx="716">
                  <c:v>31037</c:v>
                </c:pt>
                <c:pt idx="717">
                  <c:v>31044</c:v>
                </c:pt>
                <c:pt idx="718">
                  <c:v>31051</c:v>
                </c:pt>
                <c:pt idx="719">
                  <c:v>31058</c:v>
                </c:pt>
                <c:pt idx="720">
                  <c:v>31065</c:v>
                </c:pt>
                <c:pt idx="721">
                  <c:v>31072</c:v>
                </c:pt>
                <c:pt idx="722">
                  <c:v>31079</c:v>
                </c:pt>
                <c:pt idx="723">
                  <c:v>31086</c:v>
                </c:pt>
                <c:pt idx="724">
                  <c:v>31093</c:v>
                </c:pt>
                <c:pt idx="725">
                  <c:v>31100</c:v>
                </c:pt>
                <c:pt idx="726">
                  <c:v>31107</c:v>
                </c:pt>
                <c:pt idx="727">
                  <c:v>31114</c:v>
                </c:pt>
                <c:pt idx="728">
                  <c:v>31121</c:v>
                </c:pt>
                <c:pt idx="729">
                  <c:v>31128</c:v>
                </c:pt>
                <c:pt idx="730">
                  <c:v>31135</c:v>
                </c:pt>
                <c:pt idx="731">
                  <c:v>31142</c:v>
                </c:pt>
                <c:pt idx="732">
                  <c:v>31149</c:v>
                </c:pt>
                <c:pt idx="733">
                  <c:v>31156</c:v>
                </c:pt>
                <c:pt idx="734">
                  <c:v>31163</c:v>
                </c:pt>
                <c:pt idx="735">
                  <c:v>31170</c:v>
                </c:pt>
                <c:pt idx="736">
                  <c:v>31177</c:v>
                </c:pt>
                <c:pt idx="737">
                  <c:v>31184</c:v>
                </c:pt>
                <c:pt idx="738">
                  <c:v>31191</c:v>
                </c:pt>
                <c:pt idx="739">
                  <c:v>31198</c:v>
                </c:pt>
                <c:pt idx="740">
                  <c:v>31205</c:v>
                </c:pt>
                <c:pt idx="741">
                  <c:v>31212</c:v>
                </c:pt>
                <c:pt idx="742">
                  <c:v>31219</c:v>
                </c:pt>
                <c:pt idx="743">
                  <c:v>31226</c:v>
                </c:pt>
                <c:pt idx="744">
                  <c:v>31233</c:v>
                </c:pt>
                <c:pt idx="745">
                  <c:v>31240</c:v>
                </c:pt>
                <c:pt idx="746">
                  <c:v>31247</c:v>
                </c:pt>
                <c:pt idx="747">
                  <c:v>31254</c:v>
                </c:pt>
                <c:pt idx="748">
                  <c:v>31261</c:v>
                </c:pt>
                <c:pt idx="749">
                  <c:v>31268</c:v>
                </c:pt>
                <c:pt idx="750">
                  <c:v>31275</c:v>
                </c:pt>
                <c:pt idx="751">
                  <c:v>31282</c:v>
                </c:pt>
                <c:pt idx="752">
                  <c:v>31289</c:v>
                </c:pt>
                <c:pt idx="753">
                  <c:v>31296</c:v>
                </c:pt>
                <c:pt idx="754">
                  <c:v>31303</c:v>
                </c:pt>
                <c:pt idx="755">
                  <c:v>31310</c:v>
                </c:pt>
                <c:pt idx="756">
                  <c:v>31317</c:v>
                </c:pt>
                <c:pt idx="757">
                  <c:v>31324</c:v>
                </c:pt>
                <c:pt idx="758">
                  <c:v>31331</c:v>
                </c:pt>
                <c:pt idx="759">
                  <c:v>31338</c:v>
                </c:pt>
                <c:pt idx="760">
                  <c:v>31345</c:v>
                </c:pt>
                <c:pt idx="761">
                  <c:v>31352</c:v>
                </c:pt>
                <c:pt idx="762">
                  <c:v>31359</c:v>
                </c:pt>
                <c:pt idx="763">
                  <c:v>31366</c:v>
                </c:pt>
                <c:pt idx="764">
                  <c:v>31373</c:v>
                </c:pt>
                <c:pt idx="765">
                  <c:v>31380</c:v>
                </c:pt>
                <c:pt idx="766">
                  <c:v>31387</c:v>
                </c:pt>
                <c:pt idx="767">
                  <c:v>31394</c:v>
                </c:pt>
                <c:pt idx="768">
                  <c:v>31401</c:v>
                </c:pt>
                <c:pt idx="769">
                  <c:v>31408</c:v>
                </c:pt>
                <c:pt idx="770">
                  <c:v>31415</c:v>
                </c:pt>
                <c:pt idx="771">
                  <c:v>31422</c:v>
                </c:pt>
                <c:pt idx="772">
                  <c:v>31429</c:v>
                </c:pt>
                <c:pt idx="773">
                  <c:v>31436</c:v>
                </c:pt>
                <c:pt idx="774">
                  <c:v>31443</c:v>
                </c:pt>
                <c:pt idx="775">
                  <c:v>31450</c:v>
                </c:pt>
                <c:pt idx="776">
                  <c:v>31457</c:v>
                </c:pt>
                <c:pt idx="777">
                  <c:v>31464</c:v>
                </c:pt>
                <c:pt idx="778">
                  <c:v>31471</c:v>
                </c:pt>
                <c:pt idx="779">
                  <c:v>31478</c:v>
                </c:pt>
                <c:pt idx="780">
                  <c:v>31485</c:v>
                </c:pt>
                <c:pt idx="781">
                  <c:v>31492</c:v>
                </c:pt>
                <c:pt idx="782">
                  <c:v>31499</c:v>
                </c:pt>
                <c:pt idx="783">
                  <c:v>31506</c:v>
                </c:pt>
                <c:pt idx="784">
                  <c:v>31513</c:v>
                </c:pt>
                <c:pt idx="785">
                  <c:v>31520</c:v>
                </c:pt>
                <c:pt idx="786">
                  <c:v>31527</c:v>
                </c:pt>
                <c:pt idx="787">
                  <c:v>31534</c:v>
                </c:pt>
                <c:pt idx="788">
                  <c:v>31541</c:v>
                </c:pt>
                <c:pt idx="789">
                  <c:v>31548</c:v>
                </c:pt>
                <c:pt idx="790">
                  <c:v>31555</c:v>
                </c:pt>
                <c:pt idx="791">
                  <c:v>31562</c:v>
                </c:pt>
                <c:pt idx="792">
                  <c:v>31569</c:v>
                </c:pt>
                <c:pt idx="793">
                  <c:v>31576</c:v>
                </c:pt>
                <c:pt idx="794">
                  <c:v>31583</c:v>
                </c:pt>
                <c:pt idx="795">
                  <c:v>31590</c:v>
                </c:pt>
                <c:pt idx="796">
                  <c:v>31597</c:v>
                </c:pt>
                <c:pt idx="797">
                  <c:v>31604</c:v>
                </c:pt>
                <c:pt idx="798">
                  <c:v>31611</c:v>
                </c:pt>
                <c:pt idx="799">
                  <c:v>31618</c:v>
                </c:pt>
                <c:pt idx="800">
                  <c:v>31625</c:v>
                </c:pt>
                <c:pt idx="801">
                  <c:v>31632</c:v>
                </c:pt>
                <c:pt idx="802">
                  <c:v>31639</c:v>
                </c:pt>
                <c:pt idx="803">
                  <c:v>31646</c:v>
                </c:pt>
                <c:pt idx="804">
                  <c:v>31653</c:v>
                </c:pt>
                <c:pt idx="805">
                  <c:v>31660</c:v>
                </c:pt>
                <c:pt idx="806">
                  <c:v>31667</c:v>
                </c:pt>
                <c:pt idx="807">
                  <c:v>31674</c:v>
                </c:pt>
                <c:pt idx="808">
                  <c:v>31681</c:v>
                </c:pt>
                <c:pt idx="809">
                  <c:v>31688</c:v>
                </c:pt>
                <c:pt idx="810">
                  <c:v>31695</c:v>
                </c:pt>
                <c:pt idx="811">
                  <c:v>31702</c:v>
                </c:pt>
                <c:pt idx="812">
                  <c:v>31709</c:v>
                </c:pt>
                <c:pt idx="813">
                  <c:v>31716</c:v>
                </c:pt>
                <c:pt idx="814">
                  <c:v>31723</c:v>
                </c:pt>
                <c:pt idx="815">
                  <c:v>31730</c:v>
                </c:pt>
                <c:pt idx="816">
                  <c:v>31737</c:v>
                </c:pt>
                <c:pt idx="817">
                  <c:v>31744</c:v>
                </c:pt>
                <c:pt idx="818">
                  <c:v>31751</c:v>
                </c:pt>
                <c:pt idx="819">
                  <c:v>31758</c:v>
                </c:pt>
                <c:pt idx="820">
                  <c:v>31765</c:v>
                </c:pt>
                <c:pt idx="821">
                  <c:v>31772</c:v>
                </c:pt>
                <c:pt idx="822">
                  <c:v>31779</c:v>
                </c:pt>
                <c:pt idx="823">
                  <c:v>31786</c:v>
                </c:pt>
                <c:pt idx="824">
                  <c:v>31793</c:v>
                </c:pt>
                <c:pt idx="825">
                  <c:v>31800</c:v>
                </c:pt>
                <c:pt idx="826">
                  <c:v>31807</c:v>
                </c:pt>
                <c:pt idx="827">
                  <c:v>31814</c:v>
                </c:pt>
                <c:pt idx="828">
                  <c:v>31821</c:v>
                </c:pt>
                <c:pt idx="829">
                  <c:v>31828</c:v>
                </c:pt>
                <c:pt idx="830">
                  <c:v>31835</c:v>
                </c:pt>
                <c:pt idx="831">
                  <c:v>31842</c:v>
                </c:pt>
                <c:pt idx="832">
                  <c:v>31849</c:v>
                </c:pt>
                <c:pt idx="833">
                  <c:v>31856</c:v>
                </c:pt>
                <c:pt idx="834">
                  <c:v>31863</c:v>
                </c:pt>
                <c:pt idx="835">
                  <c:v>31870</c:v>
                </c:pt>
                <c:pt idx="836">
                  <c:v>31877</c:v>
                </c:pt>
                <c:pt idx="837">
                  <c:v>31884</c:v>
                </c:pt>
                <c:pt idx="838">
                  <c:v>31891</c:v>
                </c:pt>
                <c:pt idx="839">
                  <c:v>31898</c:v>
                </c:pt>
                <c:pt idx="840">
                  <c:v>31905</c:v>
                </c:pt>
                <c:pt idx="841">
                  <c:v>31912</c:v>
                </c:pt>
                <c:pt idx="842">
                  <c:v>31919</c:v>
                </c:pt>
                <c:pt idx="843">
                  <c:v>31926</c:v>
                </c:pt>
                <c:pt idx="844">
                  <c:v>31933</c:v>
                </c:pt>
                <c:pt idx="845">
                  <c:v>31940</c:v>
                </c:pt>
                <c:pt idx="846">
                  <c:v>31947</c:v>
                </c:pt>
                <c:pt idx="847">
                  <c:v>31954</c:v>
                </c:pt>
                <c:pt idx="848">
                  <c:v>31961</c:v>
                </c:pt>
                <c:pt idx="849">
                  <c:v>31968</c:v>
                </c:pt>
                <c:pt idx="850">
                  <c:v>31975</c:v>
                </c:pt>
                <c:pt idx="851">
                  <c:v>31982</c:v>
                </c:pt>
                <c:pt idx="852">
                  <c:v>31989</c:v>
                </c:pt>
                <c:pt idx="853">
                  <c:v>31996</c:v>
                </c:pt>
                <c:pt idx="854">
                  <c:v>32003</c:v>
                </c:pt>
                <c:pt idx="855">
                  <c:v>32010</c:v>
                </c:pt>
                <c:pt idx="856">
                  <c:v>32017</c:v>
                </c:pt>
                <c:pt idx="857">
                  <c:v>32024</c:v>
                </c:pt>
                <c:pt idx="858">
                  <c:v>32031</c:v>
                </c:pt>
                <c:pt idx="859">
                  <c:v>32038</c:v>
                </c:pt>
                <c:pt idx="860">
                  <c:v>32045</c:v>
                </c:pt>
                <c:pt idx="861">
                  <c:v>32052</c:v>
                </c:pt>
                <c:pt idx="862">
                  <c:v>32059</c:v>
                </c:pt>
                <c:pt idx="863">
                  <c:v>32066</c:v>
                </c:pt>
                <c:pt idx="864">
                  <c:v>32073</c:v>
                </c:pt>
                <c:pt idx="865">
                  <c:v>32080</c:v>
                </c:pt>
                <c:pt idx="866">
                  <c:v>32087</c:v>
                </c:pt>
                <c:pt idx="867">
                  <c:v>32094</c:v>
                </c:pt>
                <c:pt idx="868">
                  <c:v>32101</c:v>
                </c:pt>
                <c:pt idx="869">
                  <c:v>32108</c:v>
                </c:pt>
                <c:pt idx="870">
                  <c:v>32115</c:v>
                </c:pt>
                <c:pt idx="871">
                  <c:v>32122</c:v>
                </c:pt>
                <c:pt idx="872">
                  <c:v>32129</c:v>
                </c:pt>
                <c:pt idx="873">
                  <c:v>32136</c:v>
                </c:pt>
                <c:pt idx="874">
                  <c:v>32142</c:v>
                </c:pt>
                <c:pt idx="875">
                  <c:v>32150</c:v>
                </c:pt>
                <c:pt idx="876">
                  <c:v>32157</c:v>
                </c:pt>
                <c:pt idx="877">
                  <c:v>32164</c:v>
                </c:pt>
                <c:pt idx="878">
                  <c:v>32171</c:v>
                </c:pt>
                <c:pt idx="879">
                  <c:v>32178</c:v>
                </c:pt>
                <c:pt idx="880">
                  <c:v>32185</c:v>
                </c:pt>
                <c:pt idx="881">
                  <c:v>32192</c:v>
                </c:pt>
                <c:pt idx="882">
                  <c:v>32199</c:v>
                </c:pt>
                <c:pt idx="883">
                  <c:v>32206</c:v>
                </c:pt>
                <c:pt idx="884">
                  <c:v>32213</c:v>
                </c:pt>
                <c:pt idx="885">
                  <c:v>32220</c:v>
                </c:pt>
                <c:pt idx="886">
                  <c:v>32227</c:v>
                </c:pt>
                <c:pt idx="887">
                  <c:v>32234</c:v>
                </c:pt>
                <c:pt idx="888">
                  <c:v>32241</c:v>
                </c:pt>
                <c:pt idx="889">
                  <c:v>32248</c:v>
                </c:pt>
                <c:pt idx="890">
                  <c:v>32255</c:v>
                </c:pt>
                <c:pt idx="891">
                  <c:v>32262</c:v>
                </c:pt>
                <c:pt idx="892">
                  <c:v>32269</c:v>
                </c:pt>
                <c:pt idx="893">
                  <c:v>32276</c:v>
                </c:pt>
                <c:pt idx="894">
                  <c:v>32283</c:v>
                </c:pt>
                <c:pt idx="895">
                  <c:v>32290</c:v>
                </c:pt>
                <c:pt idx="896">
                  <c:v>32297</c:v>
                </c:pt>
                <c:pt idx="897">
                  <c:v>32304</c:v>
                </c:pt>
                <c:pt idx="898">
                  <c:v>32311</c:v>
                </c:pt>
                <c:pt idx="899">
                  <c:v>32318</c:v>
                </c:pt>
                <c:pt idx="900">
                  <c:v>32325</c:v>
                </c:pt>
                <c:pt idx="901">
                  <c:v>32332</c:v>
                </c:pt>
                <c:pt idx="902">
                  <c:v>32339</c:v>
                </c:pt>
                <c:pt idx="903">
                  <c:v>32346</c:v>
                </c:pt>
                <c:pt idx="904">
                  <c:v>32353</c:v>
                </c:pt>
                <c:pt idx="905">
                  <c:v>32360</c:v>
                </c:pt>
                <c:pt idx="906">
                  <c:v>32367</c:v>
                </c:pt>
                <c:pt idx="907">
                  <c:v>32374</c:v>
                </c:pt>
                <c:pt idx="908">
                  <c:v>32381</c:v>
                </c:pt>
                <c:pt idx="909">
                  <c:v>32388</c:v>
                </c:pt>
                <c:pt idx="910">
                  <c:v>32395</c:v>
                </c:pt>
                <c:pt idx="911">
                  <c:v>32402</c:v>
                </c:pt>
                <c:pt idx="912">
                  <c:v>32409</c:v>
                </c:pt>
                <c:pt idx="913">
                  <c:v>32416</c:v>
                </c:pt>
                <c:pt idx="914">
                  <c:v>32423</c:v>
                </c:pt>
                <c:pt idx="915">
                  <c:v>32430</c:v>
                </c:pt>
                <c:pt idx="916">
                  <c:v>32437</c:v>
                </c:pt>
                <c:pt idx="917">
                  <c:v>32444</c:v>
                </c:pt>
                <c:pt idx="918">
                  <c:v>32451</c:v>
                </c:pt>
                <c:pt idx="919">
                  <c:v>32458</c:v>
                </c:pt>
                <c:pt idx="920">
                  <c:v>32465</c:v>
                </c:pt>
                <c:pt idx="921">
                  <c:v>32472</c:v>
                </c:pt>
                <c:pt idx="922">
                  <c:v>32479</c:v>
                </c:pt>
                <c:pt idx="923">
                  <c:v>32486</c:v>
                </c:pt>
                <c:pt idx="924">
                  <c:v>32493</c:v>
                </c:pt>
                <c:pt idx="925">
                  <c:v>32500</c:v>
                </c:pt>
                <c:pt idx="926">
                  <c:v>32507</c:v>
                </c:pt>
                <c:pt idx="927">
                  <c:v>32514</c:v>
                </c:pt>
                <c:pt idx="928">
                  <c:v>32521</c:v>
                </c:pt>
                <c:pt idx="929">
                  <c:v>32528</c:v>
                </c:pt>
                <c:pt idx="930">
                  <c:v>32535</c:v>
                </c:pt>
                <c:pt idx="931">
                  <c:v>32542</c:v>
                </c:pt>
                <c:pt idx="932">
                  <c:v>32549</c:v>
                </c:pt>
                <c:pt idx="933">
                  <c:v>32556</c:v>
                </c:pt>
                <c:pt idx="934">
                  <c:v>32563</c:v>
                </c:pt>
                <c:pt idx="935">
                  <c:v>32570</c:v>
                </c:pt>
                <c:pt idx="936">
                  <c:v>32577</c:v>
                </c:pt>
                <c:pt idx="937">
                  <c:v>32584</c:v>
                </c:pt>
                <c:pt idx="938">
                  <c:v>32591</c:v>
                </c:pt>
                <c:pt idx="939">
                  <c:v>32598</c:v>
                </c:pt>
                <c:pt idx="940">
                  <c:v>32605</c:v>
                </c:pt>
                <c:pt idx="941">
                  <c:v>32612</c:v>
                </c:pt>
                <c:pt idx="942">
                  <c:v>32619</c:v>
                </c:pt>
                <c:pt idx="943">
                  <c:v>32626</c:v>
                </c:pt>
                <c:pt idx="944">
                  <c:v>32633</c:v>
                </c:pt>
                <c:pt idx="945">
                  <c:v>32640</c:v>
                </c:pt>
                <c:pt idx="946">
                  <c:v>32647</c:v>
                </c:pt>
                <c:pt idx="947">
                  <c:v>32654</c:v>
                </c:pt>
                <c:pt idx="948">
                  <c:v>32661</c:v>
                </c:pt>
                <c:pt idx="949">
                  <c:v>32668</c:v>
                </c:pt>
                <c:pt idx="950">
                  <c:v>32675</c:v>
                </c:pt>
                <c:pt idx="951">
                  <c:v>32682</c:v>
                </c:pt>
                <c:pt idx="952">
                  <c:v>32689</c:v>
                </c:pt>
                <c:pt idx="953">
                  <c:v>32696</c:v>
                </c:pt>
                <c:pt idx="954">
                  <c:v>32703</c:v>
                </c:pt>
                <c:pt idx="955">
                  <c:v>32710</c:v>
                </c:pt>
                <c:pt idx="956">
                  <c:v>32717</c:v>
                </c:pt>
                <c:pt idx="957">
                  <c:v>32724</c:v>
                </c:pt>
                <c:pt idx="958">
                  <c:v>32731</c:v>
                </c:pt>
                <c:pt idx="959">
                  <c:v>32738</c:v>
                </c:pt>
                <c:pt idx="960">
                  <c:v>32745</c:v>
                </c:pt>
                <c:pt idx="961">
                  <c:v>32752</c:v>
                </c:pt>
                <c:pt idx="962">
                  <c:v>32759</c:v>
                </c:pt>
                <c:pt idx="963">
                  <c:v>32766</c:v>
                </c:pt>
                <c:pt idx="964">
                  <c:v>32773</c:v>
                </c:pt>
                <c:pt idx="965">
                  <c:v>32780</c:v>
                </c:pt>
                <c:pt idx="966">
                  <c:v>32787</c:v>
                </c:pt>
                <c:pt idx="967">
                  <c:v>32794</c:v>
                </c:pt>
                <c:pt idx="968">
                  <c:v>32801</c:v>
                </c:pt>
                <c:pt idx="969">
                  <c:v>32808</c:v>
                </c:pt>
                <c:pt idx="970">
                  <c:v>32815</c:v>
                </c:pt>
                <c:pt idx="971">
                  <c:v>32822</c:v>
                </c:pt>
                <c:pt idx="972">
                  <c:v>32829</c:v>
                </c:pt>
                <c:pt idx="973">
                  <c:v>32836</c:v>
                </c:pt>
                <c:pt idx="974">
                  <c:v>32843</c:v>
                </c:pt>
                <c:pt idx="975">
                  <c:v>32850</c:v>
                </c:pt>
                <c:pt idx="976">
                  <c:v>32857</c:v>
                </c:pt>
                <c:pt idx="977">
                  <c:v>32864</c:v>
                </c:pt>
                <c:pt idx="978">
                  <c:v>32871</c:v>
                </c:pt>
                <c:pt idx="979">
                  <c:v>32878</c:v>
                </c:pt>
                <c:pt idx="980">
                  <c:v>32885</c:v>
                </c:pt>
                <c:pt idx="981">
                  <c:v>32892</c:v>
                </c:pt>
                <c:pt idx="982">
                  <c:v>32899</c:v>
                </c:pt>
                <c:pt idx="983">
                  <c:v>32906</c:v>
                </c:pt>
                <c:pt idx="984">
                  <c:v>32913</c:v>
                </c:pt>
                <c:pt idx="985">
                  <c:v>32920</c:v>
                </c:pt>
                <c:pt idx="986">
                  <c:v>32927</c:v>
                </c:pt>
                <c:pt idx="987">
                  <c:v>32934</c:v>
                </c:pt>
                <c:pt idx="988">
                  <c:v>32941</c:v>
                </c:pt>
                <c:pt idx="989">
                  <c:v>32948</c:v>
                </c:pt>
                <c:pt idx="990">
                  <c:v>32955</c:v>
                </c:pt>
                <c:pt idx="991">
                  <c:v>32962</c:v>
                </c:pt>
                <c:pt idx="992">
                  <c:v>32969</c:v>
                </c:pt>
                <c:pt idx="993">
                  <c:v>32976</c:v>
                </c:pt>
                <c:pt idx="994">
                  <c:v>32983</c:v>
                </c:pt>
                <c:pt idx="995">
                  <c:v>32990</c:v>
                </c:pt>
                <c:pt idx="996">
                  <c:v>32997</c:v>
                </c:pt>
                <c:pt idx="997">
                  <c:v>33004</c:v>
                </c:pt>
                <c:pt idx="998">
                  <c:v>33011</c:v>
                </c:pt>
                <c:pt idx="999">
                  <c:v>33018</c:v>
                </c:pt>
                <c:pt idx="1000">
                  <c:v>33025</c:v>
                </c:pt>
                <c:pt idx="1001">
                  <c:v>33032</c:v>
                </c:pt>
                <c:pt idx="1002">
                  <c:v>33039</c:v>
                </c:pt>
                <c:pt idx="1003">
                  <c:v>33046</c:v>
                </c:pt>
                <c:pt idx="1004">
                  <c:v>33053</c:v>
                </c:pt>
                <c:pt idx="1005">
                  <c:v>33060</c:v>
                </c:pt>
                <c:pt idx="1006">
                  <c:v>33067</c:v>
                </c:pt>
                <c:pt idx="1007">
                  <c:v>33074</c:v>
                </c:pt>
                <c:pt idx="1008">
                  <c:v>33081</c:v>
                </c:pt>
                <c:pt idx="1009">
                  <c:v>33088</c:v>
                </c:pt>
                <c:pt idx="1010">
                  <c:v>33095</c:v>
                </c:pt>
                <c:pt idx="1011">
                  <c:v>33102</c:v>
                </c:pt>
                <c:pt idx="1012">
                  <c:v>33109</c:v>
                </c:pt>
                <c:pt idx="1013">
                  <c:v>33116</c:v>
                </c:pt>
                <c:pt idx="1014">
                  <c:v>33123</c:v>
                </c:pt>
                <c:pt idx="1015">
                  <c:v>33130</c:v>
                </c:pt>
                <c:pt idx="1016">
                  <c:v>33137</c:v>
                </c:pt>
                <c:pt idx="1017">
                  <c:v>33144</c:v>
                </c:pt>
                <c:pt idx="1018">
                  <c:v>33151</c:v>
                </c:pt>
                <c:pt idx="1019">
                  <c:v>33158</c:v>
                </c:pt>
                <c:pt idx="1020">
                  <c:v>33165</c:v>
                </c:pt>
                <c:pt idx="1021">
                  <c:v>33172</c:v>
                </c:pt>
                <c:pt idx="1022">
                  <c:v>33179</c:v>
                </c:pt>
                <c:pt idx="1023">
                  <c:v>33186</c:v>
                </c:pt>
                <c:pt idx="1024">
                  <c:v>33193</c:v>
                </c:pt>
                <c:pt idx="1025">
                  <c:v>33200</c:v>
                </c:pt>
                <c:pt idx="1026">
                  <c:v>33207</c:v>
                </c:pt>
                <c:pt idx="1027">
                  <c:v>33214</c:v>
                </c:pt>
                <c:pt idx="1028">
                  <c:v>33221</c:v>
                </c:pt>
                <c:pt idx="1029">
                  <c:v>33228</c:v>
                </c:pt>
                <c:pt idx="1030">
                  <c:v>33235</c:v>
                </c:pt>
                <c:pt idx="1031">
                  <c:v>33242</c:v>
                </c:pt>
                <c:pt idx="1032">
                  <c:v>33249</c:v>
                </c:pt>
                <c:pt idx="1033">
                  <c:v>33256</c:v>
                </c:pt>
                <c:pt idx="1034">
                  <c:v>33263</c:v>
                </c:pt>
                <c:pt idx="1035">
                  <c:v>33270</c:v>
                </c:pt>
                <c:pt idx="1036">
                  <c:v>33277</c:v>
                </c:pt>
                <c:pt idx="1037">
                  <c:v>33284</c:v>
                </c:pt>
                <c:pt idx="1038">
                  <c:v>33291</c:v>
                </c:pt>
                <c:pt idx="1039">
                  <c:v>33298</c:v>
                </c:pt>
                <c:pt idx="1040">
                  <c:v>33305</c:v>
                </c:pt>
                <c:pt idx="1041">
                  <c:v>33312</c:v>
                </c:pt>
                <c:pt idx="1042">
                  <c:v>33319</c:v>
                </c:pt>
                <c:pt idx="1043">
                  <c:v>33326</c:v>
                </c:pt>
                <c:pt idx="1044">
                  <c:v>33333</c:v>
                </c:pt>
                <c:pt idx="1045">
                  <c:v>33340</c:v>
                </c:pt>
                <c:pt idx="1046">
                  <c:v>33347</c:v>
                </c:pt>
                <c:pt idx="1047">
                  <c:v>33354</c:v>
                </c:pt>
                <c:pt idx="1048">
                  <c:v>33361</c:v>
                </c:pt>
                <c:pt idx="1049">
                  <c:v>33368</c:v>
                </c:pt>
                <c:pt idx="1050">
                  <c:v>33375</c:v>
                </c:pt>
                <c:pt idx="1051">
                  <c:v>33382</c:v>
                </c:pt>
                <c:pt idx="1052">
                  <c:v>33389</c:v>
                </c:pt>
                <c:pt idx="1053">
                  <c:v>33396</c:v>
                </c:pt>
                <c:pt idx="1054">
                  <c:v>33403</c:v>
                </c:pt>
                <c:pt idx="1055">
                  <c:v>33410</c:v>
                </c:pt>
                <c:pt idx="1056">
                  <c:v>33417</c:v>
                </c:pt>
                <c:pt idx="1057">
                  <c:v>33424</c:v>
                </c:pt>
                <c:pt idx="1058">
                  <c:v>33431</c:v>
                </c:pt>
                <c:pt idx="1059">
                  <c:v>33438</c:v>
                </c:pt>
                <c:pt idx="1060">
                  <c:v>33445</c:v>
                </c:pt>
                <c:pt idx="1061">
                  <c:v>33452</c:v>
                </c:pt>
                <c:pt idx="1062">
                  <c:v>33459</c:v>
                </c:pt>
                <c:pt idx="1063">
                  <c:v>33466</c:v>
                </c:pt>
                <c:pt idx="1064">
                  <c:v>33473</c:v>
                </c:pt>
                <c:pt idx="1065">
                  <c:v>33480</c:v>
                </c:pt>
                <c:pt idx="1066">
                  <c:v>33487</c:v>
                </c:pt>
                <c:pt idx="1067">
                  <c:v>33494</c:v>
                </c:pt>
                <c:pt idx="1068">
                  <c:v>33501</c:v>
                </c:pt>
                <c:pt idx="1069">
                  <c:v>33508</c:v>
                </c:pt>
                <c:pt idx="1070">
                  <c:v>33515</c:v>
                </c:pt>
                <c:pt idx="1071">
                  <c:v>33522</c:v>
                </c:pt>
                <c:pt idx="1072">
                  <c:v>33529</c:v>
                </c:pt>
                <c:pt idx="1073">
                  <c:v>33536</c:v>
                </c:pt>
                <c:pt idx="1074">
                  <c:v>33543</c:v>
                </c:pt>
                <c:pt idx="1075">
                  <c:v>33550</c:v>
                </c:pt>
                <c:pt idx="1076">
                  <c:v>33557</c:v>
                </c:pt>
                <c:pt idx="1077">
                  <c:v>33564</c:v>
                </c:pt>
                <c:pt idx="1078">
                  <c:v>33571</c:v>
                </c:pt>
                <c:pt idx="1079">
                  <c:v>33578</c:v>
                </c:pt>
                <c:pt idx="1080">
                  <c:v>33585</c:v>
                </c:pt>
                <c:pt idx="1081">
                  <c:v>33592</c:v>
                </c:pt>
                <c:pt idx="1082">
                  <c:v>33599</c:v>
                </c:pt>
                <c:pt idx="1083">
                  <c:v>33606</c:v>
                </c:pt>
                <c:pt idx="1084">
                  <c:v>33613</c:v>
                </c:pt>
                <c:pt idx="1085">
                  <c:v>33620</c:v>
                </c:pt>
                <c:pt idx="1086">
                  <c:v>33627</c:v>
                </c:pt>
                <c:pt idx="1087">
                  <c:v>33634</c:v>
                </c:pt>
                <c:pt idx="1088">
                  <c:v>33641</c:v>
                </c:pt>
                <c:pt idx="1089">
                  <c:v>33648</c:v>
                </c:pt>
                <c:pt idx="1090">
                  <c:v>33655</c:v>
                </c:pt>
                <c:pt idx="1091">
                  <c:v>33662</c:v>
                </c:pt>
                <c:pt idx="1092">
                  <c:v>33669</c:v>
                </c:pt>
                <c:pt idx="1093">
                  <c:v>33676</c:v>
                </c:pt>
                <c:pt idx="1094">
                  <c:v>33683</c:v>
                </c:pt>
                <c:pt idx="1095">
                  <c:v>33690</c:v>
                </c:pt>
                <c:pt idx="1096">
                  <c:v>33697</c:v>
                </c:pt>
                <c:pt idx="1097">
                  <c:v>33704</c:v>
                </c:pt>
                <c:pt idx="1098">
                  <c:v>33711</c:v>
                </c:pt>
                <c:pt idx="1099">
                  <c:v>33718</c:v>
                </c:pt>
                <c:pt idx="1100">
                  <c:v>33725</c:v>
                </c:pt>
                <c:pt idx="1101">
                  <c:v>33732</c:v>
                </c:pt>
                <c:pt idx="1102">
                  <c:v>33739</c:v>
                </c:pt>
                <c:pt idx="1103">
                  <c:v>33746</c:v>
                </c:pt>
                <c:pt idx="1104">
                  <c:v>33753</c:v>
                </c:pt>
                <c:pt idx="1105">
                  <c:v>33760</c:v>
                </c:pt>
                <c:pt idx="1106">
                  <c:v>33767</c:v>
                </c:pt>
                <c:pt idx="1107">
                  <c:v>33774</c:v>
                </c:pt>
                <c:pt idx="1108">
                  <c:v>33781</c:v>
                </c:pt>
                <c:pt idx="1109">
                  <c:v>33788</c:v>
                </c:pt>
                <c:pt idx="1110">
                  <c:v>33795</c:v>
                </c:pt>
                <c:pt idx="1111">
                  <c:v>33802</c:v>
                </c:pt>
                <c:pt idx="1112">
                  <c:v>33809</c:v>
                </c:pt>
                <c:pt idx="1113">
                  <c:v>33816</c:v>
                </c:pt>
                <c:pt idx="1114">
                  <c:v>33823</c:v>
                </c:pt>
                <c:pt idx="1115">
                  <c:v>33830</c:v>
                </c:pt>
                <c:pt idx="1116">
                  <c:v>33837</c:v>
                </c:pt>
                <c:pt idx="1117">
                  <c:v>33844</c:v>
                </c:pt>
                <c:pt idx="1118">
                  <c:v>33851</c:v>
                </c:pt>
                <c:pt idx="1119">
                  <c:v>33858</c:v>
                </c:pt>
                <c:pt idx="1120">
                  <c:v>33865</c:v>
                </c:pt>
                <c:pt idx="1121">
                  <c:v>33871</c:v>
                </c:pt>
                <c:pt idx="1122">
                  <c:v>33879</c:v>
                </c:pt>
                <c:pt idx="1123">
                  <c:v>33886</c:v>
                </c:pt>
                <c:pt idx="1124">
                  <c:v>33893</c:v>
                </c:pt>
                <c:pt idx="1125">
                  <c:v>33900</c:v>
                </c:pt>
                <c:pt idx="1126">
                  <c:v>33907</c:v>
                </c:pt>
                <c:pt idx="1127">
                  <c:v>33914</c:v>
                </c:pt>
                <c:pt idx="1128">
                  <c:v>33921</c:v>
                </c:pt>
                <c:pt idx="1129">
                  <c:v>33928</c:v>
                </c:pt>
                <c:pt idx="1130">
                  <c:v>33935</c:v>
                </c:pt>
                <c:pt idx="1131">
                  <c:v>33942</c:v>
                </c:pt>
                <c:pt idx="1132">
                  <c:v>33949</c:v>
                </c:pt>
                <c:pt idx="1133">
                  <c:v>33956</c:v>
                </c:pt>
                <c:pt idx="1134">
                  <c:v>33963</c:v>
                </c:pt>
                <c:pt idx="1135">
                  <c:v>33969</c:v>
                </c:pt>
                <c:pt idx="1136">
                  <c:v>33977</c:v>
                </c:pt>
                <c:pt idx="1137">
                  <c:v>33984</c:v>
                </c:pt>
                <c:pt idx="1138">
                  <c:v>33991</c:v>
                </c:pt>
                <c:pt idx="1139">
                  <c:v>33998</c:v>
                </c:pt>
                <c:pt idx="1140">
                  <c:v>34005</c:v>
                </c:pt>
                <c:pt idx="1141">
                  <c:v>34012</c:v>
                </c:pt>
                <c:pt idx="1142">
                  <c:v>34019</c:v>
                </c:pt>
                <c:pt idx="1143">
                  <c:v>34026</c:v>
                </c:pt>
                <c:pt idx="1144">
                  <c:v>34033</c:v>
                </c:pt>
                <c:pt idx="1145">
                  <c:v>34040</c:v>
                </c:pt>
                <c:pt idx="1146">
                  <c:v>34047</c:v>
                </c:pt>
                <c:pt idx="1147">
                  <c:v>34054</c:v>
                </c:pt>
                <c:pt idx="1148">
                  <c:v>34061</c:v>
                </c:pt>
                <c:pt idx="1149">
                  <c:v>34068</c:v>
                </c:pt>
                <c:pt idx="1150">
                  <c:v>34075</c:v>
                </c:pt>
                <c:pt idx="1151">
                  <c:v>34082</c:v>
                </c:pt>
                <c:pt idx="1152">
                  <c:v>34089</c:v>
                </c:pt>
                <c:pt idx="1153">
                  <c:v>34096</c:v>
                </c:pt>
                <c:pt idx="1154">
                  <c:v>34103</c:v>
                </c:pt>
                <c:pt idx="1155">
                  <c:v>34110</c:v>
                </c:pt>
                <c:pt idx="1156">
                  <c:v>34117</c:v>
                </c:pt>
                <c:pt idx="1157">
                  <c:v>34124</c:v>
                </c:pt>
                <c:pt idx="1158">
                  <c:v>34131</c:v>
                </c:pt>
                <c:pt idx="1159">
                  <c:v>34138</c:v>
                </c:pt>
                <c:pt idx="1160">
                  <c:v>34145</c:v>
                </c:pt>
                <c:pt idx="1161">
                  <c:v>34152</c:v>
                </c:pt>
                <c:pt idx="1162">
                  <c:v>34159</c:v>
                </c:pt>
                <c:pt idx="1163">
                  <c:v>34166</c:v>
                </c:pt>
                <c:pt idx="1164">
                  <c:v>34173</c:v>
                </c:pt>
                <c:pt idx="1165">
                  <c:v>34180</c:v>
                </c:pt>
                <c:pt idx="1166">
                  <c:v>34187</c:v>
                </c:pt>
                <c:pt idx="1167">
                  <c:v>34194</c:v>
                </c:pt>
                <c:pt idx="1168">
                  <c:v>34201</c:v>
                </c:pt>
                <c:pt idx="1169">
                  <c:v>34208</c:v>
                </c:pt>
                <c:pt idx="1170">
                  <c:v>34215</c:v>
                </c:pt>
                <c:pt idx="1171">
                  <c:v>34222</c:v>
                </c:pt>
                <c:pt idx="1172">
                  <c:v>34229</c:v>
                </c:pt>
                <c:pt idx="1173">
                  <c:v>34236</c:v>
                </c:pt>
                <c:pt idx="1174">
                  <c:v>34243</c:v>
                </c:pt>
                <c:pt idx="1175">
                  <c:v>34250</c:v>
                </c:pt>
                <c:pt idx="1176">
                  <c:v>34257</c:v>
                </c:pt>
                <c:pt idx="1177">
                  <c:v>34264</c:v>
                </c:pt>
                <c:pt idx="1178">
                  <c:v>34271</c:v>
                </c:pt>
                <c:pt idx="1179">
                  <c:v>34278</c:v>
                </c:pt>
                <c:pt idx="1180">
                  <c:v>34285</c:v>
                </c:pt>
                <c:pt idx="1181">
                  <c:v>34292</c:v>
                </c:pt>
                <c:pt idx="1182">
                  <c:v>34299</c:v>
                </c:pt>
                <c:pt idx="1183">
                  <c:v>34307</c:v>
                </c:pt>
                <c:pt idx="1184">
                  <c:v>34313</c:v>
                </c:pt>
                <c:pt idx="1185">
                  <c:v>34320</c:v>
                </c:pt>
                <c:pt idx="1186">
                  <c:v>34327</c:v>
                </c:pt>
                <c:pt idx="1187">
                  <c:v>34334</c:v>
                </c:pt>
                <c:pt idx="1188">
                  <c:v>34341</c:v>
                </c:pt>
                <c:pt idx="1189">
                  <c:v>34348</c:v>
                </c:pt>
                <c:pt idx="1190">
                  <c:v>34355</c:v>
                </c:pt>
                <c:pt idx="1191">
                  <c:v>34362</c:v>
                </c:pt>
                <c:pt idx="1192">
                  <c:v>34369</c:v>
                </c:pt>
                <c:pt idx="1193">
                  <c:v>34376</c:v>
                </c:pt>
                <c:pt idx="1194">
                  <c:v>34383</c:v>
                </c:pt>
                <c:pt idx="1195">
                  <c:v>34390</c:v>
                </c:pt>
                <c:pt idx="1196">
                  <c:v>34397</c:v>
                </c:pt>
                <c:pt idx="1197">
                  <c:v>34404</c:v>
                </c:pt>
                <c:pt idx="1198">
                  <c:v>34411</c:v>
                </c:pt>
                <c:pt idx="1199">
                  <c:v>34418</c:v>
                </c:pt>
                <c:pt idx="1200">
                  <c:v>34425</c:v>
                </c:pt>
                <c:pt idx="1201">
                  <c:v>34432</c:v>
                </c:pt>
                <c:pt idx="1202">
                  <c:v>34439</c:v>
                </c:pt>
                <c:pt idx="1203">
                  <c:v>34446</c:v>
                </c:pt>
                <c:pt idx="1204">
                  <c:v>34453</c:v>
                </c:pt>
                <c:pt idx="1205">
                  <c:v>34460</c:v>
                </c:pt>
                <c:pt idx="1206">
                  <c:v>34467</c:v>
                </c:pt>
                <c:pt idx="1207">
                  <c:v>34474</c:v>
                </c:pt>
                <c:pt idx="1208">
                  <c:v>34481</c:v>
                </c:pt>
                <c:pt idx="1209">
                  <c:v>34488</c:v>
                </c:pt>
                <c:pt idx="1210">
                  <c:v>34495</c:v>
                </c:pt>
                <c:pt idx="1211">
                  <c:v>34502</c:v>
                </c:pt>
                <c:pt idx="1212">
                  <c:v>34509</c:v>
                </c:pt>
                <c:pt idx="1213">
                  <c:v>34516</c:v>
                </c:pt>
                <c:pt idx="1214">
                  <c:v>34523</c:v>
                </c:pt>
                <c:pt idx="1215">
                  <c:v>34530</c:v>
                </c:pt>
                <c:pt idx="1216">
                  <c:v>34537</c:v>
                </c:pt>
                <c:pt idx="1217">
                  <c:v>34544</c:v>
                </c:pt>
                <c:pt idx="1218">
                  <c:v>34551</c:v>
                </c:pt>
                <c:pt idx="1219">
                  <c:v>34558</c:v>
                </c:pt>
                <c:pt idx="1220">
                  <c:v>34565</c:v>
                </c:pt>
                <c:pt idx="1221">
                  <c:v>34572</c:v>
                </c:pt>
                <c:pt idx="1222">
                  <c:v>34579</c:v>
                </c:pt>
                <c:pt idx="1223">
                  <c:v>34586</c:v>
                </c:pt>
                <c:pt idx="1224">
                  <c:v>34593</c:v>
                </c:pt>
                <c:pt idx="1225">
                  <c:v>34600</c:v>
                </c:pt>
                <c:pt idx="1226">
                  <c:v>34607</c:v>
                </c:pt>
                <c:pt idx="1227">
                  <c:v>34614</c:v>
                </c:pt>
                <c:pt idx="1228">
                  <c:v>34621</c:v>
                </c:pt>
                <c:pt idx="1229">
                  <c:v>34628</c:v>
                </c:pt>
                <c:pt idx="1230">
                  <c:v>34635</c:v>
                </c:pt>
                <c:pt idx="1231">
                  <c:v>34642</c:v>
                </c:pt>
                <c:pt idx="1232">
                  <c:v>34649</c:v>
                </c:pt>
                <c:pt idx="1233">
                  <c:v>34656</c:v>
                </c:pt>
                <c:pt idx="1234">
                  <c:v>34663</c:v>
                </c:pt>
                <c:pt idx="1235">
                  <c:v>34670</c:v>
                </c:pt>
                <c:pt idx="1236">
                  <c:v>34677</c:v>
                </c:pt>
                <c:pt idx="1237">
                  <c:v>34684</c:v>
                </c:pt>
                <c:pt idx="1238">
                  <c:v>34691</c:v>
                </c:pt>
                <c:pt idx="1239">
                  <c:v>34698</c:v>
                </c:pt>
                <c:pt idx="1240">
                  <c:v>34705</c:v>
                </c:pt>
                <c:pt idx="1241">
                  <c:v>34712</c:v>
                </c:pt>
                <c:pt idx="1242">
                  <c:v>34719</c:v>
                </c:pt>
                <c:pt idx="1243">
                  <c:v>34726</c:v>
                </c:pt>
                <c:pt idx="1244">
                  <c:v>34733</c:v>
                </c:pt>
                <c:pt idx="1245">
                  <c:v>34740</c:v>
                </c:pt>
                <c:pt idx="1246">
                  <c:v>34747</c:v>
                </c:pt>
                <c:pt idx="1247">
                  <c:v>34754</c:v>
                </c:pt>
                <c:pt idx="1248">
                  <c:v>34761</c:v>
                </c:pt>
                <c:pt idx="1249">
                  <c:v>34768</c:v>
                </c:pt>
                <c:pt idx="1250">
                  <c:v>34775</c:v>
                </c:pt>
                <c:pt idx="1251">
                  <c:v>34782</c:v>
                </c:pt>
                <c:pt idx="1252">
                  <c:v>34789</c:v>
                </c:pt>
                <c:pt idx="1253">
                  <c:v>34796</c:v>
                </c:pt>
                <c:pt idx="1254">
                  <c:v>34803</c:v>
                </c:pt>
                <c:pt idx="1255">
                  <c:v>34810</c:v>
                </c:pt>
                <c:pt idx="1256">
                  <c:v>34817</c:v>
                </c:pt>
                <c:pt idx="1257">
                  <c:v>34824</c:v>
                </c:pt>
                <c:pt idx="1258">
                  <c:v>34831</c:v>
                </c:pt>
                <c:pt idx="1259">
                  <c:v>34838</c:v>
                </c:pt>
                <c:pt idx="1260">
                  <c:v>34845</c:v>
                </c:pt>
                <c:pt idx="1261">
                  <c:v>34852</c:v>
                </c:pt>
                <c:pt idx="1262">
                  <c:v>34859</c:v>
                </c:pt>
                <c:pt idx="1263">
                  <c:v>34866</c:v>
                </c:pt>
                <c:pt idx="1264">
                  <c:v>34873</c:v>
                </c:pt>
                <c:pt idx="1265">
                  <c:v>34880</c:v>
                </c:pt>
                <c:pt idx="1266">
                  <c:v>34887</c:v>
                </c:pt>
                <c:pt idx="1267">
                  <c:v>34894</c:v>
                </c:pt>
                <c:pt idx="1268">
                  <c:v>34901</c:v>
                </c:pt>
                <c:pt idx="1269">
                  <c:v>34908</c:v>
                </c:pt>
                <c:pt idx="1270">
                  <c:v>34915</c:v>
                </c:pt>
                <c:pt idx="1271">
                  <c:v>34922</c:v>
                </c:pt>
                <c:pt idx="1272">
                  <c:v>34929</c:v>
                </c:pt>
                <c:pt idx="1273">
                  <c:v>34936</c:v>
                </c:pt>
                <c:pt idx="1274">
                  <c:v>34943</c:v>
                </c:pt>
                <c:pt idx="1275">
                  <c:v>34950</c:v>
                </c:pt>
                <c:pt idx="1276">
                  <c:v>34957</c:v>
                </c:pt>
                <c:pt idx="1277">
                  <c:v>34964</c:v>
                </c:pt>
                <c:pt idx="1278">
                  <c:v>34971</c:v>
                </c:pt>
                <c:pt idx="1279">
                  <c:v>34978</c:v>
                </c:pt>
                <c:pt idx="1280">
                  <c:v>34985</c:v>
                </c:pt>
                <c:pt idx="1281">
                  <c:v>34992</c:v>
                </c:pt>
                <c:pt idx="1282">
                  <c:v>34999</c:v>
                </c:pt>
                <c:pt idx="1283">
                  <c:v>35006</c:v>
                </c:pt>
                <c:pt idx="1284">
                  <c:v>35012</c:v>
                </c:pt>
                <c:pt idx="1285">
                  <c:v>35020</c:v>
                </c:pt>
                <c:pt idx="1286">
                  <c:v>35027</c:v>
                </c:pt>
                <c:pt idx="1287">
                  <c:v>35034</c:v>
                </c:pt>
                <c:pt idx="1288">
                  <c:v>35041</c:v>
                </c:pt>
                <c:pt idx="1289">
                  <c:v>35048</c:v>
                </c:pt>
                <c:pt idx="1290">
                  <c:v>35055</c:v>
                </c:pt>
                <c:pt idx="1291">
                  <c:v>35062</c:v>
                </c:pt>
                <c:pt idx="1292">
                  <c:v>35069</c:v>
                </c:pt>
                <c:pt idx="1293">
                  <c:v>35076</c:v>
                </c:pt>
                <c:pt idx="1294">
                  <c:v>35083</c:v>
                </c:pt>
                <c:pt idx="1295">
                  <c:v>35090</c:v>
                </c:pt>
                <c:pt idx="1296">
                  <c:v>35097</c:v>
                </c:pt>
                <c:pt idx="1297">
                  <c:v>35104</c:v>
                </c:pt>
                <c:pt idx="1298">
                  <c:v>35111</c:v>
                </c:pt>
                <c:pt idx="1299">
                  <c:v>35118</c:v>
                </c:pt>
                <c:pt idx="1300">
                  <c:v>35125</c:v>
                </c:pt>
                <c:pt idx="1301">
                  <c:v>35132</c:v>
                </c:pt>
                <c:pt idx="1302">
                  <c:v>35139</c:v>
                </c:pt>
                <c:pt idx="1303">
                  <c:v>35146</c:v>
                </c:pt>
                <c:pt idx="1304">
                  <c:v>35153</c:v>
                </c:pt>
                <c:pt idx="1305">
                  <c:v>35160</c:v>
                </c:pt>
                <c:pt idx="1306">
                  <c:v>35167</c:v>
                </c:pt>
                <c:pt idx="1307">
                  <c:v>35174</c:v>
                </c:pt>
                <c:pt idx="1308">
                  <c:v>35181</c:v>
                </c:pt>
                <c:pt idx="1309">
                  <c:v>35188</c:v>
                </c:pt>
                <c:pt idx="1310">
                  <c:v>35195</c:v>
                </c:pt>
                <c:pt idx="1311">
                  <c:v>35202</c:v>
                </c:pt>
                <c:pt idx="1312">
                  <c:v>35209</c:v>
                </c:pt>
                <c:pt idx="1313">
                  <c:v>35216</c:v>
                </c:pt>
                <c:pt idx="1314">
                  <c:v>35223</c:v>
                </c:pt>
                <c:pt idx="1315">
                  <c:v>35230</c:v>
                </c:pt>
                <c:pt idx="1316">
                  <c:v>35237</c:v>
                </c:pt>
                <c:pt idx="1317">
                  <c:v>35244</c:v>
                </c:pt>
                <c:pt idx="1318">
                  <c:v>35251</c:v>
                </c:pt>
                <c:pt idx="1319">
                  <c:v>35258</c:v>
                </c:pt>
                <c:pt idx="1320">
                  <c:v>35265</c:v>
                </c:pt>
                <c:pt idx="1321">
                  <c:v>35272</c:v>
                </c:pt>
                <c:pt idx="1322">
                  <c:v>35279</c:v>
                </c:pt>
                <c:pt idx="1323">
                  <c:v>35286</c:v>
                </c:pt>
                <c:pt idx="1324">
                  <c:v>35293</c:v>
                </c:pt>
                <c:pt idx="1325">
                  <c:v>35300</c:v>
                </c:pt>
                <c:pt idx="1326">
                  <c:v>35307</c:v>
                </c:pt>
                <c:pt idx="1327">
                  <c:v>35314</c:v>
                </c:pt>
                <c:pt idx="1328">
                  <c:v>35321</c:v>
                </c:pt>
                <c:pt idx="1329">
                  <c:v>35328</c:v>
                </c:pt>
                <c:pt idx="1330">
                  <c:v>35335</c:v>
                </c:pt>
                <c:pt idx="1331">
                  <c:v>35342</c:v>
                </c:pt>
                <c:pt idx="1332">
                  <c:v>35349</c:v>
                </c:pt>
                <c:pt idx="1333">
                  <c:v>35356</c:v>
                </c:pt>
                <c:pt idx="1334">
                  <c:v>35363</c:v>
                </c:pt>
                <c:pt idx="1335">
                  <c:v>35370</c:v>
                </c:pt>
                <c:pt idx="1336">
                  <c:v>35377</c:v>
                </c:pt>
                <c:pt idx="1337">
                  <c:v>35384</c:v>
                </c:pt>
                <c:pt idx="1338">
                  <c:v>35391</c:v>
                </c:pt>
                <c:pt idx="1339">
                  <c:v>35398</c:v>
                </c:pt>
                <c:pt idx="1340">
                  <c:v>35405</c:v>
                </c:pt>
                <c:pt idx="1341">
                  <c:v>35412</c:v>
                </c:pt>
                <c:pt idx="1342">
                  <c:v>35419</c:v>
                </c:pt>
                <c:pt idx="1343">
                  <c:v>35426</c:v>
                </c:pt>
                <c:pt idx="1344">
                  <c:v>35433</c:v>
                </c:pt>
                <c:pt idx="1345">
                  <c:v>35440</c:v>
                </c:pt>
                <c:pt idx="1346">
                  <c:v>35447</c:v>
                </c:pt>
                <c:pt idx="1347">
                  <c:v>35454</c:v>
                </c:pt>
                <c:pt idx="1348">
                  <c:v>35461</c:v>
                </c:pt>
                <c:pt idx="1349">
                  <c:v>35468</c:v>
                </c:pt>
                <c:pt idx="1350">
                  <c:v>35475</c:v>
                </c:pt>
                <c:pt idx="1351">
                  <c:v>35482</c:v>
                </c:pt>
                <c:pt idx="1352">
                  <c:v>35489</c:v>
                </c:pt>
                <c:pt idx="1353">
                  <c:v>35496</c:v>
                </c:pt>
                <c:pt idx="1354">
                  <c:v>35503</c:v>
                </c:pt>
                <c:pt idx="1355">
                  <c:v>35510</c:v>
                </c:pt>
                <c:pt idx="1356">
                  <c:v>35517</c:v>
                </c:pt>
                <c:pt idx="1357">
                  <c:v>35524</c:v>
                </c:pt>
                <c:pt idx="1358">
                  <c:v>35531</c:v>
                </c:pt>
                <c:pt idx="1359">
                  <c:v>35538</c:v>
                </c:pt>
                <c:pt idx="1360">
                  <c:v>35545</c:v>
                </c:pt>
                <c:pt idx="1361">
                  <c:v>35552</c:v>
                </c:pt>
                <c:pt idx="1362">
                  <c:v>35559</c:v>
                </c:pt>
                <c:pt idx="1363">
                  <c:v>35566</c:v>
                </c:pt>
                <c:pt idx="1364">
                  <c:v>35573</c:v>
                </c:pt>
                <c:pt idx="1365">
                  <c:v>35580</c:v>
                </c:pt>
                <c:pt idx="1366">
                  <c:v>35587</c:v>
                </c:pt>
                <c:pt idx="1367">
                  <c:v>35594</c:v>
                </c:pt>
                <c:pt idx="1368">
                  <c:v>35601</c:v>
                </c:pt>
                <c:pt idx="1369">
                  <c:v>35608</c:v>
                </c:pt>
                <c:pt idx="1370">
                  <c:v>35615</c:v>
                </c:pt>
                <c:pt idx="1371">
                  <c:v>35622</c:v>
                </c:pt>
                <c:pt idx="1372">
                  <c:v>35629</c:v>
                </c:pt>
                <c:pt idx="1373">
                  <c:v>35636</c:v>
                </c:pt>
                <c:pt idx="1374">
                  <c:v>35643</c:v>
                </c:pt>
                <c:pt idx="1375">
                  <c:v>35650</c:v>
                </c:pt>
                <c:pt idx="1376">
                  <c:v>35657</c:v>
                </c:pt>
                <c:pt idx="1377">
                  <c:v>35664</c:v>
                </c:pt>
                <c:pt idx="1378">
                  <c:v>35671</c:v>
                </c:pt>
                <c:pt idx="1379">
                  <c:v>35678</c:v>
                </c:pt>
                <c:pt idx="1380">
                  <c:v>35685</c:v>
                </c:pt>
                <c:pt idx="1381">
                  <c:v>35692</c:v>
                </c:pt>
                <c:pt idx="1382">
                  <c:v>35699</c:v>
                </c:pt>
                <c:pt idx="1383">
                  <c:v>35706</c:v>
                </c:pt>
                <c:pt idx="1384">
                  <c:v>35713</c:v>
                </c:pt>
                <c:pt idx="1385">
                  <c:v>35720</c:v>
                </c:pt>
                <c:pt idx="1386">
                  <c:v>35727</c:v>
                </c:pt>
                <c:pt idx="1387">
                  <c:v>35734</c:v>
                </c:pt>
                <c:pt idx="1388">
                  <c:v>35741</c:v>
                </c:pt>
                <c:pt idx="1389">
                  <c:v>35748</c:v>
                </c:pt>
                <c:pt idx="1390">
                  <c:v>35755</c:v>
                </c:pt>
                <c:pt idx="1391">
                  <c:v>35762</c:v>
                </c:pt>
                <c:pt idx="1392">
                  <c:v>35769</c:v>
                </c:pt>
                <c:pt idx="1393">
                  <c:v>35776</c:v>
                </c:pt>
                <c:pt idx="1394">
                  <c:v>35783</c:v>
                </c:pt>
                <c:pt idx="1395">
                  <c:v>35790</c:v>
                </c:pt>
                <c:pt idx="1396">
                  <c:v>35797</c:v>
                </c:pt>
                <c:pt idx="1397">
                  <c:v>35804</c:v>
                </c:pt>
                <c:pt idx="1398">
                  <c:v>35811</c:v>
                </c:pt>
                <c:pt idx="1399">
                  <c:v>35818</c:v>
                </c:pt>
                <c:pt idx="1400">
                  <c:v>35825</c:v>
                </c:pt>
                <c:pt idx="1401">
                  <c:v>35832</c:v>
                </c:pt>
                <c:pt idx="1402">
                  <c:v>35839</c:v>
                </c:pt>
                <c:pt idx="1403">
                  <c:v>35846</c:v>
                </c:pt>
                <c:pt idx="1404">
                  <c:v>35854</c:v>
                </c:pt>
                <c:pt idx="1405">
                  <c:v>35860</c:v>
                </c:pt>
                <c:pt idx="1406">
                  <c:v>35867</c:v>
                </c:pt>
                <c:pt idx="1407">
                  <c:v>35874</c:v>
                </c:pt>
                <c:pt idx="1408">
                  <c:v>35881</c:v>
                </c:pt>
                <c:pt idx="1409">
                  <c:v>35888</c:v>
                </c:pt>
                <c:pt idx="1410">
                  <c:v>35895</c:v>
                </c:pt>
                <c:pt idx="1411">
                  <c:v>35902</c:v>
                </c:pt>
                <c:pt idx="1412">
                  <c:v>35909</c:v>
                </c:pt>
                <c:pt idx="1413">
                  <c:v>35916</c:v>
                </c:pt>
                <c:pt idx="1414">
                  <c:v>35923</c:v>
                </c:pt>
                <c:pt idx="1415">
                  <c:v>35930</c:v>
                </c:pt>
                <c:pt idx="1416">
                  <c:v>35937</c:v>
                </c:pt>
                <c:pt idx="1417">
                  <c:v>35944</c:v>
                </c:pt>
                <c:pt idx="1418">
                  <c:v>35951</c:v>
                </c:pt>
                <c:pt idx="1419">
                  <c:v>35958</c:v>
                </c:pt>
                <c:pt idx="1420">
                  <c:v>35965</c:v>
                </c:pt>
                <c:pt idx="1421">
                  <c:v>35972</c:v>
                </c:pt>
                <c:pt idx="1422">
                  <c:v>35979</c:v>
                </c:pt>
                <c:pt idx="1423">
                  <c:v>35986</c:v>
                </c:pt>
                <c:pt idx="1424">
                  <c:v>35993</c:v>
                </c:pt>
                <c:pt idx="1425">
                  <c:v>36000</c:v>
                </c:pt>
                <c:pt idx="1426">
                  <c:v>36007</c:v>
                </c:pt>
                <c:pt idx="1427">
                  <c:v>36014</c:v>
                </c:pt>
                <c:pt idx="1428">
                  <c:v>36021</c:v>
                </c:pt>
                <c:pt idx="1429">
                  <c:v>36028</c:v>
                </c:pt>
                <c:pt idx="1430">
                  <c:v>36035</c:v>
                </c:pt>
                <c:pt idx="1431">
                  <c:v>36042</c:v>
                </c:pt>
                <c:pt idx="1432">
                  <c:v>36049</c:v>
                </c:pt>
                <c:pt idx="1433">
                  <c:v>36056</c:v>
                </c:pt>
                <c:pt idx="1434">
                  <c:v>36063</c:v>
                </c:pt>
                <c:pt idx="1435">
                  <c:v>36070</c:v>
                </c:pt>
                <c:pt idx="1436">
                  <c:v>36077</c:v>
                </c:pt>
                <c:pt idx="1437">
                  <c:v>36084</c:v>
                </c:pt>
                <c:pt idx="1438">
                  <c:v>36091</c:v>
                </c:pt>
                <c:pt idx="1439">
                  <c:v>36098</c:v>
                </c:pt>
                <c:pt idx="1440">
                  <c:v>36105</c:v>
                </c:pt>
                <c:pt idx="1441">
                  <c:v>36112</c:v>
                </c:pt>
                <c:pt idx="1442">
                  <c:v>36119</c:v>
                </c:pt>
                <c:pt idx="1443">
                  <c:v>36126</c:v>
                </c:pt>
                <c:pt idx="1444">
                  <c:v>36133</c:v>
                </c:pt>
                <c:pt idx="1445">
                  <c:v>36140</c:v>
                </c:pt>
                <c:pt idx="1446">
                  <c:v>36147</c:v>
                </c:pt>
                <c:pt idx="1447">
                  <c:v>36154</c:v>
                </c:pt>
                <c:pt idx="1448">
                  <c:v>36160</c:v>
                </c:pt>
                <c:pt idx="1449">
                  <c:v>36168</c:v>
                </c:pt>
                <c:pt idx="1450">
                  <c:v>36175</c:v>
                </c:pt>
                <c:pt idx="1451">
                  <c:v>36182</c:v>
                </c:pt>
                <c:pt idx="1452">
                  <c:v>36189</c:v>
                </c:pt>
                <c:pt idx="1453">
                  <c:v>36196</c:v>
                </c:pt>
                <c:pt idx="1454">
                  <c:v>36203</c:v>
                </c:pt>
                <c:pt idx="1455">
                  <c:v>36210</c:v>
                </c:pt>
                <c:pt idx="1456">
                  <c:v>36217</c:v>
                </c:pt>
                <c:pt idx="1457">
                  <c:v>36224</c:v>
                </c:pt>
                <c:pt idx="1458">
                  <c:v>36231</c:v>
                </c:pt>
                <c:pt idx="1459">
                  <c:v>36238</c:v>
                </c:pt>
                <c:pt idx="1460">
                  <c:v>36245</c:v>
                </c:pt>
                <c:pt idx="1461">
                  <c:v>36252</c:v>
                </c:pt>
                <c:pt idx="1462">
                  <c:v>36259</c:v>
                </c:pt>
                <c:pt idx="1463">
                  <c:v>36266</c:v>
                </c:pt>
                <c:pt idx="1464">
                  <c:v>36273</c:v>
                </c:pt>
                <c:pt idx="1465">
                  <c:v>36280</c:v>
                </c:pt>
                <c:pt idx="1466">
                  <c:v>36287</c:v>
                </c:pt>
                <c:pt idx="1467">
                  <c:v>36294</c:v>
                </c:pt>
                <c:pt idx="1468">
                  <c:v>36301</c:v>
                </c:pt>
                <c:pt idx="1469">
                  <c:v>36308</c:v>
                </c:pt>
                <c:pt idx="1470">
                  <c:v>36315</c:v>
                </c:pt>
                <c:pt idx="1471">
                  <c:v>36322</c:v>
                </c:pt>
                <c:pt idx="1472">
                  <c:v>36329</c:v>
                </c:pt>
                <c:pt idx="1473">
                  <c:v>36336</c:v>
                </c:pt>
                <c:pt idx="1474">
                  <c:v>36343</c:v>
                </c:pt>
                <c:pt idx="1475">
                  <c:v>36350</c:v>
                </c:pt>
                <c:pt idx="1476">
                  <c:v>36357</c:v>
                </c:pt>
                <c:pt idx="1477">
                  <c:v>36364</c:v>
                </c:pt>
                <c:pt idx="1478">
                  <c:v>36371</c:v>
                </c:pt>
                <c:pt idx="1479">
                  <c:v>36378</c:v>
                </c:pt>
                <c:pt idx="1480">
                  <c:v>36385</c:v>
                </c:pt>
                <c:pt idx="1481">
                  <c:v>36392</c:v>
                </c:pt>
                <c:pt idx="1482">
                  <c:v>36399</c:v>
                </c:pt>
                <c:pt idx="1483">
                  <c:v>36406</c:v>
                </c:pt>
                <c:pt idx="1484">
                  <c:v>36413</c:v>
                </c:pt>
                <c:pt idx="1485">
                  <c:v>36420</c:v>
                </c:pt>
                <c:pt idx="1486">
                  <c:v>36427</c:v>
                </c:pt>
                <c:pt idx="1487">
                  <c:v>36434</c:v>
                </c:pt>
                <c:pt idx="1488">
                  <c:v>36441</c:v>
                </c:pt>
                <c:pt idx="1489">
                  <c:v>36448</c:v>
                </c:pt>
                <c:pt idx="1490">
                  <c:v>36455</c:v>
                </c:pt>
                <c:pt idx="1491">
                  <c:v>36462</c:v>
                </c:pt>
                <c:pt idx="1492">
                  <c:v>36469</c:v>
                </c:pt>
                <c:pt idx="1493">
                  <c:v>36476</c:v>
                </c:pt>
                <c:pt idx="1494">
                  <c:v>36483</c:v>
                </c:pt>
                <c:pt idx="1495">
                  <c:v>36490</c:v>
                </c:pt>
                <c:pt idx="1496">
                  <c:v>36497</c:v>
                </c:pt>
                <c:pt idx="1497">
                  <c:v>36504</c:v>
                </c:pt>
                <c:pt idx="1498">
                  <c:v>36511</c:v>
                </c:pt>
                <c:pt idx="1499">
                  <c:v>36518</c:v>
                </c:pt>
                <c:pt idx="1500">
                  <c:v>36525</c:v>
                </c:pt>
                <c:pt idx="1501">
                  <c:v>36532</c:v>
                </c:pt>
                <c:pt idx="1502">
                  <c:v>36539</c:v>
                </c:pt>
                <c:pt idx="1503">
                  <c:v>36546</c:v>
                </c:pt>
                <c:pt idx="1504">
                  <c:v>36553</c:v>
                </c:pt>
                <c:pt idx="1505">
                  <c:v>36560</c:v>
                </c:pt>
                <c:pt idx="1506">
                  <c:v>36567</c:v>
                </c:pt>
                <c:pt idx="1507">
                  <c:v>36574</c:v>
                </c:pt>
                <c:pt idx="1508">
                  <c:v>36581</c:v>
                </c:pt>
                <c:pt idx="1509">
                  <c:v>36588</c:v>
                </c:pt>
                <c:pt idx="1510">
                  <c:v>36595</c:v>
                </c:pt>
                <c:pt idx="1511">
                  <c:v>36602</c:v>
                </c:pt>
                <c:pt idx="1512">
                  <c:v>36609</c:v>
                </c:pt>
                <c:pt idx="1513">
                  <c:v>36616</c:v>
                </c:pt>
                <c:pt idx="1514">
                  <c:v>36623</c:v>
                </c:pt>
                <c:pt idx="1515">
                  <c:v>36630</c:v>
                </c:pt>
                <c:pt idx="1516">
                  <c:v>36637</c:v>
                </c:pt>
                <c:pt idx="1517">
                  <c:v>36644</c:v>
                </c:pt>
                <c:pt idx="1518">
                  <c:v>36651</c:v>
                </c:pt>
                <c:pt idx="1519">
                  <c:v>36658</c:v>
                </c:pt>
                <c:pt idx="1520">
                  <c:v>36665</c:v>
                </c:pt>
                <c:pt idx="1521">
                  <c:v>36672</c:v>
                </c:pt>
                <c:pt idx="1522">
                  <c:v>36679</c:v>
                </c:pt>
                <c:pt idx="1523">
                  <c:v>36686</c:v>
                </c:pt>
                <c:pt idx="1524">
                  <c:v>36693</c:v>
                </c:pt>
                <c:pt idx="1525">
                  <c:v>36700</c:v>
                </c:pt>
                <c:pt idx="1526">
                  <c:v>36707</c:v>
                </c:pt>
                <c:pt idx="1527">
                  <c:v>36714</c:v>
                </c:pt>
                <c:pt idx="1528">
                  <c:v>36721</c:v>
                </c:pt>
                <c:pt idx="1529">
                  <c:v>36728</c:v>
                </c:pt>
                <c:pt idx="1530">
                  <c:v>36735</c:v>
                </c:pt>
                <c:pt idx="1531">
                  <c:v>36742</c:v>
                </c:pt>
                <c:pt idx="1532">
                  <c:v>36749</c:v>
                </c:pt>
                <c:pt idx="1533">
                  <c:v>36756</c:v>
                </c:pt>
                <c:pt idx="1534">
                  <c:v>36763</c:v>
                </c:pt>
                <c:pt idx="1535">
                  <c:v>36770</c:v>
                </c:pt>
                <c:pt idx="1536">
                  <c:v>36777</c:v>
                </c:pt>
                <c:pt idx="1537">
                  <c:v>36784</c:v>
                </c:pt>
                <c:pt idx="1538">
                  <c:v>36791</c:v>
                </c:pt>
                <c:pt idx="1539">
                  <c:v>36798</c:v>
                </c:pt>
                <c:pt idx="1540">
                  <c:v>36805</c:v>
                </c:pt>
                <c:pt idx="1541">
                  <c:v>36812</c:v>
                </c:pt>
                <c:pt idx="1542">
                  <c:v>36819</c:v>
                </c:pt>
                <c:pt idx="1543">
                  <c:v>36826</c:v>
                </c:pt>
                <c:pt idx="1544">
                  <c:v>36833</c:v>
                </c:pt>
                <c:pt idx="1545">
                  <c:v>36840</c:v>
                </c:pt>
                <c:pt idx="1546">
                  <c:v>36847</c:v>
                </c:pt>
                <c:pt idx="1547">
                  <c:v>36854</c:v>
                </c:pt>
                <c:pt idx="1548">
                  <c:v>36861</c:v>
                </c:pt>
                <c:pt idx="1549">
                  <c:v>36868</c:v>
                </c:pt>
                <c:pt idx="1550">
                  <c:v>36875</c:v>
                </c:pt>
                <c:pt idx="1551">
                  <c:v>36882</c:v>
                </c:pt>
                <c:pt idx="1552">
                  <c:v>36889</c:v>
                </c:pt>
                <c:pt idx="1553">
                  <c:v>36896</c:v>
                </c:pt>
                <c:pt idx="1554">
                  <c:v>36903</c:v>
                </c:pt>
                <c:pt idx="1555">
                  <c:v>36910</c:v>
                </c:pt>
                <c:pt idx="1556">
                  <c:v>36917</c:v>
                </c:pt>
                <c:pt idx="1557">
                  <c:v>36924</c:v>
                </c:pt>
                <c:pt idx="1558">
                  <c:v>36931</c:v>
                </c:pt>
                <c:pt idx="1559">
                  <c:v>36938</c:v>
                </c:pt>
                <c:pt idx="1560">
                  <c:v>36945</c:v>
                </c:pt>
                <c:pt idx="1561">
                  <c:v>36952</c:v>
                </c:pt>
                <c:pt idx="1562">
                  <c:v>36959</c:v>
                </c:pt>
                <c:pt idx="1563">
                  <c:v>36966</c:v>
                </c:pt>
                <c:pt idx="1564">
                  <c:v>36973</c:v>
                </c:pt>
                <c:pt idx="1565">
                  <c:v>36980</c:v>
                </c:pt>
                <c:pt idx="1566">
                  <c:v>36987</c:v>
                </c:pt>
                <c:pt idx="1567">
                  <c:v>36994</c:v>
                </c:pt>
                <c:pt idx="1568">
                  <c:v>37001</c:v>
                </c:pt>
                <c:pt idx="1569">
                  <c:v>37008</c:v>
                </c:pt>
                <c:pt idx="1570">
                  <c:v>37015</c:v>
                </c:pt>
                <c:pt idx="1571">
                  <c:v>37022</c:v>
                </c:pt>
                <c:pt idx="1572">
                  <c:v>37029</c:v>
                </c:pt>
                <c:pt idx="1573">
                  <c:v>37036</c:v>
                </c:pt>
                <c:pt idx="1574">
                  <c:v>37043</c:v>
                </c:pt>
                <c:pt idx="1575">
                  <c:v>37050</c:v>
                </c:pt>
                <c:pt idx="1576">
                  <c:v>37057</c:v>
                </c:pt>
                <c:pt idx="1577">
                  <c:v>37064</c:v>
                </c:pt>
                <c:pt idx="1578">
                  <c:v>37071</c:v>
                </c:pt>
                <c:pt idx="1579">
                  <c:v>37078</c:v>
                </c:pt>
                <c:pt idx="1580">
                  <c:v>37085</c:v>
                </c:pt>
                <c:pt idx="1581">
                  <c:v>37092</c:v>
                </c:pt>
                <c:pt idx="1582">
                  <c:v>37099</c:v>
                </c:pt>
                <c:pt idx="1583">
                  <c:v>37106</c:v>
                </c:pt>
                <c:pt idx="1584">
                  <c:v>37113</c:v>
                </c:pt>
                <c:pt idx="1585">
                  <c:v>37120</c:v>
                </c:pt>
                <c:pt idx="1586">
                  <c:v>37127</c:v>
                </c:pt>
                <c:pt idx="1587">
                  <c:v>37134</c:v>
                </c:pt>
                <c:pt idx="1588">
                  <c:v>37141</c:v>
                </c:pt>
                <c:pt idx="1589">
                  <c:v>37148</c:v>
                </c:pt>
                <c:pt idx="1590">
                  <c:v>37155</c:v>
                </c:pt>
                <c:pt idx="1591">
                  <c:v>37162</c:v>
                </c:pt>
                <c:pt idx="1592">
                  <c:v>37169</c:v>
                </c:pt>
                <c:pt idx="1593">
                  <c:v>37176</c:v>
                </c:pt>
                <c:pt idx="1594">
                  <c:v>37183</c:v>
                </c:pt>
                <c:pt idx="1595">
                  <c:v>37190</c:v>
                </c:pt>
                <c:pt idx="1596">
                  <c:v>37197</c:v>
                </c:pt>
                <c:pt idx="1597">
                  <c:v>37204</c:v>
                </c:pt>
                <c:pt idx="1598">
                  <c:v>37211</c:v>
                </c:pt>
                <c:pt idx="1599">
                  <c:v>37218</c:v>
                </c:pt>
                <c:pt idx="1600">
                  <c:v>37225</c:v>
                </c:pt>
                <c:pt idx="1601">
                  <c:v>37232</c:v>
                </c:pt>
                <c:pt idx="1602">
                  <c:v>37239</c:v>
                </c:pt>
                <c:pt idx="1603">
                  <c:v>37246</c:v>
                </c:pt>
                <c:pt idx="1604">
                  <c:v>37253</c:v>
                </c:pt>
                <c:pt idx="1605">
                  <c:v>37260</c:v>
                </c:pt>
                <c:pt idx="1606">
                  <c:v>37267</c:v>
                </c:pt>
                <c:pt idx="1607">
                  <c:v>37274</c:v>
                </c:pt>
                <c:pt idx="1608">
                  <c:v>37281</c:v>
                </c:pt>
                <c:pt idx="1609">
                  <c:v>37288</c:v>
                </c:pt>
                <c:pt idx="1610">
                  <c:v>37295</c:v>
                </c:pt>
                <c:pt idx="1611">
                  <c:v>37302</c:v>
                </c:pt>
                <c:pt idx="1612">
                  <c:v>37309</c:v>
                </c:pt>
                <c:pt idx="1613">
                  <c:v>37316</c:v>
                </c:pt>
                <c:pt idx="1614">
                  <c:v>37323</c:v>
                </c:pt>
                <c:pt idx="1615">
                  <c:v>37330</c:v>
                </c:pt>
                <c:pt idx="1616">
                  <c:v>37337</c:v>
                </c:pt>
                <c:pt idx="1617">
                  <c:v>37344</c:v>
                </c:pt>
                <c:pt idx="1618">
                  <c:v>37351</c:v>
                </c:pt>
                <c:pt idx="1619">
                  <c:v>37358</c:v>
                </c:pt>
                <c:pt idx="1620">
                  <c:v>37365</c:v>
                </c:pt>
                <c:pt idx="1621">
                  <c:v>37372</c:v>
                </c:pt>
                <c:pt idx="1622">
                  <c:v>37379</c:v>
                </c:pt>
                <c:pt idx="1623">
                  <c:v>37386</c:v>
                </c:pt>
                <c:pt idx="1624">
                  <c:v>37393</c:v>
                </c:pt>
                <c:pt idx="1625">
                  <c:v>37400</c:v>
                </c:pt>
                <c:pt idx="1626">
                  <c:v>37407</c:v>
                </c:pt>
                <c:pt idx="1627">
                  <c:v>37414</c:v>
                </c:pt>
                <c:pt idx="1628">
                  <c:v>37421</c:v>
                </c:pt>
                <c:pt idx="1629">
                  <c:v>37428</c:v>
                </c:pt>
                <c:pt idx="1630">
                  <c:v>37435</c:v>
                </c:pt>
                <c:pt idx="1631">
                  <c:v>37442</c:v>
                </c:pt>
                <c:pt idx="1632">
                  <c:v>37449</c:v>
                </c:pt>
                <c:pt idx="1633">
                  <c:v>37456</c:v>
                </c:pt>
                <c:pt idx="1634">
                  <c:v>37463</c:v>
                </c:pt>
                <c:pt idx="1635">
                  <c:v>37470</c:v>
                </c:pt>
                <c:pt idx="1636">
                  <c:v>37477</c:v>
                </c:pt>
                <c:pt idx="1637">
                  <c:v>37484</c:v>
                </c:pt>
                <c:pt idx="1638">
                  <c:v>37491</c:v>
                </c:pt>
                <c:pt idx="1639">
                  <c:v>37498</c:v>
                </c:pt>
                <c:pt idx="1640">
                  <c:v>37505</c:v>
                </c:pt>
                <c:pt idx="1641">
                  <c:v>37512</c:v>
                </c:pt>
                <c:pt idx="1642">
                  <c:v>37519</c:v>
                </c:pt>
                <c:pt idx="1643">
                  <c:v>37526</c:v>
                </c:pt>
                <c:pt idx="1644">
                  <c:v>37533</c:v>
                </c:pt>
                <c:pt idx="1645">
                  <c:v>37540</c:v>
                </c:pt>
                <c:pt idx="1646">
                  <c:v>37547</c:v>
                </c:pt>
                <c:pt idx="1647">
                  <c:v>37554</c:v>
                </c:pt>
                <c:pt idx="1648">
                  <c:v>37561</c:v>
                </c:pt>
                <c:pt idx="1649">
                  <c:v>37568</c:v>
                </c:pt>
                <c:pt idx="1650">
                  <c:v>37575</c:v>
                </c:pt>
                <c:pt idx="1651">
                  <c:v>37582</c:v>
                </c:pt>
                <c:pt idx="1652">
                  <c:v>37589</c:v>
                </c:pt>
                <c:pt idx="1653">
                  <c:v>37596</c:v>
                </c:pt>
                <c:pt idx="1654">
                  <c:v>37603</c:v>
                </c:pt>
                <c:pt idx="1655">
                  <c:v>37610</c:v>
                </c:pt>
                <c:pt idx="1656">
                  <c:v>37617</c:v>
                </c:pt>
                <c:pt idx="1657">
                  <c:v>37624</c:v>
                </c:pt>
                <c:pt idx="1658">
                  <c:v>37631</c:v>
                </c:pt>
                <c:pt idx="1659">
                  <c:v>37638</c:v>
                </c:pt>
                <c:pt idx="1660">
                  <c:v>37645</c:v>
                </c:pt>
                <c:pt idx="1661">
                  <c:v>37652</c:v>
                </c:pt>
                <c:pt idx="1662">
                  <c:v>37659</c:v>
                </c:pt>
                <c:pt idx="1663">
                  <c:v>37666</c:v>
                </c:pt>
                <c:pt idx="1664">
                  <c:v>37673</c:v>
                </c:pt>
                <c:pt idx="1665">
                  <c:v>37680</c:v>
                </c:pt>
                <c:pt idx="1666">
                  <c:v>37687</c:v>
                </c:pt>
                <c:pt idx="1667">
                  <c:v>37694</c:v>
                </c:pt>
                <c:pt idx="1668">
                  <c:v>37701</c:v>
                </c:pt>
                <c:pt idx="1669">
                  <c:v>37708</c:v>
                </c:pt>
                <c:pt idx="1670">
                  <c:v>37715</c:v>
                </c:pt>
                <c:pt idx="1671">
                  <c:v>37722</c:v>
                </c:pt>
                <c:pt idx="1672">
                  <c:v>37729</c:v>
                </c:pt>
                <c:pt idx="1673">
                  <c:v>37736</c:v>
                </c:pt>
                <c:pt idx="1674">
                  <c:v>37743</c:v>
                </c:pt>
                <c:pt idx="1675">
                  <c:v>37750</c:v>
                </c:pt>
                <c:pt idx="1676">
                  <c:v>37757</c:v>
                </c:pt>
                <c:pt idx="1677">
                  <c:v>37764</c:v>
                </c:pt>
                <c:pt idx="1678">
                  <c:v>37771</c:v>
                </c:pt>
                <c:pt idx="1679">
                  <c:v>37778</c:v>
                </c:pt>
                <c:pt idx="1680">
                  <c:v>37785</c:v>
                </c:pt>
                <c:pt idx="1681">
                  <c:v>37792</c:v>
                </c:pt>
                <c:pt idx="1682">
                  <c:v>37799</c:v>
                </c:pt>
                <c:pt idx="1683">
                  <c:v>37806</c:v>
                </c:pt>
                <c:pt idx="1684">
                  <c:v>37813</c:v>
                </c:pt>
                <c:pt idx="1685">
                  <c:v>37820</c:v>
                </c:pt>
                <c:pt idx="1686">
                  <c:v>37827</c:v>
                </c:pt>
                <c:pt idx="1687">
                  <c:v>37834</c:v>
                </c:pt>
                <c:pt idx="1688">
                  <c:v>37841</c:v>
                </c:pt>
                <c:pt idx="1689">
                  <c:v>37848</c:v>
                </c:pt>
                <c:pt idx="1690">
                  <c:v>37855</c:v>
                </c:pt>
                <c:pt idx="1691">
                  <c:v>37862</c:v>
                </c:pt>
                <c:pt idx="1692">
                  <c:v>37869</c:v>
                </c:pt>
                <c:pt idx="1693">
                  <c:v>37876</c:v>
                </c:pt>
                <c:pt idx="1694">
                  <c:v>37883</c:v>
                </c:pt>
                <c:pt idx="1695">
                  <c:v>37890</c:v>
                </c:pt>
                <c:pt idx="1696">
                  <c:v>37897</c:v>
                </c:pt>
                <c:pt idx="1697">
                  <c:v>37904</c:v>
                </c:pt>
                <c:pt idx="1698">
                  <c:v>37911</c:v>
                </c:pt>
                <c:pt idx="1699">
                  <c:v>37918</c:v>
                </c:pt>
                <c:pt idx="1700">
                  <c:v>37925</c:v>
                </c:pt>
                <c:pt idx="1701">
                  <c:v>37932</c:v>
                </c:pt>
                <c:pt idx="1702">
                  <c:v>37939</c:v>
                </c:pt>
                <c:pt idx="1703">
                  <c:v>37946</c:v>
                </c:pt>
                <c:pt idx="1704">
                  <c:v>37953</c:v>
                </c:pt>
                <c:pt idx="1705">
                  <c:v>37960</c:v>
                </c:pt>
                <c:pt idx="1706">
                  <c:v>37967</c:v>
                </c:pt>
                <c:pt idx="1707">
                  <c:v>37974</c:v>
                </c:pt>
                <c:pt idx="1708">
                  <c:v>37981</c:v>
                </c:pt>
                <c:pt idx="1709">
                  <c:v>37986</c:v>
                </c:pt>
                <c:pt idx="1710">
                  <c:v>37994</c:v>
                </c:pt>
                <c:pt idx="1711">
                  <c:v>38001</c:v>
                </c:pt>
                <c:pt idx="1712">
                  <c:v>38008</c:v>
                </c:pt>
                <c:pt idx="1713">
                  <c:v>38015</c:v>
                </c:pt>
                <c:pt idx="1714">
                  <c:v>38022</c:v>
                </c:pt>
                <c:pt idx="1715">
                  <c:v>38029</c:v>
                </c:pt>
                <c:pt idx="1716">
                  <c:v>38036</c:v>
                </c:pt>
                <c:pt idx="1717">
                  <c:v>38043</c:v>
                </c:pt>
                <c:pt idx="1718">
                  <c:v>38050</c:v>
                </c:pt>
                <c:pt idx="1719">
                  <c:v>38057</c:v>
                </c:pt>
                <c:pt idx="1720">
                  <c:v>38064</c:v>
                </c:pt>
                <c:pt idx="1721">
                  <c:v>38071</c:v>
                </c:pt>
                <c:pt idx="1722">
                  <c:v>38078</c:v>
                </c:pt>
                <c:pt idx="1723">
                  <c:v>38085</c:v>
                </c:pt>
                <c:pt idx="1724">
                  <c:v>38092</c:v>
                </c:pt>
                <c:pt idx="1725">
                  <c:v>38099</c:v>
                </c:pt>
                <c:pt idx="1726">
                  <c:v>38106</c:v>
                </c:pt>
                <c:pt idx="1727">
                  <c:v>38113</c:v>
                </c:pt>
                <c:pt idx="1728">
                  <c:v>38120</c:v>
                </c:pt>
                <c:pt idx="1729">
                  <c:v>38127</c:v>
                </c:pt>
                <c:pt idx="1730">
                  <c:v>38134</c:v>
                </c:pt>
                <c:pt idx="1731">
                  <c:v>38141</c:v>
                </c:pt>
                <c:pt idx="1732">
                  <c:v>38148</c:v>
                </c:pt>
                <c:pt idx="1733">
                  <c:v>38155</c:v>
                </c:pt>
                <c:pt idx="1734">
                  <c:v>38162</c:v>
                </c:pt>
                <c:pt idx="1735">
                  <c:v>38169</c:v>
                </c:pt>
                <c:pt idx="1736">
                  <c:v>38176</c:v>
                </c:pt>
                <c:pt idx="1737">
                  <c:v>38183</c:v>
                </c:pt>
                <c:pt idx="1738">
                  <c:v>38190</c:v>
                </c:pt>
                <c:pt idx="1739">
                  <c:v>38197</c:v>
                </c:pt>
                <c:pt idx="1740">
                  <c:v>38204</c:v>
                </c:pt>
                <c:pt idx="1741">
                  <c:v>38211</c:v>
                </c:pt>
                <c:pt idx="1742">
                  <c:v>38218</c:v>
                </c:pt>
                <c:pt idx="1743">
                  <c:v>38225</c:v>
                </c:pt>
                <c:pt idx="1744">
                  <c:v>38232</c:v>
                </c:pt>
                <c:pt idx="1745">
                  <c:v>38239</c:v>
                </c:pt>
                <c:pt idx="1746">
                  <c:v>38246</c:v>
                </c:pt>
                <c:pt idx="1747">
                  <c:v>38253</c:v>
                </c:pt>
                <c:pt idx="1748">
                  <c:v>38260</c:v>
                </c:pt>
                <c:pt idx="1749">
                  <c:v>38267</c:v>
                </c:pt>
                <c:pt idx="1750">
                  <c:v>38274</c:v>
                </c:pt>
                <c:pt idx="1751">
                  <c:v>38281</c:v>
                </c:pt>
                <c:pt idx="1752">
                  <c:v>38288</c:v>
                </c:pt>
                <c:pt idx="1753">
                  <c:v>38295</c:v>
                </c:pt>
                <c:pt idx="1754">
                  <c:v>38302</c:v>
                </c:pt>
                <c:pt idx="1755">
                  <c:v>38309</c:v>
                </c:pt>
                <c:pt idx="1756">
                  <c:v>38315</c:v>
                </c:pt>
                <c:pt idx="1757">
                  <c:v>38323</c:v>
                </c:pt>
                <c:pt idx="1758">
                  <c:v>38330</c:v>
                </c:pt>
                <c:pt idx="1759">
                  <c:v>38337</c:v>
                </c:pt>
                <c:pt idx="1760">
                  <c:v>38343</c:v>
                </c:pt>
                <c:pt idx="1761">
                  <c:v>38350</c:v>
                </c:pt>
                <c:pt idx="1762">
                  <c:v>38358</c:v>
                </c:pt>
                <c:pt idx="1763">
                  <c:v>38365</c:v>
                </c:pt>
                <c:pt idx="1764">
                  <c:v>38372</c:v>
                </c:pt>
                <c:pt idx="1765">
                  <c:v>38379</c:v>
                </c:pt>
                <c:pt idx="1766">
                  <c:v>38386</c:v>
                </c:pt>
                <c:pt idx="1767">
                  <c:v>38393</c:v>
                </c:pt>
                <c:pt idx="1768">
                  <c:v>38400</c:v>
                </c:pt>
                <c:pt idx="1769">
                  <c:v>38407</c:v>
                </c:pt>
                <c:pt idx="1770">
                  <c:v>38414</c:v>
                </c:pt>
                <c:pt idx="1771">
                  <c:v>38421</c:v>
                </c:pt>
                <c:pt idx="1772">
                  <c:v>38428</c:v>
                </c:pt>
                <c:pt idx="1773">
                  <c:v>38435</c:v>
                </c:pt>
                <c:pt idx="1774">
                  <c:v>38442</c:v>
                </c:pt>
                <c:pt idx="1775">
                  <c:v>38449</c:v>
                </c:pt>
                <c:pt idx="1776">
                  <c:v>38456</c:v>
                </c:pt>
                <c:pt idx="1777">
                  <c:v>38463</c:v>
                </c:pt>
                <c:pt idx="1778">
                  <c:v>38470</c:v>
                </c:pt>
                <c:pt idx="1779">
                  <c:v>38477</c:v>
                </c:pt>
                <c:pt idx="1780">
                  <c:v>38484</c:v>
                </c:pt>
                <c:pt idx="1781">
                  <c:v>38491</c:v>
                </c:pt>
                <c:pt idx="1782">
                  <c:v>38498</c:v>
                </c:pt>
                <c:pt idx="1783">
                  <c:v>38505</c:v>
                </c:pt>
                <c:pt idx="1784">
                  <c:v>38512</c:v>
                </c:pt>
                <c:pt idx="1785">
                  <c:v>38519</c:v>
                </c:pt>
                <c:pt idx="1786">
                  <c:v>38526</c:v>
                </c:pt>
                <c:pt idx="1787">
                  <c:v>38533</c:v>
                </c:pt>
                <c:pt idx="1788">
                  <c:v>38540</c:v>
                </c:pt>
                <c:pt idx="1789">
                  <c:v>38547</c:v>
                </c:pt>
                <c:pt idx="1790">
                  <c:v>38554</c:v>
                </c:pt>
                <c:pt idx="1791">
                  <c:v>38561</c:v>
                </c:pt>
                <c:pt idx="1792">
                  <c:v>38568</c:v>
                </c:pt>
                <c:pt idx="1793">
                  <c:v>38575</c:v>
                </c:pt>
                <c:pt idx="1794">
                  <c:v>38582</c:v>
                </c:pt>
                <c:pt idx="1795">
                  <c:v>38589</c:v>
                </c:pt>
                <c:pt idx="1796">
                  <c:v>38596</c:v>
                </c:pt>
                <c:pt idx="1797">
                  <c:v>38603</c:v>
                </c:pt>
                <c:pt idx="1798">
                  <c:v>38610</c:v>
                </c:pt>
                <c:pt idx="1799">
                  <c:v>38617</c:v>
                </c:pt>
                <c:pt idx="1800">
                  <c:v>38624</c:v>
                </c:pt>
                <c:pt idx="1801">
                  <c:v>38631</c:v>
                </c:pt>
                <c:pt idx="1802">
                  <c:v>38638</c:v>
                </c:pt>
                <c:pt idx="1803">
                  <c:v>38645</c:v>
                </c:pt>
                <c:pt idx="1804">
                  <c:v>38652</c:v>
                </c:pt>
                <c:pt idx="1805">
                  <c:v>38659</c:v>
                </c:pt>
                <c:pt idx="1806">
                  <c:v>38666</c:v>
                </c:pt>
                <c:pt idx="1807">
                  <c:v>38673</c:v>
                </c:pt>
                <c:pt idx="1808">
                  <c:v>38679</c:v>
                </c:pt>
                <c:pt idx="1809">
                  <c:v>38687</c:v>
                </c:pt>
                <c:pt idx="1810">
                  <c:v>38694</c:v>
                </c:pt>
                <c:pt idx="1811">
                  <c:v>38701</c:v>
                </c:pt>
                <c:pt idx="1812">
                  <c:v>38708</c:v>
                </c:pt>
                <c:pt idx="1813">
                  <c:v>38715</c:v>
                </c:pt>
                <c:pt idx="1814">
                  <c:v>38722</c:v>
                </c:pt>
                <c:pt idx="1815">
                  <c:v>38729</c:v>
                </c:pt>
                <c:pt idx="1816">
                  <c:v>38736</c:v>
                </c:pt>
                <c:pt idx="1817">
                  <c:v>38743</c:v>
                </c:pt>
                <c:pt idx="1818">
                  <c:v>38750</c:v>
                </c:pt>
                <c:pt idx="1819">
                  <c:v>38757</c:v>
                </c:pt>
                <c:pt idx="1820">
                  <c:v>38764</c:v>
                </c:pt>
                <c:pt idx="1821">
                  <c:v>38771</c:v>
                </c:pt>
                <c:pt idx="1822">
                  <c:v>38778</c:v>
                </c:pt>
                <c:pt idx="1823">
                  <c:v>38785</c:v>
                </c:pt>
                <c:pt idx="1824">
                  <c:v>38792</c:v>
                </c:pt>
                <c:pt idx="1825">
                  <c:v>38799</c:v>
                </c:pt>
                <c:pt idx="1826">
                  <c:v>38806</c:v>
                </c:pt>
                <c:pt idx="1827">
                  <c:v>38813</c:v>
                </c:pt>
                <c:pt idx="1828">
                  <c:v>38820</c:v>
                </c:pt>
                <c:pt idx="1829">
                  <c:v>38827</c:v>
                </c:pt>
                <c:pt idx="1830">
                  <c:v>38834</c:v>
                </c:pt>
                <c:pt idx="1831">
                  <c:v>38841</c:v>
                </c:pt>
                <c:pt idx="1832">
                  <c:v>38848</c:v>
                </c:pt>
                <c:pt idx="1833">
                  <c:v>38855</c:v>
                </c:pt>
                <c:pt idx="1834">
                  <c:v>38862</c:v>
                </c:pt>
                <c:pt idx="1835">
                  <c:v>38869</c:v>
                </c:pt>
                <c:pt idx="1836">
                  <c:v>38876</c:v>
                </c:pt>
                <c:pt idx="1837">
                  <c:v>38883</c:v>
                </c:pt>
                <c:pt idx="1838">
                  <c:v>38890</c:v>
                </c:pt>
                <c:pt idx="1839">
                  <c:v>38897</c:v>
                </c:pt>
                <c:pt idx="1840">
                  <c:v>38904</c:v>
                </c:pt>
                <c:pt idx="1841">
                  <c:v>38911</c:v>
                </c:pt>
                <c:pt idx="1842">
                  <c:v>38918</c:v>
                </c:pt>
                <c:pt idx="1843">
                  <c:v>38925</c:v>
                </c:pt>
                <c:pt idx="1844">
                  <c:v>38932</c:v>
                </c:pt>
                <c:pt idx="1845">
                  <c:v>38939</c:v>
                </c:pt>
                <c:pt idx="1846">
                  <c:v>38946</c:v>
                </c:pt>
                <c:pt idx="1847">
                  <c:v>38953</c:v>
                </c:pt>
                <c:pt idx="1848">
                  <c:v>38960</c:v>
                </c:pt>
                <c:pt idx="1849">
                  <c:v>38967</c:v>
                </c:pt>
                <c:pt idx="1850">
                  <c:v>38974</c:v>
                </c:pt>
                <c:pt idx="1851">
                  <c:v>38981</c:v>
                </c:pt>
                <c:pt idx="1852">
                  <c:v>38988</c:v>
                </c:pt>
                <c:pt idx="1853">
                  <c:v>38995</c:v>
                </c:pt>
                <c:pt idx="1854">
                  <c:v>39002</c:v>
                </c:pt>
                <c:pt idx="1855">
                  <c:v>39009</c:v>
                </c:pt>
                <c:pt idx="1856">
                  <c:v>39016</c:v>
                </c:pt>
                <c:pt idx="1857">
                  <c:v>39023</c:v>
                </c:pt>
                <c:pt idx="1858">
                  <c:v>39030</c:v>
                </c:pt>
                <c:pt idx="1859">
                  <c:v>39037</c:v>
                </c:pt>
                <c:pt idx="1860">
                  <c:v>39043</c:v>
                </c:pt>
                <c:pt idx="1861">
                  <c:v>39051</c:v>
                </c:pt>
                <c:pt idx="1862">
                  <c:v>39058</c:v>
                </c:pt>
                <c:pt idx="1863">
                  <c:v>39065</c:v>
                </c:pt>
                <c:pt idx="1864">
                  <c:v>39072</c:v>
                </c:pt>
                <c:pt idx="1865">
                  <c:v>39079</c:v>
                </c:pt>
                <c:pt idx="1866">
                  <c:v>39086</c:v>
                </c:pt>
                <c:pt idx="1867">
                  <c:v>39093</c:v>
                </c:pt>
                <c:pt idx="1868">
                  <c:v>39100</c:v>
                </c:pt>
                <c:pt idx="1869">
                  <c:v>39107</c:v>
                </c:pt>
                <c:pt idx="1870">
                  <c:v>39114</c:v>
                </c:pt>
                <c:pt idx="1871">
                  <c:v>39121</c:v>
                </c:pt>
                <c:pt idx="1872">
                  <c:v>39128</c:v>
                </c:pt>
                <c:pt idx="1873">
                  <c:v>39135</c:v>
                </c:pt>
                <c:pt idx="1874">
                  <c:v>39142</c:v>
                </c:pt>
                <c:pt idx="1875">
                  <c:v>39149</c:v>
                </c:pt>
                <c:pt idx="1876">
                  <c:v>39156</c:v>
                </c:pt>
                <c:pt idx="1877">
                  <c:v>39163</c:v>
                </c:pt>
                <c:pt idx="1878">
                  <c:v>39170</c:v>
                </c:pt>
                <c:pt idx="1879">
                  <c:v>39177</c:v>
                </c:pt>
                <c:pt idx="1880">
                  <c:v>39184</c:v>
                </c:pt>
                <c:pt idx="1881">
                  <c:v>39191</c:v>
                </c:pt>
                <c:pt idx="1882">
                  <c:v>39198</c:v>
                </c:pt>
                <c:pt idx="1883">
                  <c:v>39205</c:v>
                </c:pt>
                <c:pt idx="1884">
                  <c:v>39212</c:v>
                </c:pt>
                <c:pt idx="1885">
                  <c:v>39219</c:v>
                </c:pt>
                <c:pt idx="1886">
                  <c:v>39226</c:v>
                </c:pt>
                <c:pt idx="1887">
                  <c:v>39233</c:v>
                </c:pt>
                <c:pt idx="1888">
                  <c:v>39240</c:v>
                </c:pt>
                <c:pt idx="1889">
                  <c:v>39247</c:v>
                </c:pt>
                <c:pt idx="1890">
                  <c:v>39254</c:v>
                </c:pt>
                <c:pt idx="1891">
                  <c:v>39261</c:v>
                </c:pt>
                <c:pt idx="1892">
                  <c:v>39268</c:v>
                </c:pt>
                <c:pt idx="1893">
                  <c:v>39275</c:v>
                </c:pt>
                <c:pt idx="1894">
                  <c:v>39282</c:v>
                </c:pt>
                <c:pt idx="1895">
                  <c:v>39289</c:v>
                </c:pt>
                <c:pt idx="1896">
                  <c:v>39296</c:v>
                </c:pt>
                <c:pt idx="1897">
                  <c:v>39303</c:v>
                </c:pt>
                <c:pt idx="1898">
                  <c:v>39310</c:v>
                </c:pt>
                <c:pt idx="1899">
                  <c:v>39317</c:v>
                </c:pt>
                <c:pt idx="1900">
                  <c:v>39324</c:v>
                </c:pt>
                <c:pt idx="1901">
                  <c:v>39331</c:v>
                </c:pt>
                <c:pt idx="1902">
                  <c:v>39338</c:v>
                </c:pt>
                <c:pt idx="1903">
                  <c:v>39345</c:v>
                </c:pt>
                <c:pt idx="1904">
                  <c:v>39352</c:v>
                </c:pt>
                <c:pt idx="1905">
                  <c:v>39359</c:v>
                </c:pt>
                <c:pt idx="1906">
                  <c:v>39366</c:v>
                </c:pt>
                <c:pt idx="1907">
                  <c:v>39373</c:v>
                </c:pt>
                <c:pt idx="1908">
                  <c:v>39380</c:v>
                </c:pt>
                <c:pt idx="1909">
                  <c:v>39387</c:v>
                </c:pt>
                <c:pt idx="1910">
                  <c:v>39394</c:v>
                </c:pt>
                <c:pt idx="1911">
                  <c:v>39401</c:v>
                </c:pt>
                <c:pt idx="1912">
                  <c:v>39407</c:v>
                </c:pt>
                <c:pt idx="1913">
                  <c:v>39415</c:v>
                </c:pt>
                <c:pt idx="1914">
                  <c:v>39422</c:v>
                </c:pt>
                <c:pt idx="1915">
                  <c:v>39429</c:v>
                </c:pt>
                <c:pt idx="1916">
                  <c:v>39436</c:v>
                </c:pt>
                <c:pt idx="1917">
                  <c:v>39443</c:v>
                </c:pt>
                <c:pt idx="1918">
                  <c:v>39450</c:v>
                </c:pt>
                <c:pt idx="1919">
                  <c:v>39457</c:v>
                </c:pt>
                <c:pt idx="1920">
                  <c:v>39464</c:v>
                </c:pt>
                <c:pt idx="1921">
                  <c:v>39471</c:v>
                </c:pt>
                <c:pt idx="1922">
                  <c:v>39478</c:v>
                </c:pt>
                <c:pt idx="1923">
                  <c:v>39485</c:v>
                </c:pt>
                <c:pt idx="1924">
                  <c:v>39492</c:v>
                </c:pt>
                <c:pt idx="1925">
                  <c:v>39499</c:v>
                </c:pt>
                <c:pt idx="1926">
                  <c:v>39506</c:v>
                </c:pt>
                <c:pt idx="1927">
                  <c:v>39513</c:v>
                </c:pt>
                <c:pt idx="1928">
                  <c:v>39520</c:v>
                </c:pt>
                <c:pt idx="1929">
                  <c:v>39527</c:v>
                </c:pt>
                <c:pt idx="1930">
                  <c:v>39534</c:v>
                </c:pt>
                <c:pt idx="1931">
                  <c:v>39541</c:v>
                </c:pt>
                <c:pt idx="1932">
                  <c:v>39548</c:v>
                </c:pt>
                <c:pt idx="1933">
                  <c:v>39555</c:v>
                </c:pt>
                <c:pt idx="1934">
                  <c:v>39562</c:v>
                </c:pt>
                <c:pt idx="1935">
                  <c:v>39569</c:v>
                </c:pt>
                <c:pt idx="1936">
                  <c:v>39576</c:v>
                </c:pt>
                <c:pt idx="1937">
                  <c:v>39583</c:v>
                </c:pt>
                <c:pt idx="1938">
                  <c:v>39590</c:v>
                </c:pt>
                <c:pt idx="1939">
                  <c:v>39597</c:v>
                </c:pt>
                <c:pt idx="1940">
                  <c:v>39604</c:v>
                </c:pt>
                <c:pt idx="1941">
                  <c:v>39611</c:v>
                </c:pt>
                <c:pt idx="1942">
                  <c:v>39618</c:v>
                </c:pt>
                <c:pt idx="1943">
                  <c:v>39625</c:v>
                </c:pt>
                <c:pt idx="1944">
                  <c:v>39632</c:v>
                </c:pt>
                <c:pt idx="1945">
                  <c:v>39639</c:v>
                </c:pt>
                <c:pt idx="1946">
                  <c:v>39646</c:v>
                </c:pt>
                <c:pt idx="1947">
                  <c:v>39653</c:v>
                </c:pt>
                <c:pt idx="1948">
                  <c:v>39660</c:v>
                </c:pt>
                <c:pt idx="1949">
                  <c:v>39667</c:v>
                </c:pt>
                <c:pt idx="1950">
                  <c:v>39674</c:v>
                </c:pt>
                <c:pt idx="1951">
                  <c:v>39681</c:v>
                </c:pt>
                <c:pt idx="1952">
                  <c:v>39688</c:v>
                </c:pt>
                <c:pt idx="1953">
                  <c:v>39695</c:v>
                </c:pt>
                <c:pt idx="1954">
                  <c:v>39702</c:v>
                </c:pt>
                <c:pt idx="1955">
                  <c:v>39709</c:v>
                </c:pt>
                <c:pt idx="1956">
                  <c:v>39716</c:v>
                </c:pt>
                <c:pt idx="1957">
                  <c:v>39723</c:v>
                </c:pt>
                <c:pt idx="1958">
                  <c:v>39730</c:v>
                </c:pt>
                <c:pt idx="1959">
                  <c:v>39737</c:v>
                </c:pt>
                <c:pt idx="1960">
                  <c:v>39744</c:v>
                </c:pt>
                <c:pt idx="1961">
                  <c:v>39751</c:v>
                </c:pt>
                <c:pt idx="1962">
                  <c:v>39758</c:v>
                </c:pt>
                <c:pt idx="1963">
                  <c:v>39765</c:v>
                </c:pt>
                <c:pt idx="1964">
                  <c:v>39772</c:v>
                </c:pt>
                <c:pt idx="1965">
                  <c:v>39778</c:v>
                </c:pt>
                <c:pt idx="1966">
                  <c:v>39786</c:v>
                </c:pt>
                <c:pt idx="1967">
                  <c:v>39793</c:v>
                </c:pt>
                <c:pt idx="1968">
                  <c:v>39800</c:v>
                </c:pt>
                <c:pt idx="1969">
                  <c:v>39806</c:v>
                </c:pt>
                <c:pt idx="1970">
                  <c:v>39813</c:v>
                </c:pt>
                <c:pt idx="1971">
                  <c:v>39821</c:v>
                </c:pt>
                <c:pt idx="1972">
                  <c:v>39828</c:v>
                </c:pt>
                <c:pt idx="1973">
                  <c:v>39835</c:v>
                </c:pt>
                <c:pt idx="1974">
                  <c:v>39842</c:v>
                </c:pt>
                <c:pt idx="1975">
                  <c:v>39849</c:v>
                </c:pt>
                <c:pt idx="1976">
                  <c:v>39856</c:v>
                </c:pt>
                <c:pt idx="1977">
                  <c:v>39863</c:v>
                </c:pt>
                <c:pt idx="1978">
                  <c:v>39870</c:v>
                </c:pt>
                <c:pt idx="1979">
                  <c:v>39877</c:v>
                </c:pt>
                <c:pt idx="1980">
                  <c:v>39884</c:v>
                </c:pt>
                <c:pt idx="1981">
                  <c:v>39891</c:v>
                </c:pt>
                <c:pt idx="1982">
                  <c:v>39898</c:v>
                </c:pt>
                <c:pt idx="1983">
                  <c:v>39905</c:v>
                </c:pt>
                <c:pt idx="1984">
                  <c:v>39912</c:v>
                </c:pt>
                <c:pt idx="1985">
                  <c:v>39919</c:v>
                </c:pt>
                <c:pt idx="1986">
                  <c:v>39926</c:v>
                </c:pt>
                <c:pt idx="1987">
                  <c:v>39933</c:v>
                </c:pt>
                <c:pt idx="1988">
                  <c:v>39940</c:v>
                </c:pt>
                <c:pt idx="1989">
                  <c:v>39947</c:v>
                </c:pt>
                <c:pt idx="1990">
                  <c:v>39954</c:v>
                </c:pt>
                <c:pt idx="1991">
                  <c:v>39961</c:v>
                </c:pt>
                <c:pt idx="1992">
                  <c:v>39968</c:v>
                </c:pt>
                <c:pt idx="1993">
                  <c:v>39975</c:v>
                </c:pt>
                <c:pt idx="1994">
                  <c:v>39982</c:v>
                </c:pt>
                <c:pt idx="1995">
                  <c:v>39989</c:v>
                </c:pt>
                <c:pt idx="1996">
                  <c:v>39996</c:v>
                </c:pt>
                <c:pt idx="1997">
                  <c:v>40003</c:v>
                </c:pt>
                <c:pt idx="1998">
                  <c:v>40010</c:v>
                </c:pt>
                <c:pt idx="1999">
                  <c:v>40017</c:v>
                </c:pt>
                <c:pt idx="2000">
                  <c:v>40024</c:v>
                </c:pt>
                <c:pt idx="2001">
                  <c:v>40031</c:v>
                </c:pt>
                <c:pt idx="2002">
                  <c:v>40038</c:v>
                </c:pt>
                <c:pt idx="2003">
                  <c:v>40045</c:v>
                </c:pt>
                <c:pt idx="2004">
                  <c:v>40052</c:v>
                </c:pt>
                <c:pt idx="2005">
                  <c:v>40059</c:v>
                </c:pt>
                <c:pt idx="2006">
                  <c:v>40066</c:v>
                </c:pt>
                <c:pt idx="2007">
                  <c:v>40073</c:v>
                </c:pt>
                <c:pt idx="2008">
                  <c:v>40080</c:v>
                </c:pt>
                <c:pt idx="2009">
                  <c:v>40087</c:v>
                </c:pt>
                <c:pt idx="2010">
                  <c:v>40094</c:v>
                </c:pt>
                <c:pt idx="2011">
                  <c:v>40101</c:v>
                </c:pt>
                <c:pt idx="2012">
                  <c:v>40108</c:v>
                </c:pt>
                <c:pt idx="2013">
                  <c:v>40115</c:v>
                </c:pt>
                <c:pt idx="2014">
                  <c:v>40122</c:v>
                </c:pt>
                <c:pt idx="2015">
                  <c:v>40129</c:v>
                </c:pt>
                <c:pt idx="2016">
                  <c:v>40136</c:v>
                </c:pt>
                <c:pt idx="2017">
                  <c:v>40142</c:v>
                </c:pt>
                <c:pt idx="2018">
                  <c:v>40150</c:v>
                </c:pt>
                <c:pt idx="2019">
                  <c:v>40157</c:v>
                </c:pt>
                <c:pt idx="2020">
                  <c:v>40164</c:v>
                </c:pt>
                <c:pt idx="2021">
                  <c:v>40171</c:v>
                </c:pt>
                <c:pt idx="2022">
                  <c:v>40178</c:v>
                </c:pt>
                <c:pt idx="2023">
                  <c:v>40185</c:v>
                </c:pt>
                <c:pt idx="2024">
                  <c:v>40192</c:v>
                </c:pt>
                <c:pt idx="2025">
                  <c:v>40199</c:v>
                </c:pt>
                <c:pt idx="2026">
                  <c:v>40206</c:v>
                </c:pt>
                <c:pt idx="2027">
                  <c:v>40213</c:v>
                </c:pt>
                <c:pt idx="2028">
                  <c:v>40220</c:v>
                </c:pt>
                <c:pt idx="2029">
                  <c:v>40227</c:v>
                </c:pt>
                <c:pt idx="2030">
                  <c:v>40234</c:v>
                </c:pt>
                <c:pt idx="2031">
                  <c:v>40241</c:v>
                </c:pt>
                <c:pt idx="2032">
                  <c:v>40248</c:v>
                </c:pt>
                <c:pt idx="2033">
                  <c:v>40255</c:v>
                </c:pt>
                <c:pt idx="2034">
                  <c:v>40262</c:v>
                </c:pt>
                <c:pt idx="2035">
                  <c:v>40269</c:v>
                </c:pt>
                <c:pt idx="2036">
                  <c:v>40276</c:v>
                </c:pt>
                <c:pt idx="2037">
                  <c:v>40283</c:v>
                </c:pt>
                <c:pt idx="2038">
                  <c:v>40290</c:v>
                </c:pt>
                <c:pt idx="2039">
                  <c:v>40297</c:v>
                </c:pt>
                <c:pt idx="2040">
                  <c:v>40304</c:v>
                </c:pt>
                <c:pt idx="2041">
                  <c:v>40311</c:v>
                </c:pt>
                <c:pt idx="2042">
                  <c:v>40318</c:v>
                </c:pt>
                <c:pt idx="2043">
                  <c:v>40325</c:v>
                </c:pt>
                <c:pt idx="2044">
                  <c:v>40332</c:v>
                </c:pt>
                <c:pt idx="2045">
                  <c:v>40339</c:v>
                </c:pt>
                <c:pt idx="2046">
                  <c:v>40346</c:v>
                </c:pt>
                <c:pt idx="2047">
                  <c:v>40353</c:v>
                </c:pt>
                <c:pt idx="2048">
                  <c:v>40360</c:v>
                </c:pt>
                <c:pt idx="2049">
                  <c:v>40367</c:v>
                </c:pt>
                <c:pt idx="2050">
                  <c:v>40374</c:v>
                </c:pt>
                <c:pt idx="2051">
                  <c:v>40381</c:v>
                </c:pt>
                <c:pt idx="2052">
                  <c:v>40388</c:v>
                </c:pt>
                <c:pt idx="2053">
                  <c:v>40395</c:v>
                </c:pt>
                <c:pt idx="2054">
                  <c:v>40402</c:v>
                </c:pt>
                <c:pt idx="2055">
                  <c:v>40409</c:v>
                </c:pt>
                <c:pt idx="2056">
                  <c:v>40416</c:v>
                </c:pt>
                <c:pt idx="2057">
                  <c:v>40423</c:v>
                </c:pt>
                <c:pt idx="2058">
                  <c:v>40430</c:v>
                </c:pt>
                <c:pt idx="2059">
                  <c:v>40437</c:v>
                </c:pt>
                <c:pt idx="2060">
                  <c:v>40444</c:v>
                </c:pt>
                <c:pt idx="2061">
                  <c:v>40451</c:v>
                </c:pt>
                <c:pt idx="2062">
                  <c:v>40458</c:v>
                </c:pt>
                <c:pt idx="2063">
                  <c:v>40465</c:v>
                </c:pt>
                <c:pt idx="2064">
                  <c:v>40472</c:v>
                </c:pt>
                <c:pt idx="2065">
                  <c:v>40479</c:v>
                </c:pt>
                <c:pt idx="2066">
                  <c:v>40486</c:v>
                </c:pt>
                <c:pt idx="2067">
                  <c:v>40493</c:v>
                </c:pt>
                <c:pt idx="2068">
                  <c:v>40500</c:v>
                </c:pt>
                <c:pt idx="2069">
                  <c:v>40506</c:v>
                </c:pt>
                <c:pt idx="2070">
                  <c:v>40514</c:v>
                </c:pt>
                <c:pt idx="2071">
                  <c:v>40521</c:v>
                </c:pt>
                <c:pt idx="2072">
                  <c:v>40528</c:v>
                </c:pt>
                <c:pt idx="2073">
                  <c:v>40535</c:v>
                </c:pt>
                <c:pt idx="2074">
                  <c:v>40542</c:v>
                </c:pt>
                <c:pt idx="2075">
                  <c:v>40549</c:v>
                </c:pt>
                <c:pt idx="2076">
                  <c:v>40556</c:v>
                </c:pt>
                <c:pt idx="2077">
                  <c:v>40563</c:v>
                </c:pt>
                <c:pt idx="2078">
                  <c:v>40570</c:v>
                </c:pt>
                <c:pt idx="2079">
                  <c:v>40577</c:v>
                </c:pt>
                <c:pt idx="2080">
                  <c:v>40584</c:v>
                </c:pt>
                <c:pt idx="2081">
                  <c:v>40591</c:v>
                </c:pt>
                <c:pt idx="2082">
                  <c:v>40598</c:v>
                </c:pt>
                <c:pt idx="2083">
                  <c:v>40605</c:v>
                </c:pt>
                <c:pt idx="2084">
                  <c:v>40612</c:v>
                </c:pt>
                <c:pt idx="2085">
                  <c:v>40619</c:v>
                </c:pt>
                <c:pt idx="2086">
                  <c:v>40626</c:v>
                </c:pt>
                <c:pt idx="2087">
                  <c:v>40633</c:v>
                </c:pt>
                <c:pt idx="2088">
                  <c:v>40640</c:v>
                </c:pt>
                <c:pt idx="2089">
                  <c:v>40647</c:v>
                </c:pt>
                <c:pt idx="2090">
                  <c:v>40654</c:v>
                </c:pt>
                <c:pt idx="2091">
                  <c:v>40661</c:v>
                </c:pt>
                <c:pt idx="2092">
                  <c:v>40668</c:v>
                </c:pt>
                <c:pt idx="2093">
                  <c:v>40675</c:v>
                </c:pt>
                <c:pt idx="2094">
                  <c:v>40682</c:v>
                </c:pt>
                <c:pt idx="2095">
                  <c:v>40689</c:v>
                </c:pt>
                <c:pt idx="2096">
                  <c:v>40696</c:v>
                </c:pt>
                <c:pt idx="2097">
                  <c:v>40703</c:v>
                </c:pt>
                <c:pt idx="2098">
                  <c:v>40710</c:v>
                </c:pt>
                <c:pt idx="2099">
                  <c:v>40717</c:v>
                </c:pt>
                <c:pt idx="2100">
                  <c:v>40724</c:v>
                </c:pt>
                <c:pt idx="2101">
                  <c:v>40731</c:v>
                </c:pt>
                <c:pt idx="2102">
                  <c:v>40738</c:v>
                </c:pt>
                <c:pt idx="2103">
                  <c:v>40745</c:v>
                </c:pt>
                <c:pt idx="2104">
                  <c:v>40752</c:v>
                </c:pt>
                <c:pt idx="2105">
                  <c:v>40759</c:v>
                </c:pt>
                <c:pt idx="2106">
                  <c:v>40766</c:v>
                </c:pt>
                <c:pt idx="2107">
                  <c:v>40773</c:v>
                </c:pt>
                <c:pt idx="2108">
                  <c:v>40780</c:v>
                </c:pt>
                <c:pt idx="2109">
                  <c:v>40787</c:v>
                </c:pt>
                <c:pt idx="2110">
                  <c:v>40794</c:v>
                </c:pt>
                <c:pt idx="2111">
                  <c:v>40801</c:v>
                </c:pt>
                <c:pt idx="2112">
                  <c:v>40808</c:v>
                </c:pt>
                <c:pt idx="2113">
                  <c:v>40815</c:v>
                </c:pt>
                <c:pt idx="2114">
                  <c:v>40822</c:v>
                </c:pt>
                <c:pt idx="2115">
                  <c:v>40829</c:v>
                </c:pt>
                <c:pt idx="2116">
                  <c:v>40836</c:v>
                </c:pt>
                <c:pt idx="2117">
                  <c:v>40843</c:v>
                </c:pt>
                <c:pt idx="2118">
                  <c:v>40850</c:v>
                </c:pt>
                <c:pt idx="2119">
                  <c:v>40857</c:v>
                </c:pt>
                <c:pt idx="2120">
                  <c:v>40864</c:v>
                </c:pt>
                <c:pt idx="2121">
                  <c:v>40870</c:v>
                </c:pt>
                <c:pt idx="2122">
                  <c:v>40878</c:v>
                </c:pt>
                <c:pt idx="2123">
                  <c:v>40885</c:v>
                </c:pt>
                <c:pt idx="2124">
                  <c:v>40892</c:v>
                </c:pt>
                <c:pt idx="2125">
                  <c:v>40899</c:v>
                </c:pt>
                <c:pt idx="2126">
                  <c:v>40906</c:v>
                </c:pt>
                <c:pt idx="2127">
                  <c:v>40913</c:v>
                </c:pt>
                <c:pt idx="2128">
                  <c:v>40920</c:v>
                </c:pt>
                <c:pt idx="2129">
                  <c:v>40927</c:v>
                </c:pt>
                <c:pt idx="2130">
                  <c:v>40934</c:v>
                </c:pt>
                <c:pt idx="2131">
                  <c:v>40941</c:v>
                </c:pt>
                <c:pt idx="2132">
                  <c:v>40948</c:v>
                </c:pt>
                <c:pt idx="2133">
                  <c:v>40955</c:v>
                </c:pt>
                <c:pt idx="2134">
                  <c:v>40962</c:v>
                </c:pt>
                <c:pt idx="2135">
                  <c:v>40969</c:v>
                </c:pt>
                <c:pt idx="2136">
                  <c:v>40976</c:v>
                </c:pt>
                <c:pt idx="2137">
                  <c:v>40983</c:v>
                </c:pt>
                <c:pt idx="2138">
                  <c:v>40990</c:v>
                </c:pt>
                <c:pt idx="2139">
                  <c:v>40997</c:v>
                </c:pt>
                <c:pt idx="2140">
                  <c:v>41004</c:v>
                </c:pt>
                <c:pt idx="2141">
                  <c:v>41011</c:v>
                </c:pt>
                <c:pt idx="2142">
                  <c:v>41018</c:v>
                </c:pt>
                <c:pt idx="2143">
                  <c:v>41025</c:v>
                </c:pt>
                <c:pt idx="2144">
                  <c:v>41032</c:v>
                </c:pt>
                <c:pt idx="2145">
                  <c:v>41039</c:v>
                </c:pt>
                <c:pt idx="2146">
                  <c:v>41046</c:v>
                </c:pt>
                <c:pt idx="2147">
                  <c:v>41053</c:v>
                </c:pt>
                <c:pt idx="2148">
                  <c:v>41060</c:v>
                </c:pt>
                <c:pt idx="2149">
                  <c:v>41067</c:v>
                </c:pt>
                <c:pt idx="2150">
                  <c:v>41074</c:v>
                </c:pt>
                <c:pt idx="2151">
                  <c:v>41081</c:v>
                </c:pt>
                <c:pt idx="2152">
                  <c:v>41088</c:v>
                </c:pt>
                <c:pt idx="2153">
                  <c:v>41095</c:v>
                </c:pt>
                <c:pt idx="2154">
                  <c:v>41102</c:v>
                </c:pt>
                <c:pt idx="2155">
                  <c:v>41109</c:v>
                </c:pt>
                <c:pt idx="2156">
                  <c:v>41116</c:v>
                </c:pt>
                <c:pt idx="2157">
                  <c:v>41123</c:v>
                </c:pt>
                <c:pt idx="2158">
                  <c:v>41130</c:v>
                </c:pt>
                <c:pt idx="2159">
                  <c:v>41137</c:v>
                </c:pt>
                <c:pt idx="2160">
                  <c:v>41144</c:v>
                </c:pt>
                <c:pt idx="2161">
                  <c:v>41151</c:v>
                </c:pt>
                <c:pt idx="2162">
                  <c:v>41158</c:v>
                </c:pt>
                <c:pt idx="2163">
                  <c:v>41165</c:v>
                </c:pt>
                <c:pt idx="2164">
                  <c:v>41172</c:v>
                </c:pt>
                <c:pt idx="2165">
                  <c:v>41179</c:v>
                </c:pt>
                <c:pt idx="2166">
                  <c:v>41186</c:v>
                </c:pt>
                <c:pt idx="2167">
                  <c:v>41193</c:v>
                </c:pt>
                <c:pt idx="2168">
                  <c:v>41200</c:v>
                </c:pt>
                <c:pt idx="2169">
                  <c:v>41207</c:v>
                </c:pt>
                <c:pt idx="2170">
                  <c:v>41214</c:v>
                </c:pt>
                <c:pt idx="2171">
                  <c:v>41221</c:v>
                </c:pt>
                <c:pt idx="2172">
                  <c:v>41228</c:v>
                </c:pt>
                <c:pt idx="2173">
                  <c:v>41234</c:v>
                </c:pt>
                <c:pt idx="2174">
                  <c:v>41242</c:v>
                </c:pt>
                <c:pt idx="2175">
                  <c:v>41249</c:v>
                </c:pt>
                <c:pt idx="2176">
                  <c:v>41256</c:v>
                </c:pt>
                <c:pt idx="2177">
                  <c:v>41263</c:v>
                </c:pt>
                <c:pt idx="2178">
                  <c:v>41270</c:v>
                </c:pt>
                <c:pt idx="2179">
                  <c:v>41277</c:v>
                </c:pt>
                <c:pt idx="2180">
                  <c:v>41284</c:v>
                </c:pt>
                <c:pt idx="2181">
                  <c:v>41291</c:v>
                </c:pt>
                <c:pt idx="2182">
                  <c:v>41298</c:v>
                </c:pt>
                <c:pt idx="2183">
                  <c:v>41305</c:v>
                </c:pt>
                <c:pt idx="2184">
                  <c:v>41312</c:v>
                </c:pt>
                <c:pt idx="2185">
                  <c:v>41319</c:v>
                </c:pt>
                <c:pt idx="2186">
                  <c:v>41326</c:v>
                </c:pt>
                <c:pt idx="2187">
                  <c:v>41333</c:v>
                </c:pt>
                <c:pt idx="2188">
                  <c:v>41340</c:v>
                </c:pt>
                <c:pt idx="2189">
                  <c:v>41347</c:v>
                </c:pt>
                <c:pt idx="2190">
                  <c:v>41354</c:v>
                </c:pt>
                <c:pt idx="2191">
                  <c:v>41361</c:v>
                </c:pt>
                <c:pt idx="2192">
                  <c:v>41368</c:v>
                </c:pt>
                <c:pt idx="2193">
                  <c:v>41375</c:v>
                </c:pt>
                <c:pt idx="2194">
                  <c:v>41382</c:v>
                </c:pt>
                <c:pt idx="2195">
                  <c:v>41389</c:v>
                </c:pt>
                <c:pt idx="2196">
                  <c:v>41396</c:v>
                </c:pt>
                <c:pt idx="2197">
                  <c:v>41403</c:v>
                </c:pt>
                <c:pt idx="2198">
                  <c:v>41410</c:v>
                </c:pt>
                <c:pt idx="2199">
                  <c:v>41417</c:v>
                </c:pt>
                <c:pt idx="2200">
                  <c:v>41424</c:v>
                </c:pt>
                <c:pt idx="2201">
                  <c:v>41431</c:v>
                </c:pt>
                <c:pt idx="2202">
                  <c:v>41438</c:v>
                </c:pt>
                <c:pt idx="2203">
                  <c:v>41445</c:v>
                </c:pt>
                <c:pt idx="2204">
                  <c:v>41452</c:v>
                </c:pt>
                <c:pt idx="2205">
                  <c:v>41458</c:v>
                </c:pt>
                <c:pt idx="2206">
                  <c:v>41466</c:v>
                </c:pt>
                <c:pt idx="2207">
                  <c:v>41473</c:v>
                </c:pt>
                <c:pt idx="2208">
                  <c:v>41480</c:v>
                </c:pt>
                <c:pt idx="2209">
                  <c:v>41487</c:v>
                </c:pt>
                <c:pt idx="2210">
                  <c:v>41494</c:v>
                </c:pt>
                <c:pt idx="2211">
                  <c:v>41501</c:v>
                </c:pt>
                <c:pt idx="2212">
                  <c:v>41508</c:v>
                </c:pt>
                <c:pt idx="2213">
                  <c:v>41515</c:v>
                </c:pt>
                <c:pt idx="2214">
                  <c:v>41522</c:v>
                </c:pt>
                <c:pt idx="2215">
                  <c:v>41529</c:v>
                </c:pt>
                <c:pt idx="2216">
                  <c:v>41536</c:v>
                </c:pt>
                <c:pt idx="2217">
                  <c:v>41543</c:v>
                </c:pt>
                <c:pt idx="2218">
                  <c:v>41550</c:v>
                </c:pt>
                <c:pt idx="2219">
                  <c:v>41557</c:v>
                </c:pt>
                <c:pt idx="2220">
                  <c:v>41564</c:v>
                </c:pt>
                <c:pt idx="2221">
                  <c:v>41571</c:v>
                </c:pt>
                <c:pt idx="2222">
                  <c:v>41578</c:v>
                </c:pt>
                <c:pt idx="2223">
                  <c:v>41585</c:v>
                </c:pt>
                <c:pt idx="2224">
                  <c:v>41592</c:v>
                </c:pt>
                <c:pt idx="2225">
                  <c:v>41599</c:v>
                </c:pt>
                <c:pt idx="2226">
                  <c:v>41605</c:v>
                </c:pt>
                <c:pt idx="2227">
                  <c:v>41613</c:v>
                </c:pt>
                <c:pt idx="2228">
                  <c:v>41620</c:v>
                </c:pt>
                <c:pt idx="2229">
                  <c:v>41627</c:v>
                </c:pt>
                <c:pt idx="2230">
                  <c:v>41634</c:v>
                </c:pt>
                <c:pt idx="2231">
                  <c:v>41641</c:v>
                </c:pt>
                <c:pt idx="2232">
                  <c:v>41648</c:v>
                </c:pt>
                <c:pt idx="2233">
                  <c:v>41655</c:v>
                </c:pt>
                <c:pt idx="2234">
                  <c:v>41662</c:v>
                </c:pt>
                <c:pt idx="2235">
                  <c:v>41669</c:v>
                </c:pt>
                <c:pt idx="2236">
                  <c:v>41676</c:v>
                </c:pt>
                <c:pt idx="2237">
                  <c:v>41683</c:v>
                </c:pt>
                <c:pt idx="2238">
                  <c:v>41690</c:v>
                </c:pt>
                <c:pt idx="2239">
                  <c:v>41697</c:v>
                </c:pt>
                <c:pt idx="2240">
                  <c:v>41704</c:v>
                </c:pt>
                <c:pt idx="2241">
                  <c:v>41711</c:v>
                </c:pt>
                <c:pt idx="2242">
                  <c:v>41718</c:v>
                </c:pt>
                <c:pt idx="2243">
                  <c:v>41725</c:v>
                </c:pt>
                <c:pt idx="2244">
                  <c:v>41732</c:v>
                </c:pt>
                <c:pt idx="2245">
                  <c:v>41739</c:v>
                </c:pt>
                <c:pt idx="2246">
                  <c:v>41746</c:v>
                </c:pt>
                <c:pt idx="2247">
                  <c:v>41753</c:v>
                </c:pt>
                <c:pt idx="2248">
                  <c:v>41760</c:v>
                </c:pt>
                <c:pt idx="2249">
                  <c:v>41767</c:v>
                </c:pt>
                <c:pt idx="2250">
                  <c:v>41774</c:v>
                </c:pt>
                <c:pt idx="2251">
                  <c:v>41781</c:v>
                </c:pt>
                <c:pt idx="2252">
                  <c:v>41788</c:v>
                </c:pt>
                <c:pt idx="2253">
                  <c:v>41795</c:v>
                </c:pt>
                <c:pt idx="2254">
                  <c:v>41802</c:v>
                </c:pt>
                <c:pt idx="2255">
                  <c:v>41809</c:v>
                </c:pt>
                <c:pt idx="2256">
                  <c:v>41816</c:v>
                </c:pt>
                <c:pt idx="2257">
                  <c:v>41823</c:v>
                </c:pt>
                <c:pt idx="2258">
                  <c:v>41830</c:v>
                </c:pt>
                <c:pt idx="2259">
                  <c:v>41837</c:v>
                </c:pt>
                <c:pt idx="2260">
                  <c:v>41844</c:v>
                </c:pt>
                <c:pt idx="2261">
                  <c:v>41851</c:v>
                </c:pt>
                <c:pt idx="2262">
                  <c:v>41858</c:v>
                </c:pt>
                <c:pt idx="2263">
                  <c:v>41865</c:v>
                </c:pt>
                <c:pt idx="2264">
                  <c:v>41872</c:v>
                </c:pt>
                <c:pt idx="2265">
                  <c:v>41879</c:v>
                </c:pt>
                <c:pt idx="2266">
                  <c:v>41886</c:v>
                </c:pt>
                <c:pt idx="2267">
                  <c:v>41893</c:v>
                </c:pt>
                <c:pt idx="2268">
                  <c:v>41900</c:v>
                </c:pt>
                <c:pt idx="2269">
                  <c:v>41907</c:v>
                </c:pt>
                <c:pt idx="2270">
                  <c:v>41914</c:v>
                </c:pt>
                <c:pt idx="2271">
                  <c:v>41921</c:v>
                </c:pt>
                <c:pt idx="2272">
                  <c:v>41928</c:v>
                </c:pt>
                <c:pt idx="2273">
                  <c:v>41935</c:v>
                </c:pt>
                <c:pt idx="2274">
                  <c:v>41942</c:v>
                </c:pt>
                <c:pt idx="2275">
                  <c:v>41949</c:v>
                </c:pt>
                <c:pt idx="2276">
                  <c:v>41956</c:v>
                </c:pt>
                <c:pt idx="2277">
                  <c:v>41963</c:v>
                </c:pt>
                <c:pt idx="2278">
                  <c:v>41969</c:v>
                </c:pt>
                <c:pt idx="2279">
                  <c:v>41977</c:v>
                </c:pt>
                <c:pt idx="2280">
                  <c:v>41984</c:v>
                </c:pt>
                <c:pt idx="2281">
                  <c:v>41991</c:v>
                </c:pt>
                <c:pt idx="2282">
                  <c:v>41997</c:v>
                </c:pt>
                <c:pt idx="2283">
                  <c:v>42004</c:v>
                </c:pt>
                <c:pt idx="2284">
                  <c:v>42012</c:v>
                </c:pt>
                <c:pt idx="2285">
                  <c:v>42019</c:v>
                </c:pt>
                <c:pt idx="2286">
                  <c:v>42026</c:v>
                </c:pt>
                <c:pt idx="2287">
                  <c:v>42033</c:v>
                </c:pt>
                <c:pt idx="2288">
                  <c:v>42040</c:v>
                </c:pt>
                <c:pt idx="2289">
                  <c:v>42047</c:v>
                </c:pt>
                <c:pt idx="2290">
                  <c:v>42054</c:v>
                </c:pt>
                <c:pt idx="2291">
                  <c:v>42061</c:v>
                </c:pt>
                <c:pt idx="2292">
                  <c:v>42068</c:v>
                </c:pt>
                <c:pt idx="2293">
                  <c:v>42075</c:v>
                </c:pt>
                <c:pt idx="2294">
                  <c:v>42082</c:v>
                </c:pt>
                <c:pt idx="2295">
                  <c:v>42089</c:v>
                </c:pt>
                <c:pt idx="2296">
                  <c:v>42096</c:v>
                </c:pt>
                <c:pt idx="2297">
                  <c:v>42103</c:v>
                </c:pt>
                <c:pt idx="2298">
                  <c:v>42110</c:v>
                </c:pt>
                <c:pt idx="2299">
                  <c:v>42117</c:v>
                </c:pt>
                <c:pt idx="2300">
                  <c:v>42124</c:v>
                </c:pt>
                <c:pt idx="2301">
                  <c:v>42131</c:v>
                </c:pt>
                <c:pt idx="2302">
                  <c:v>42138</c:v>
                </c:pt>
                <c:pt idx="2303">
                  <c:v>42145</c:v>
                </c:pt>
                <c:pt idx="2304">
                  <c:v>42152</c:v>
                </c:pt>
                <c:pt idx="2305">
                  <c:v>42159</c:v>
                </c:pt>
                <c:pt idx="2306">
                  <c:v>42166</c:v>
                </c:pt>
                <c:pt idx="2307">
                  <c:v>42173</c:v>
                </c:pt>
                <c:pt idx="2308">
                  <c:v>42180</c:v>
                </c:pt>
                <c:pt idx="2309">
                  <c:v>42187</c:v>
                </c:pt>
                <c:pt idx="2310">
                  <c:v>42194</c:v>
                </c:pt>
                <c:pt idx="2311">
                  <c:v>42201</c:v>
                </c:pt>
                <c:pt idx="2312">
                  <c:v>42208</c:v>
                </c:pt>
                <c:pt idx="2313">
                  <c:v>42215</c:v>
                </c:pt>
                <c:pt idx="2314">
                  <c:v>42222</c:v>
                </c:pt>
                <c:pt idx="2315">
                  <c:v>42229</c:v>
                </c:pt>
                <c:pt idx="2316">
                  <c:v>42236</c:v>
                </c:pt>
                <c:pt idx="2317">
                  <c:v>42243</c:v>
                </c:pt>
                <c:pt idx="2318">
                  <c:v>42250</c:v>
                </c:pt>
                <c:pt idx="2319">
                  <c:v>42257</c:v>
                </c:pt>
                <c:pt idx="2320">
                  <c:v>42264</c:v>
                </c:pt>
                <c:pt idx="2321">
                  <c:v>42271</c:v>
                </c:pt>
                <c:pt idx="2322">
                  <c:v>42278</c:v>
                </c:pt>
                <c:pt idx="2323">
                  <c:v>42285</c:v>
                </c:pt>
                <c:pt idx="2324">
                  <c:v>42292</c:v>
                </c:pt>
                <c:pt idx="2325">
                  <c:v>42299</c:v>
                </c:pt>
                <c:pt idx="2326">
                  <c:v>42306</c:v>
                </c:pt>
                <c:pt idx="2327">
                  <c:v>42313</c:v>
                </c:pt>
                <c:pt idx="2328">
                  <c:v>42320</c:v>
                </c:pt>
                <c:pt idx="2329">
                  <c:v>42327</c:v>
                </c:pt>
                <c:pt idx="2330">
                  <c:v>42333</c:v>
                </c:pt>
                <c:pt idx="2331">
                  <c:v>42341</c:v>
                </c:pt>
                <c:pt idx="2332">
                  <c:v>42348</c:v>
                </c:pt>
                <c:pt idx="2333">
                  <c:v>42355</c:v>
                </c:pt>
                <c:pt idx="2334">
                  <c:v>42362</c:v>
                </c:pt>
                <c:pt idx="2335">
                  <c:v>42369</c:v>
                </c:pt>
                <c:pt idx="2336">
                  <c:v>42376</c:v>
                </c:pt>
                <c:pt idx="2337">
                  <c:v>42383</c:v>
                </c:pt>
                <c:pt idx="2338">
                  <c:v>42390</c:v>
                </c:pt>
                <c:pt idx="2339">
                  <c:v>42397</c:v>
                </c:pt>
                <c:pt idx="2340">
                  <c:v>42404</c:v>
                </c:pt>
                <c:pt idx="2341">
                  <c:v>42411</c:v>
                </c:pt>
                <c:pt idx="2342">
                  <c:v>42418</c:v>
                </c:pt>
                <c:pt idx="2343">
                  <c:v>42425</c:v>
                </c:pt>
                <c:pt idx="2344">
                  <c:v>42432</c:v>
                </c:pt>
                <c:pt idx="2345">
                  <c:v>42439</c:v>
                </c:pt>
                <c:pt idx="2346">
                  <c:v>42446</c:v>
                </c:pt>
                <c:pt idx="2347">
                  <c:v>42453</c:v>
                </c:pt>
                <c:pt idx="2348">
                  <c:v>42460</c:v>
                </c:pt>
                <c:pt idx="2349">
                  <c:v>42467</c:v>
                </c:pt>
                <c:pt idx="2350">
                  <c:v>42474</c:v>
                </c:pt>
                <c:pt idx="2351">
                  <c:v>42481</c:v>
                </c:pt>
                <c:pt idx="2352">
                  <c:v>42488</c:v>
                </c:pt>
                <c:pt idx="2353">
                  <c:v>42495</c:v>
                </c:pt>
                <c:pt idx="2354">
                  <c:v>42502</c:v>
                </c:pt>
                <c:pt idx="2355">
                  <c:v>42509</c:v>
                </c:pt>
                <c:pt idx="2356">
                  <c:v>42516</c:v>
                </c:pt>
                <c:pt idx="2357">
                  <c:v>42523</c:v>
                </c:pt>
                <c:pt idx="2358">
                  <c:v>42530</c:v>
                </c:pt>
                <c:pt idx="2359">
                  <c:v>42537</c:v>
                </c:pt>
                <c:pt idx="2360">
                  <c:v>42544</c:v>
                </c:pt>
                <c:pt idx="2361">
                  <c:v>42551</c:v>
                </c:pt>
                <c:pt idx="2362">
                  <c:v>42558</c:v>
                </c:pt>
                <c:pt idx="2363">
                  <c:v>42565</c:v>
                </c:pt>
                <c:pt idx="2364">
                  <c:v>42572</c:v>
                </c:pt>
                <c:pt idx="2365">
                  <c:v>42579</c:v>
                </c:pt>
                <c:pt idx="2366">
                  <c:v>42586</c:v>
                </c:pt>
                <c:pt idx="2367">
                  <c:v>42593</c:v>
                </c:pt>
                <c:pt idx="2368">
                  <c:v>42600</c:v>
                </c:pt>
                <c:pt idx="2369">
                  <c:v>42607</c:v>
                </c:pt>
                <c:pt idx="2370">
                  <c:v>42614</c:v>
                </c:pt>
                <c:pt idx="2371">
                  <c:v>42621</c:v>
                </c:pt>
                <c:pt idx="2372">
                  <c:v>42628</c:v>
                </c:pt>
                <c:pt idx="2373">
                  <c:v>42635</c:v>
                </c:pt>
                <c:pt idx="2374">
                  <c:v>42642</c:v>
                </c:pt>
                <c:pt idx="2375">
                  <c:v>42649</c:v>
                </c:pt>
                <c:pt idx="2376">
                  <c:v>42656</c:v>
                </c:pt>
                <c:pt idx="2377">
                  <c:v>42663</c:v>
                </c:pt>
                <c:pt idx="2378">
                  <c:v>42670</c:v>
                </c:pt>
                <c:pt idx="2379">
                  <c:v>42677</c:v>
                </c:pt>
                <c:pt idx="2380">
                  <c:v>42684</c:v>
                </c:pt>
                <c:pt idx="2381">
                  <c:v>42691</c:v>
                </c:pt>
                <c:pt idx="2382">
                  <c:v>42697</c:v>
                </c:pt>
                <c:pt idx="2383">
                  <c:v>42705</c:v>
                </c:pt>
                <c:pt idx="2384">
                  <c:v>42712</c:v>
                </c:pt>
                <c:pt idx="2385">
                  <c:v>42719</c:v>
                </c:pt>
                <c:pt idx="2386">
                  <c:v>42726</c:v>
                </c:pt>
                <c:pt idx="2387">
                  <c:v>42733</c:v>
                </c:pt>
                <c:pt idx="2388">
                  <c:v>42740</c:v>
                </c:pt>
                <c:pt idx="2389">
                  <c:v>42747</c:v>
                </c:pt>
                <c:pt idx="2390">
                  <c:v>42754</c:v>
                </c:pt>
                <c:pt idx="2391">
                  <c:v>42761</c:v>
                </c:pt>
                <c:pt idx="2392">
                  <c:v>42768</c:v>
                </c:pt>
                <c:pt idx="2393">
                  <c:v>42775</c:v>
                </c:pt>
                <c:pt idx="2394">
                  <c:v>42782</c:v>
                </c:pt>
                <c:pt idx="2395">
                  <c:v>42789</c:v>
                </c:pt>
                <c:pt idx="2396">
                  <c:v>42796</c:v>
                </c:pt>
                <c:pt idx="2397">
                  <c:v>42803</c:v>
                </c:pt>
                <c:pt idx="2398">
                  <c:v>42810</c:v>
                </c:pt>
                <c:pt idx="2399">
                  <c:v>42817</c:v>
                </c:pt>
                <c:pt idx="2400">
                  <c:v>42824</c:v>
                </c:pt>
                <c:pt idx="2401">
                  <c:v>42831</c:v>
                </c:pt>
                <c:pt idx="2402">
                  <c:v>42838</c:v>
                </c:pt>
                <c:pt idx="2403">
                  <c:v>42845</c:v>
                </c:pt>
                <c:pt idx="2404">
                  <c:v>42852</c:v>
                </c:pt>
                <c:pt idx="2405">
                  <c:v>42859</c:v>
                </c:pt>
                <c:pt idx="2406">
                  <c:v>42866</c:v>
                </c:pt>
                <c:pt idx="2407">
                  <c:v>42873</c:v>
                </c:pt>
                <c:pt idx="2408">
                  <c:v>42880</c:v>
                </c:pt>
                <c:pt idx="2409">
                  <c:v>42887</c:v>
                </c:pt>
                <c:pt idx="2410">
                  <c:v>42894</c:v>
                </c:pt>
                <c:pt idx="2411">
                  <c:v>42901</c:v>
                </c:pt>
                <c:pt idx="2412">
                  <c:v>42908</c:v>
                </c:pt>
                <c:pt idx="2413">
                  <c:v>42915</c:v>
                </c:pt>
                <c:pt idx="2414">
                  <c:v>42922</c:v>
                </c:pt>
                <c:pt idx="2415">
                  <c:v>42929</c:v>
                </c:pt>
                <c:pt idx="2416">
                  <c:v>42936</c:v>
                </c:pt>
                <c:pt idx="2417">
                  <c:v>42943</c:v>
                </c:pt>
                <c:pt idx="2418">
                  <c:v>42950</c:v>
                </c:pt>
                <c:pt idx="2419">
                  <c:v>42957</c:v>
                </c:pt>
                <c:pt idx="2420">
                  <c:v>42964</c:v>
                </c:pt>
                <c:pt idx="2421">
                  <c:v>42971</c:v>
                </c:pt>
                <c:pt idx="2422">
                  <c:v>42978</c:v>
                </c:pt>
                <c:pt idx="2423">
                  <c:v>42985</c:v>
                </c:pt>
                <c:pt idx="2424">
                  <c:v>42992</c:v>
                </c:pt>
                <c:pt idx="2425">
                  <c:v>42999</c:v>
                </c:pt>
                <c:pt idx="2426">
                  <c:v>43006</c:v>
                </c:pt>
                <c:pt idx="2427">
                  <c:v>43013</c:v>
                </c:pt>
                <c:pt idx="2428">
                  <c:v>43020</c:v>
                </c:pt>
                <c:pt idx="2429">
                  <c:v>43027</c:v>
                </c:pt>
                <c:pt idx="2430">
                  <c:v>43034</c:v>
                </c:pt>
                <c:pt idx="2431">
                  <c:v>43041</c:v>
                </c:pt>
                <c:pt idx="2432">
                  <c:v>43048</c:v>
                </c:pt>
                <c:pt idx="2433">
                  <c:v>43055</c:v>
                </c:pt>
                <c:pt idx="2434">
                  <c:v>43061</c:v>
                </c:pt>
                <c:pt idx="2435">
                  <c:v>43069</c:v>
                </c:pt>
                <c:pt idx="2436">
                  <c:v>43076</c:v>
                </c:pt>
                <c:pt idx="2437">
                  <c:v>43083</c:v>
                </c:pt>
                <c:pt idx="2438">
                  <c:v>43090</c:v>
                </c:pt>
                <c:pt idx="2439">
                  <c:v>43097</c:v>
                </c:pt>
                <c:pt idx="2440">
                  <c:v>43104</c:v>
                </c:pt>
                <c:pt idx="2441">
                  <c:v>43111</c:v>
                </c:pt>
                <c:pt idx="2442">
                  <c:v>43118</c:v>
                </c:pt>
                <c:pt idx="2443">
                  <c:v>43125</c:v>
                </c:pt>
                <c:pt idx="2444">
                  <c:v>43132</c:v>
                </c:pt>
                <c:pt idx="2445">
                  <c:v>43139</c:v>
                </c:pt>
                <c:pt idx="2446">
                  <c:v>43146</c:v>
                </c:pt>
                <c:pt idx="2447">
                  <c:v>43153</c:v>
                </c:pt>
                <c:pt idx="2448">
                  <c:v>43160</c:v>
                </c:pt>
                <c:pt idx="2449">
                  <c:v>43167</c:v>
                </c:pt>
                <c:pt idx="2450">
                  <c:v>43174</c:v>
                </c:pt>
                <c:pt idx="2451">
                  <c:v>43181</c:v>
                </c:pt>
                <c:pt idx="2452">
                  <c:v>43188</c:v>
                </c:pt>
                <c:pt idx="2453">
                  <c:v>43195</c:v>
                </c:pt>
                <c:pt idx="2454">
                  <c:v>43202</c:v>
                </c:pt>
                <c:pt idx="2455">
                  <c:v>43209</c:v>
                </c:pt>
                <c:pt idx="2456">
                  <c:v>43216</c:v>
                </c:pt>
                <c:pt idx="2457">
                  <c:v>43223</c:v>
                </c:pt>
                <c:pt idx="2458">
                  <c:v>43230</c:v>
                </c:pt>
                <c:pt idx="2459">
                  <c:v>43237</c:v>
                </c:pt>
                <c:pt idx="2460">
                  <c:v>43244</c:v>
                </c:pt>
                <c:pt idx="2461">
                  <c:v>43251</c:v>
                </c:pt>
                <c:pt idx="2462">
                  <c:v>43258</c:v>
                </c:pt>
                <c:pt idx="2463">
                  <c:v>43265</c:v>
                </c:pt>
                <c:pt idx="2464">
                  <c:v>43272</c:v>
                </c:pt>
                <c:pt idx="2465">
                  <c:v>43279</c:v>
                </c:pt>
                <c:pt idx="2466">
                  <c:v>43286</c:v>
                </c:pt>
                <c:pt idx="2467">
                  <c:v>43293</c:v>
                </c:pt>
                <c:pt idx="2468">
                  <c:v>43300</c:v>
                </c:pt>
                <c:pt idx="2469">
                  <c:v>43307</c:v>
                </c:pt>
                <c:pt idx="2470">
                  <c:v>43314</c:v>
                </c:pt>
                <c:pt idx="2471">
                  <c:v>43321</c:v>
                </c:pt>
                <c:pt idx="2472">
                  <c:v>43328</c:v>
                </c:pt>
                <c:pt idx="2473">
                  <c:v>43335</c:v>
                </c:pt>
                <c:pt idx="2474">
                  <c:v>43342</c:v>
                </c:pt>
                <c:pt idx="2475">
                  <c:v>43349</c:v>
                </c:pt>
                <c:pt idx="2476">
                  <c:v>43356</c:v>
                </c:pt>
                <c:pt idx="2477">
                  <c:v>43363</c:v>
                </c:pt>
                <c:pt idx="2478">
                  <c:v>43370</c:v>
                </c:pt>
                <c:pt idx="2479">
                  <c:v>43377</c:v>
                </c:pt>
                <c:pt idx="2480">
                  <c:v>43384</c:v>
                </c:pt>
                <c:pt idx="2481">
                  <c:v>43391</c:v>
                </c:pt>
                <c:pt idx="2482">
                  <c:v>43398</c:v>
                </c:pt>
                <c:pt idx="2483">
                  <c:v>43405</c:v>
                </c:pt>
                <c:pt idx="2484">
                  <c:v>43412</c:v>
                </c:pt>
                <c:pt idx="2485">
                  <c:v>43419</c:v>
                </c:pt>
                <c:pt idx="2486">
                  <c:v>43425</c:v>
                </c:pt>
                <c:pt idx="2487">
                  <c:v>43433</c:v>
                </c:pt>
                <c:pt idx="2488">
                  <c:v>43440</c:v>
                </c:pt>
                <c:pt idx="2489">
                  <c:v>43447</c:v>
                </c:pt>
                <c:pt idx="2490">
                  <c:v>43454</c:v>
                </c:pt>
                <c:pt idx="2491">
                  <c:v>43461</c:v>
                </c:pt>
                <c:pt idx="2492">
                  <c:v>43468</c:v>
                </c:pt>
                <c:pt idx="2493">
                  <c:v>43475</c:v>
                </c:pt>
                <c:pt idx="2494">
                  <c:v>43482</c:v>
                </c:pt>
                <c:pt idx="2495">
                  <c:v>43489</c:v>
                </c:pt>
                <c:pt idx="2496">
                  <c:v>43496</c:v>
                </c:pt>
                <c:pt idx="2497">
                  <c:v>43503</c:v>
                </c:pt>
                <c:pt idx="2498">
                  <c:v>43510</c:v>
                </c:pt>
                <c:pt idx="2499">
                  <c:v>43517</c:v>
                </c:pt>
                <c:pt idx="2500">
                  <c:v>43524</c:v>
                </c:pt>
                <c:pt idx="2501">
                  <c:v>43531</c:v>
                </c:pt>
                <c:pt idx="2502">
                  <c:v>43538</c:v>
                </c:pt>
                <c:pt idx="2503">
                  <c:v>43545</c:v>
                </c:pt>
                <c:pt idx="2504">
                  <c:v>43552</c:v>
                </c:pt>
                <c:pt idx="2505">
                  <c:v>43559</c:v>
                </c:pt>
                <c:pt idx="2506">
                  <c:v>43566</c:v>
                </c:pt>
                <c:pt idx="2507">
                  <c:v>43573</c:v>
                </c:pt>
                <c:pt idx="2508">
                  <c:v>43580</c:v>
                </c:pt>
                <c:pt idx="2509">
                  <c:v>43587</c:v>
                </c:pt>
                <c:pt idx="2510">
                  <c:v>43594</c:v>
                </c:pt>
                <c:pt idx="2511">
                  <c:v>43601</c:v>
                </c:pt>
                <c:pt idx="2512">
                  <c:v>43608</c:v>
                </c:pt>
                <c:pt idx="2513">
                  <c:v>43615</c:v>
                </c:pt>
                <c:pt idx="2514">
                  <c:v>43622</c:v>
                </c:pt>
                <c:pt idx="2515">
                  <c:v>43629</c:v>
                </c:pt>
                <c:pt idx="2516">
                  <c:v>43636</c:v>
                </c:pt>
                <c:pt idx="2517">
                  <c:v>43643</c:v>
                </c:pt>
                <c:pt idx="2518">
                  <c:v>43649</c:v>
                </c:pt>
                <c:pt idx="2519">
                  <c:v>43657</c:v>
                </c:pt>
                <c:pt idx="2520">
                  <c:v>43664</c:v>
                </c:pt>
                <c:pt idx="2521">
                  <c:v>43671</c:v>
                </c:pt>
                <c:pt idx="2522">
                  <c:v>43678</c:v>
                </c:pt>
                <c:pt idx="2523">
                  <c:v>43685</c:v>
                </c:pt>
                <c:pt idx="2524">
                  <c:v>43692</c:v>
                </c:pt>
                <c:pt idx="2525">
                  <c:v>43699</c:v>
                </c:pt>
                <c:pt idx="2526">
                  <c:v>43706</c:v>
                </c:pt>
                <c:pt idx="2527">
                  <c:v>43713</c:v>
                </c:pt>
                <c:pt idx="2528">
                  <c:v>43720</c:v>
                </c:pt>
                <c:pt idx="2529">
                  <c:v>43727</c:v>
                </c:pt>
                <c:pt idx="2530">
                  <c:v>43734</c:v>
                </c:pt>
                <c:pt idx="2531">
                  <c:v>43741</c:v>
                </c:pt>
                <c:pt idx="2532">
                  <c:v>43748</c:v>
                </c:pt>
                <c:pt idx="2533">
                  <c:v>43755</c:v>
                </c:pt>
                <c:pt idx="2534">
                  <c:v>43762</c:v>
                </c:pt>
                <c:pt idx="2535">
                  <c:v>43769</c:v>
                </c:pt>
                <c:pt idx="2536">
                  <c:v>43776</c:v>
                </c:pt>
                <c:pt idx="2537">
                  <c:v>43783</c:v>
                </c:pt>
                <c:pt idx="2538">
                  <c:v>43790</c:v>
                </c:pt>
                <c:pt idx="2539">
                  <c:v>43796</c:v>
                </c:pt>
                <c:pt idx="2540">
                  <c:v>43804</c:v>
                </c:pt>
                <c:pt idx="2541">
                  <c:v>43811</c:v>
                </c:pt>
                <c:pt idx="2542">
                  <c:v>43818</c:v>
                </c:pt>
                <c:pt idx="2543">
                  <c:v>43825</c:v>
                </c:pt>
                <c:pt idx="2544">
                  <c:v>43832</c:v>
                </c:pt>
                <c:pt idx="2545">
                  <c:v>43839</c:v>
                </c:pt>
                <c:pt idx="2546">
                  <c:v>43846</c:v>
                </c:pt>
                <c:pt idx="2547">
                  <c:v>43853</c:v>
                </c:pt>
                <c:pt idx="2548">
                  <c:v>43860</c:v>
                </c:pt>
                <c:pt idx="2549">
                  <c:v>43867</c:v>
                </c:pt>
                <c:pt idx="2550">
                  <c:v>43874</c:v>
                </c:pt>
                <c:pt idx="2551">
                  <c:v>43881</c:v>
                </c:pt>
                <c:pt idx="2552">
                  <c:v>43888</c:v>
                </c:pt>
                <c:pt idx="2553">
                  <c:v>43895</c:v>
                </c:pt>
                <c:pt idx="2554">
                  <c:v>43902</c:v>
                </c:pt>
                <c:pt idx="2555">
                  <c:v>43909</c:v>
                </c:pt>
                <c:pt idx="2556">
                  <c:v>43916</c:v>
                </c:pt>
                <c:pt idx="2557">
                  <c:v>43923</c:v>
                </c:pt>
                <c:pt idx="2558">
                  <c:v>43930</c:v>
                </c:pt>
                <c:pt idx="2559">
                  <c:v>43937</c:v>
                </c:pt>
                <c:pt idx="2560">
                  <c:v>43944</c:v>
                </c:pt>
                <c:pt idx="2561">
                  <c:v>43951</c:v>
                </c:pt>
                <c:pt idx="2562">
                  <c:v>43958</c:v>
                </c:pt>
                <c:pt idx="2563">
                  <c:v>43965</c:v>
                </c:pt>
                <c:pt idx="2564">
                  <c:v>43972</c:v>
                </c:pt>
                <c:pt idx="2565">
                  <c:v>43979</c:v>
                </c:pt>
                <c:pt idx="2566">
                  <c:v>43986</c:v>
                </c:pt>
                <c:pt idx="2567">
                  <c:v>43993</c:v>
                </c:pt>
                <c:pt idx="2568">
                  <c:v>44000</c:v>
                </c:pt>
                <c:pt idx="2569">
                  <c:v>44007</c:v>
                </c:pt>
                <c:pt idx="2570">
                  <c:v>44014</c:v>
                </c:pt>
                <c:pt idx="2571">
                  <c:v>44021</c:v>
                </c:pt>
                <c:pt idx="2572">
                  <c:v>44028</c:v>
                </c:pt>
                <c:pt idx="2573">
                  <c:v>44035</c:v>
                </c:pt>
                <c:pt idx="2574">
                  <c:v>44042</c:v>
                </c:pt>
                <c:pt idx="2575">
                  <c:v>44049</c:v>
                </c:pt>
                <c:pt idx="2576">
                  <c:v>44056</c:v>
                </c:pt>
                <c:pt idx="2577">
                  <c:v>44063</c:v>
                </c:pt>
                <c:pt idx="2578">
                  <c:v>44070</c:v>
                </c:pt>
                <c:pt idx="2579">
                  <c:v>44077</c:v>
                </c:pt>
                <c:pt idx="2580">
                  <c:v>44084</c:v>
                </c:pt>
                <c:pt idx="2581">
                  <c:v>44091</c:v>
                </c:pt>
                <c:pt idx="2582">
                  <c:v>44098</c:v>
                </c:pt>
                <c:pt idx="2583">
                  <c:v>44105</c:v>
                </c:pt>
                <c:pt idx="2584">
                  <c:v>44112</c:v>
                </c:pt>
                <c:pt idx="2585">
                  <c:v>44119</c:v>
                </c:pt>
                <c:pt idx="2586">
                  <c:v>44126</c:v>
                </c:pt>
                <c:pt idx="2587">
                  <c:v>44133</c:v>
                </c:pt>
                <c:pt idx="2588">
                  <c:v>44140</c:v>
                </c:pt>
                <c:pt idx="2589">
                  <c:v>44147</c:v>
                </c:pt>
                <c:pt idx="2590">
                  <c:v>44154</c:v>
                </c:pt>
                <c:pt idx="2591">
                  <c:v>44160</c:v>
                </c:pt>
                <c:pt idx="2592">
                  <c:v>44168</c:v>
                </c:pt>
                <c:pt idx="2593">
                  <c:v>44175</c:v>
                </c:pt>
                <c:pt idx="2594">
                  <c:v>44182</c:v>
                </c:pt>
                <c:pt idx="2595">
                  <c:v>44189</c:v>
                </c:pt>
                <c:pt idx="2596">
                  <c:v>44196</c:v>
                </c:pt>
                <c:pt idx="2597">
                  <c:v>44203</c:v>
                </c:pt>
                <c:pt idx="2598">
                  <c:v>44210</c:v>
                </c:pt>
                <c:pt idx="2599">
                  <c:v>44217</c:v>
                </c:pt>
                <c:pt idx="2600">
                  <c:v>44224</c:v>
                </c:pt>
                <c:pt idx="2601">
                  <c:v>44231</c:v>
                </c:pt>
                <c:pt idx="2602">
                  <c:v>44238</c:v>
                </c:pt>
                <c:pt idx="2603">
                  <c:v>44245</c:v>
                </c:pt>
                <c:pt idx="2604">
                  <c:v>44252</c:v>
                </c:pt>
                <c:pt idx="2605">
                  <c:v>44259</c:v>
                </c:pt>
                <c:pt idx="2606">
                  <c:v>44266</c:v>
                </c:pt>
                <c:pt idx="2607">
                  <c:v>44273</c:v>
                </c:pt>
                <c:pt idx="2608">
                  <c:v>44280</c:v>
                </c:pt>
                <c:pt idx="2609">
                  <c:v>44287</c:v>
                </c:pt>
                <c:pt idx="2610">
                  <c:v>44294</c:v>
                </c:pt>
                <c:pt idx="2611">
                  <c:v>44301</c:v>
                </c:pt>
                <c:pt idx="2612">
                  <c:v>44308</c:v>
                </c:pt>
                <c:pt idx="2613">
                  <c:v>44315</c:v>
                </c:pt>
                <c:pt idx="2614">
                  <c:v>44322</c:v>
                </c:pt>
                <c:pt idx="2615">
                  <c:v>44329</c:v>
                </c:pt>
                <c:pt idx="2616">
                  <c:v>44336</c:v>
                </c:pt>
                <c:pt idx="2617">
                  <c:v>44343</c:v>
                </c:pt>
                <c:pt idx="2618">
                  <c:v>44350</c:v>
                </c:pt>
                <c:pt idx="2619">
                  <c:v>44357</c:v>
                </c:pt>
                <c:pt idx="2620">
                  <c:v>44364</c:v>
                </c:pt>
                <c:pt idx="2621">
                  <c:v>44371</c:v>
                </c:pt>
                <c:pt idx="2622">
                  <c:v>44378</c:v>
                </c:pt>
                <c:pt idx="2623">
                  <c:v>44385</c:v>
                </c:pt>
                <c:pt idx="2624">
                  <c:v>44392</c:v>
                </c:pt>
                <c:pt idx="2625">
                  <c:v>44399</c:v>
                </c:pt>
                <c:pt idx="2626">
                  <c:v>44406</c:v>
                </c:pt>
                <c:pt idx="2627">
                  <c:v>44413</c:v>
                </c:pt>
                <c:pt idx="2628">
                  <c:v>44420</c:v>
                </c:pt>
                <c:pt idx="2629">
                  <c:v>44427</c:v>
                </c:pt>
                <c:pt idx="2630">
                  <c:v>44434</c:v>
                </c:pt>
                <c:pt idx="2631">
                  <c:v>44441</c:v>
                </c:pt>
                <c:pt idx="2632">
                  <c:v>44448</c:v>
                </c:pt>
                <c:pt idx="2633">
                  <c:v>44455</c:v>
                </c:pt>
                <c:pt idx="2634">
                  <c:v>44462</c:v>
                </c:pt>
                <c:pt idx="2635">
                  <c:v>44469</c:v>
                </c:pt>
                <c:pt idx="2636">
                  <c:v>44476</c:v>
                </c:pt>
                <c:pt idx="2637">
                  <c:v>44483</c:v>
                </c:pt>
                <c:pt idx="2638">
                  <c:v>44490</c:v>
                </c:pt>
                <c:pt idx="2639">
                  <c:v>44497</c:v>
                </c:pt>
                <c:pt idx="2640">
                  <c:v>44504</c:v>
                </c:pt>
                <c:pt idx="2641">
                  <c:v>44510</c:v>
                </c:pt>
                <c:pt idx="2642">
                  <c:v>44518</c:v>
                </c:pt>
                <c:pt idx="2643">
                  <c:v>44524</c:v>
                </c:pt>
                <c:pt idx="2644">
                  <c:v>44532</c:v>
                </c:pt>
                <c:pt idx="2645">
                  <c:v>44539</c:v>
                </c:pt>
                <c:pt idx="2646">
                  <c:v>44546</c:v>
                </c:pt>
                <c:pt idx="2647">
                  <c:v>44553</c:v>
                </c:pt>
                <c:pt idx="2648">
                  <c:v>44560</c:v>
                </c:pt>
                <c:pt idx="2649">
                  <c:v>44567</c:v>
                </c:pt>
                <c:pt idx="2650">
                  <c:v>44574</c:v>
                </c:pt>
                <c:pt idx="2651">
                  <c:v>44581</c:v>
                </c:pt>
                <c:pt idx="2652">
                  <c:v>44588</c:v>
                </c:pt>
                <c:pt idx="2653">
                  <c:v>44595</c:v>
                </c:pt>
                <c:pt idx="2654">
                  <c:v>44602</c:v>
                </c:pt>
                <c:pt idx="2655">
                  <c:v>44609</c:v>
                </c:pt>
                <c:pt idx="2656">
                  <c:v>44616</c:v>
                </c:pt>
                <c:pt idx="2657">
                  <c:v>44623</c:v>
                </c:pt>
                <c:pt idx="2658">
                  <c:v>44630</c:v>
                </c:pt>
                <c:pt idx="2659">
                  <c:v>44637</c:v>
                </c:pt>
                <c:pt idx="2660">
                  <c:v>44644</c:v>
                </c:pt>
                <c:pt idx="2661">
                  <c:v>44651</c:v>
                </c:pt>
                <c:pt idx="2662">
                  <c:v>44658</c:v>
                </c:pt>
                <c:pt idx="2663">
                  <c:v>44665</c:v>
                </c:pt>
                <c:pt idx="2664">
                  <c:v>44672</c:v>
                </c:pt>
                <c:pt idx="2665">
                  <c:v>44679</c:v>
                </c:pt>
                <c:pt idx="2666">
                  <c:v>44686</c:v>
                </c:pt>
                <c:pt idx="2667">
                  <c:v>44693</c:v>
                </c:pt>
                <c:pt idx="2668">
                  <c:v>44700</c:v>
                </c:pt>
                <c:pt idx="2669">
                  <c:v>44707</c:v>
                </c:pt>
                <c:pt idx="2670">
                  <c:v>44714</c:v>
                </c:pt>
                <c:pt idx="2671">
                  <c:v>44721</c:v>
                </c:pt>
                <c:pt idx="2672">
                  <c:v>44728</c:v>
                </c:pt>
                <c:pt idx="2673">
                  <c:v>44735</c:v>
                </c:pt>
                <c:pt idx="2674">
                  <c:v>44742</c:v>
                </c:pt>
                <c:pt idx="2675">
                  <c:v>44749</c:v>
                </c:pt>
                <c:pt idx="2676">
                  <c:v>44756</c:v>
                </c:pt>
                <c:pt idx="2677">
                  <c:v>44763</c:v>
                </c:pt>
                <c:pt idx="2678">
                  <c:v>44770</c:v>
                </c:pt>
                <c:pt idx="2679">
                  <c:v>44777</c:v>
                </c:pt>
                <c:pt idx="2680">
                  <c:v>44784</c:v>
                </c:pt>
                <c:pt idx="2681">
                  <c:v>44791</c:v>
                </c:pt>
                <c:pt idx="2682">
                  <c:v>44798</c:v>
                </c:pt>
                <c:pt idx="2683">
                  <c:v>44805</c:v>
                </c:pt>
                <c:pt idx="2684">
                  <c:v>44812</c:v>
                </c:pt>
                <c:pt idx="2685">
                  <c:v>44819</c:v>
                </c:pt>
                <c:pt idx="2686">
                  <c:v>44826</c:v>
                </c:pt>
                <c:pt idx="2687">
                  <c:v>44833</c:v>
                </c:pt>
                <c:pt idx="2688">
                  <c:v>44840</c:v>
                </c:pt>
                <c:pt idx="2689">
                  <c:v>44847</c:v>
                </c:pt>
                <c:pt idx="2690">
                  <c:v>44854</c:v>
                </c:pt>
                <c:pt idx="2691">
                  <c:v>44861</c:v>
                </c:pt>
                <c:pt idx="2692">
                  <c:v>44868</c:v>
                </c:pt>
                <c:pt idx="2693">
                  <c:v>44875</c:v>
                </c:pt>
                <c:pt idx="2694">
                  <c:v>44882</c:v>
                </c:pt>
                <c:pt idx="2695">
                  <c:v>44888</c:v>
                </c:pt>
                <c:pt idx="2696">
                  <c:v>44896</c:v>
                </c:pt>
                <c:pt idx="2697">
                  <c:v>44903</c:v>
                </c:pt>
                <c:pt idx="2698">
                  <c:v>44910</c:v>
                </c:pt>
                <c:pt idx="2699">
                  <c:v>44917</c:v>
                </c:pt>
                <c:pt idx="2700">
                  <c:v>44924</c:v>
                </c:pt>
                <c:pt idx="2701">
                  <c:v>44931</c:v>
                </c:pt>
                <c:pt idx="2702">
                  <c:v>44938</c:v>
                </c:pt>
                <c:pt idx="2703">
                  <c:v>44945</c:v>
                </c:pt>
                <c:pt idx="2704">
                  <c:v>44952</c:v>
                </c:pt>
                <c:pt idx="2705">
                  <c:v>44959</c:v>
                </c:pt>
                <c:pt idx="2706">
                  <c:v>44966</c:v>
                </c:pt>
                <c:pt idx="2707">
                  <c:v>44973</c:v>
                </c:pt>
                <c:pt idx="2708">
                  <c:v>44980</c:v>
                </c:pt>
                <c:pt idx="2709">
                  <c:v>44987</c:v>
                </c:pt>
                <c:pt idx="2710">
                  <c:v>44994</c:v>
                </c:pt>
                <c:pt idx="2711">
                  <c:v>45001</c:v>
                </c:pt>
                <c:pt idx="2712">
                  <c:v>45008</c:v>
                </c:pt>
                <c:pt idx="2713">
                  <c:v>45015</c:v>
                </c:pt>
                <c:pt idx="2714">
                  <c:v>45022</c:v>
                </c:pt>
                <c:pt idx="2715">
                  <c:v>45029</c:v>
                </c:pt>
                <c:pt idx="2716">
                  <c:v>45036</c:v>
                </c:pt>
                <c:pt idx="2717">
                  <c:v>45043</c:v>
                </c:pt>
                <c:pt idx="2718">
                  <c:v>45050</c:v>
                </c:pt>
                <c:pt idx="2719">
                  <c:v>45057</c:v>
                </c:pt>
                <c:pt idx="2720">
                  <c:v>45064</c:v>
                </c:pt>
                <c:pt idx="2721">
                  <c:v>45071</c:v>
                </c:pt>
                <c:pt idx="2722">
                  <c:v>45078</c:v>
                </c:pt>
                <c:pt idx="2723">
                  <c:v>45085</c:v>
                </c:pt>
                <c:pt idx="2724">
                  <c:v>45092</c:v>
                </c:pt>
                <c:pt idx="2725">
                  <c:v>45099</c:v>
                </c:pt>
                <c:pt idx="2726">
                  <c:v>45106</c:v>
                </c:pt>
                <c:pt idx="2727">
                  <c:v>45113</c:v>
                </c:pt>
                <c:pt idx="2728">
                  <c:v>45120</c:v>
                </c:pt>
                <c:pt idx="2729">
                  <c:v>45127</c:v>
                </c:pt>
                <c:pt idx="2730">
                  <c:v>45134</c:v>
                </c:pt>
                <c:pt idx="2731">
                  <c:v>45141</c:v>
                </c:pt>
                <c:pt idx="2732">
                  <c:v>45148</c:v>
                </c:pt>
                <c:pt idx="2733">
                  <c:v>45155</c:v>
                </c:pt>
                <c:pt idx="2734">
                  <c:v>45162</c:v>
                </c:pt>
                <c:pt idx="2735">
                  <c:v>45169</c:v>
                </c:pt>
                <c:pt idx="2736">
                  <c:v>45176</c:v>
                </c:pt>
                <c:pt idx="2737">
                  <c:v>45183</c:v>
                </c:pt>
                <c:pt idx="2738">
                  <c:v>45190</c:v>
                </c:pt>
                <c:pt idx="2739">
                  <c:v>45197</c:v>
                </c:pt>
                <c:pt idx="2740">
                  <c:v>45204</c:v>
                </c:pt>
              </c:numCache>
            </c:numRef>
          </c:cat>
          <c:val>
            <c:numRef>
              <c:f>'[Q3.2023 Market Outlook.xlsx]Mortgage Rate'!$B$12:$B$2752</c:f>
              <c:numCache>
                <c:formatCode>0.00</c:formatCode>
                <c:ptCount val="2741"/>
                <c:pt idx="0">
                  <c:v>7.33</c:v>
                </c:pt>
                <c:pt idx="1">
                  <c:v>7.31</c:v>
                </c:pt>
                <c:pt idx="2">
                  <c:v>7.31</c:v>
                </c:pt>
                <c:pt idx="3">
                  <c:v>7.31</c:v>
                </c:pt>
                <c:pt idx="4">
                  <c:v>7.29</c:v>
                </c:pt>
                <c:pt idx="5">
                  <c:v>7.38</c:v>
                </c:pt>
                <c:pt idx="6">
                  <c:v>7.42</c:v>
                </c:pt>
                <c:pt idx="7">
                  <c:v>7.44</c:v>
                </c:pt>
                <c:pt idx="8">
                  <c:v>7.46</c:v>
                </c:pt>
                <c:pt idx="9">
                  <c:v>7.52</c:v>
                </c:pt>
                <c:pt idx="10">
                  <c:v>7.52</c:v>
                </c:pt>
                <c:pt idx="11">
                  <c:v>7.54</c:v>
                </c:pt>
                <c:pt idx="12">
                  <c:v>7.54</c:v>
                </c:pt>
                <c:pt idx="13">
                  <c:v>7.54</c:v>
                </c:pt>
                <c:pt idx="14">
                  <c:v>7.54</c:v>
                </c:pt>
                <c:pt idx="15">
                  <c:v>7.6</c:v>
                </c:pt>
                <c:pt idx="16">
                  <c:v>7.65</c:v>
                </c:pt>
                <c:pt idx="17">
                  <c:v>7.69</c:v>
                </c:pt>
                <c:pt idx="18">
                  <c:v>7.66</c:v>
                </c:pt>
                <c:pt idx="19">
                  <c:v>7.73</c:v>
                </c:pt>
                <c:pt idx="20">
                  <c:v>7.71</c:v>
                </c:pt>
                <c:pt idx="21">
                  <c:v>7.69</c:v>
                </c:pt>
                <c:pt idx="22">
                  <c:v>7.71</c:v>
                </c:pt>
                <c:pt idx="23">
                  <c:v>7.67</c:v>
                </c:pt>
                <c:pt idx="24">
                  <c:v>7.7</c:v>
                </c:pt>
                <c:pt idx="25">
                  <c:v>7.67</c:v>
                </c:pt>
                <c:pt idx="26">
                  <c:v>7.67</c:v>
                </c:pt>
                <c:pt idx="27">
                  <c:v>7.63</c:v>
                </c:pt>
                <c:pt idx="28">
                  <c:v>7.63</c:v>
                </c:pt>
                <c:pt idx="29">
                  <c:v>7.58</c:v>
                </c:pt>
                <c:pt idx="30">
                  <c:v>7.63</c:v>
                </c:pt>
                <c:pt idx="31">
                  <c:v>7.59</c:v>
                </c:pt>
                <c:pt idx="32">
                  <c:v>7.56</c:v>
                </c:pt>
                <c:pt idx="33">
                  <c:v>7.54</c:v>
                </c:pt>
                <c:pt idx="34">
                  <c:v>7.51</c:v>
                </c:pt>
                <c:pt idx="35">
                  <c:v>7.49</c:v>
                </c:pt>
                <c:pt idx="36">
                  <c:v>7.47</c:v>
                </c:pt>
                <c:pt idx="37">
                  <c:v>7.48</c:v>
                </c:pt>
                <c:pt idx="38">
                  <c:v>7.48</c:v>
                </c:pt>
                <c:pt idx="39">
                  <c:v>7.48</c:v>
                </c:pt>
                <c:pt idx="40">
                  <c:v>7.46</c:v>
                </c:pt>
                <c:pt idx="41">
                  <c:v>7.46</c:v>
                </c:pt>
                <c:pt idx="42">
                  <c:v>7.43</c:v>
                </c:pt>
                <c:pt idx="43">
                  <c:v>7.4</c:v>
                </c:pt>
                <c:pt idx="44">
                  <c:v>7.35</c:v>
                </c:pt>
                <c:pt idx="45">
                  <c:v>7.33</c:v>
                </c:pt>
                <c:pt idx="46">
                  <c:v>7.31</c:v>
                </c:pt>
                <c:pt idx="47">
                  <c:v>7.31</c:v>
                </c:pt>
                <c:pt idx="48">
                  <c:v>7.32</c:v>
                </c:pt>
                <c:pt idx="49">
                  <c:v>7.32</c:v>
                </c:pt>
                <c:pt idx="50">
                  <c:v>7.31</c:v>
                </c:pt>
                <c:pt idx="51">
                  <c:v>7.31</c:v>
                </c:pt>
                <c:pt idx="52">
                  <c:v>7.23</c:v>
                </c:pt>
                <c:pt idx="53">
                  <c:v>7.25</c:v>
                </c:pt>
                <c:pt idx="54">
                  <c:v>7.29</c:v>
                </c:pt>
                <c:pt idx="55">
                  <c:v>7.29</c:v>
                </c:pt>
                <c:pt idx="56">
                  <c:v>7.33</c:v>
                </c:pt>
                <c:pt idx="57">
                  <c:v>7.33</c:v>
                </c:pt>
                <c:pt idx="58">
                  <c:v>7.38</c:v>
                </c:pt>
                <c:pt idx="59">
                  <c:v>7.38</c:v>
                </c:pt>
                <c:pt idx="60">
                  <c:v>7.4</c:v>
                </c:pt>
                <c:pt idx="61">
                  <c:v>7.36</c:v>
                </c:pt>
                <c:pt idx="62">
                  <c:v>7.38</c:v>
                </c:pt>
                <c:pt idx="63">
                  <c:v>7.38</c:v>
                </c:pt>
                <c:pt idx="64">
                  <c:v>7.36</c:v>
                </c:pt>
                <c:pt idx="65">
                  <c:v>7.38</c:v>
                </c:pt>
                <c:pt idx="66">
                  <c:v>7.38</c:v>
                </c:pt>
                <c:pt idx="67">
                  <c:v>7.4</c:v>
                </c:pt>
                <c:pt idx="68">
                  <c:v>7.4</c:v>
                </c:pt>
                <c:pt idx="69">
                  <c:v>7.4</c:v>
                </c:pt>
                <c:pt idx="70">
                  <c:v>7.35</c:v>
                </c:pt>
                <c:pt idx="71">
                  <c:v>7.41</c:v>
                </c:pt>
                <c:pt idx="72">
                  <c:v>7.42</c:v>
                </c:pt>
                <c:pt idx="73">
                  <c:v>7.42</c:v>
                </c:pt>
                <c:pt idx="74">
                  <c:v>7.42</c:v>
                </c:pt>
                <c:pt idx="75">
                  <c:v>7.42</c:v>
                </c:pt>
                <c:pt idx="76">
                  <c:v>7.42</c:v>
                </c:pt>
                <c:pt idx="77">
                  <c:v>7.41</c:v>
                </c:pt>
                <c:pt idx="78">
                  <c:v>7.43</c:v>
                </c:pt>
                <c:pt idx="79">
                  <c:v>7.41</c:v>
                </c:pt>
                <c:pt idx="80">
                  <c:v>7.41</c:v>
                </c:pt>
                <c:pt idx="81">
                  <c:v>7.44</c:v>
                </c:pt>
                <c:pt idx="82">
                  <c:v>7.42</c:v>
                </c:pt>
                <c:pt idx="83">
                  <c:v>7.43</c:v>
                </c:pt>
                <c:pt idx="84">
                  <c:v>7.42</c:v>
                </c:pt>
                <c:pt idx="85">
                  <c:v>7.42</c:v>
                </c:pt>
                <c:pt idx="86">
                  <c:v>7.44</c:v>
                </c:pt>
                <c:pt idx="87">
                  <c:v>7.45</c:v>
                </c:pt>
                <c:pt idx="88">
                  <c:v>7.43</c:v>
                </c:pt>
                <c:pt idx="89">
                  <c:v>7.43</c:v>
                </c:pt>
                <c:pt idx="90">
                  <c:v>7.45</c:v>
                </c:pt>
                <c:pt idx="91">
                  <c:v>7.45</c:v>
                </c:pt>
                <c:pt idx="92">
                  <c:v>7.44</c:v>
                </c:pt>
                <c:pt idx="93">
                  <c:v>7.44</c:v>
                </c:pt>
                <c:pt idx="94">
                  <c:v>7.44</c:v>
                </c:pt>
                <c:pt idx="95">
                  <c:v>7.43</c:v>
                </c:pt>
                <c:pt idx="96">
                  <c:v>7.43</c:v>
                </c:pt>
                <c:pt idx="97">
                  <c:v>7.43</c:v>
                </c:pt>
                <c:pt idx="98">
                  <c:v>7.45</c:v>
                </c:pt>
                <c:pt idx="99">
                  <c:v>7.45</c:v>
                </c:pt>
                <c:pt idx="100">
                  <c:v>7.45</c:v>
                </c:pt>
                <c:pt idx="101">
                  <c:v>7.45</c:v>
                </c:pt>
                <c:pt idx="102">
                  <c:v>7.45</c:v>
                </c:pt>
                <c:pt idx="103">
                  <c:v>7.45</c:v>
                </c:pt>
                <c:pt idx="104">
                  <c:v>7.49</c:v>
                </c:pt>
                <c:pt idx="105">
                  <c:v>7.51</c:v>
                </c:pt>
                <c:pt idx="106">
                  <c:v>7.54</c:v>
                </c:pt>
                <c:pt idx="107">
                  <c:v>7.56</c:v>
                </c:pt>
                <c:pt idx="108">
                  <c:v>7.56</c:v>
                </c:pt>
                <c:pt idx="109">
                  <c:v>7.58</c:v>
                </c:pt>
                <c:pt idx="110">
                  <c:v>7.64</c:v>
                </c:pt>
                <c:pt idx="111">
                  <c:v>7.69</c:v>
                </c:pt>
                <c:pt idx="112">
                  <c:v>7.7</c:v>
                </c:pt>
                <c:pt idx="113">
                  <c:v>7.7</c:v>
                </c:pt>
                <c:pt idx="114">
                  <c:v>7.73</c:v>
                </c:pt>
                <c:pt idx="115">
                  <c:v>7.73</c:v>
                </c:pt>
                <c:pt idx="116">
                  <c:v>7.75</c:v>
                </c:pt>
                <c:pt idx="117">
                  <c:v>7.76</c:v>
                </c:pt>
                <c:pt idx="118">
                  <c:v>7.89</c:v>
                </c:pt>
                <c:pt idx="119">
                  <c:v>8.01</c:v>
                </c:pt>
                <c:pt idx="120">
                  <c:v>8.1199999999999992</c:v>
                </c:pt>
                <c:pt idx="121">
                  <c:v>8.18</c:v>
                </c:pt>
                <c:pt idx="122">
                  <c:v>8.26</c:v>
                </c:pt>
                <c:pt idx="123">
                  <c:v>8.4</c:v>
                </c:pt>
                <c:pt idx="124">
                  <c:v>8.5500000000000007</c:v>
                </c:pt>
                <c:pt idx="125">
                  <c:v>8.61</c:v>
                </c:pt>
                <c:pt idx="126">
                  <c:v>8.66</c:v>
                </c:pt>
                <c:pt idx="127">
                  <c:v>8.77</c:v>
                </c:pt>
                <c:pt idx="128">
                  <c:v>8.81</c:v>
                </c:pt>
                <c:pt idx="129">
                  <c:v>8.83</c:v>
                </c:pt>
                <c:pt idx="130">
                  <c:v>8.85</c:v>
                </c:pt>
                <c:pt idx="131">
                  <c:v>8.82</c:v>
                </c:pt>
                <c:pt idx="132">
                  <c:v>8.83</c:v>
                </c:pt>
                <c:pt idx="133">
                  <c:v>8.75</c:v>
                </c:pt>
                <c:pt idx="134">
                  <c:v>8.68</c:v>
                </c:pt>
                <c:pt idx="135">
                  <c:v>8.6199999999999992</c:v>
                </c:pt>
                <c:pt idx="136">
                  <c:v>8.59</c:v>
                </c:pt>
                <c:pt idx="137">
                  <c:v>8.58</c:v>
                </c:pt>
                <c:pt idx="138">
                  <c:v>8.57</c:v>
                </c:pt>
                <c:pt idx="139">
                  <c:v>8.5500000000000007</c:v>
                </c:pt>
                <c:pt idx="140">
                  <c:v>8.5299999999999994</c:v>
                </c:pt>
                <c:pt idx="141">
                  <c:v>8.5299999999999994</c:v>
                </c:pt>
                <c:pt idx="142">
                  <c:v>8.5299999999999994</c:v>
                </c:pt>
                <c:pt idx="143">
                  <c:v>8.56</c:v>
                </c:pt>
                <c:pt idx="144">
                  <c:v>8.56</c:v>
                </c:pt>
                <c:pt idx="145">
                  <c:v>8.5299999999999994</c:v>
                </c:pt>
                <c:pt idx="146">
                  <c:v>8.5500000000000007</c:v>
                </c:pt>
                <c:pt idx="147">
                  <c:v>8.52</c:v>
                </c:pt>
                <c:pt idx="148">
                  <c:v>8.48</c:v>
                </c:pt>
                <c:pt idx="149">
                  <c:v>8.4600000000000009</c:v>
                </c:pt>
                <c:pt idx="150">
                  <c:v>8.4600000000000009</c:v>
                </c:pt>
                <c:pt idx="151">
                  <c:v>8.42</c:v>
                </c:pt>
                <c:pt idx="152">
                  <c:v>8.41</c:v>
                </c:pt>
                <c:pt idx="153">
                  <c:v>8.41</c:v>
                </c:pt>
                <c:pt idx="154">
                  <c:v>8.4</c:v>
                </c:pt>
                <c:pt idx="155">
                  <c:v>8.4</c:v>
                </c:pt>
                <c:pt idx="156">
                  <c:v>8.41</c:v>
                </c:pt>
                <c:pt idx="157">
                  <c:v>8.44</c:v>
                </c:pt>
                <c:pt idx="158">
                  <c:v>8.5299999999999994</c:v>
                </c:pt>
                <c:pt idx="159">
                  <c:v>8.6300000000000008</c:v>
                </c:pt>
                <c:pt idx="160">
                  <c:v>8.73</c:v>
                </c:pt>
                <c:pt idx="161">
                  <c:v>8.8699999999999992</c:v>
                </c:pt>
                <c:pt idx="162">
                  <c:v>8.98</c:v>
                </c:pt>
                <c:pt idx="163">
                  <c:v>8.9700000000000006</c:v>
                </c:pt>
                <c:pt idx="164">
                  <c:v>9.01</c:v>
                </c:pt>
                <c:pt idx="165">
                  <c:v>9.0299999999999994</c:v>
                </c:pt>
                <c:pt idx="166">
                  <c:v>9.06</c:v>
                </c:pt>
                <c:pt idx="167">
                  <c:v>9.11</c:v>
                </c:pt>
                <c:pt idx="168">
                  <c:v>9.07</c:v>
                </c:pt>
                <c:pt idx="169">
                  <c:v>9.1</c:v>
                </c:pt>
                <c:pt idx="170">
                  <c:v>9.14</c:v>
                </c:pt>
                <c:pt idx="171">
                  <c:v>9.19</c:v>
                </c:pt>
                <c:pt idx="172">
                  <c:v>9.3699999999999992</c:v>
                </c:pt>
                <c:pt idx="173">
                  <c:v>9.42</c:v>
                </c:pt>
                <c:pt idx="174">
                  <c:v>9.4700000000000006</c:v>
                </c:pt>
                <c:pt idx="175">
                  <c:v>9.5</c:v>
                </c:pt>
                <c:pt idx="176">
                  <c:v>9.6</c:v>
                </c:pt>
                <c:pt idx="177">
                  <c:v>9.6199999999999992</c:v>
                </c:pt>
                <c:pt idx="178">
                  <c:v>9.74</c:v>
                </c:pt>
                <c:pt idx="179">
                  <c:v>9.8800000000000008</c:v>
                </c:pt>
                <c:pt idx="180">
                  <c:v>9.92</c:v>
                </c:pt>
                <c:pt idx="181">
                  <c:v>10</c:v>
                </c:pt>
                <c:pt idx="182">
                  <c:v>10.029999999999999</c:v>
                </c:pt>
                <c:pt idx="183">
                  <c:v>10.02</c:v>
                </c:pt>
                <c:pt idx="184">
                  <c:v>9.9600000000000009</c:v>
                </c:pt>
                <c:pt idx="185">
                  <c:v>9.99</c:v>
                </c:pt>
                <c:pt idx="186">
                  <c:v>9.94</c:v>
                </c:pt>
                <c:pt idx="187">
                  <c:v>9.8699999999999992</c:v>
                </c:pt>
                <c:pt idx="188">
                  <c:v>9.81</c:v>
                </c:pt>
                <c:pt idx="189">
                  <c:v>9.81</c:v>
                </c:pt>
                <c:pt idx="190">
                  <c:v>9.73</c:v>
                </c:pt>
                <c:pt idx="191">
                  <c:v>9.7200000000000006</c:v>
                </c:pt>
                <c:pt idx="192">
                  <c:v>9.69</c:v>
                </c:pt>
                <c:pt idx="193">
                  <c:v>9.6300000000000008</c:v>
                </c:pt>
                <c:pt idx="194">
                  <c:v>9.58</c:v>
                </c:pt>
                <c:pt idx="195">
                  <c:v>9.56</c:v>
                </c:pt>
                <c:pt idx="196">
                  <c:v>9.6</c:v>
                </c:pt>
                <c:pt idx="197">
                  <c:v>9.49</c:v>
                </c:pt>
                <c:pt idx="198">
                  <c:v>9.43</c:v>
                </c:pt>
                <c:pt idx="199">
                  <c:v>9.35</c:v>
                </c:pt>
                <c:pt idx="200">
                  <c:v>9.2899999999999991</c:v>
                </c:pt>
                <c:pt idx="201">
                  <c:v>9.1999999999999993</c:v>
                </c:pt>
                <c:pt idx="202">
                  <c:v>9.1300000000000008</c:v>
                </c:pt>
                <c:pt idx="203">
                  <c:v>9.07</c:v>
                </c:pt>
                <c:pt idx="204">
                  <c:v>9.02</c:v>
                </c:pt>
                <c:pt idx="205">
                  <c:v>9</c:v>
                </c:pt>
                <c:pt idx="206">
                  <c:v>8.89</c:v>
                </c:pt>
                <c:pt idx="207">
                  <c:v>8.86</c:v>
                </c:pt>
                <c:pt idx="208">
                  <c:v>8.86</c:v>
                </c:pt>
                <c:pt idx="209">
                  <c:v>8.83</c:v>
                </c:pt>
                <c:pt idx="210">
                  <c:v>8.81</c:v>
                </c:pt>
                <c:pt idx="211">
                  <c:v>8.8000000000000007</c:v>
                </c:pt>
                <c:pt idx="212">
                  <c:v>8.84</c:v>
                </c:pt>
                <c:pt idx="213">
                  <c:v>8.92</c:v>
                </c:pt>
                <c:pt idx="214">
                  <c:v>8.8800000000000008</c:v>
                </c:pt>
                <c:pt idx="215">
                  <c:v>8.92</c:v>
                </c:pt>
                <c:pt idx="216">
                  <c:v>8.92</c:v>
                </c:pt>
                <c:pt idx="217">
                  <c:v>8.89</c:v>
                </c:pt>
                <c:pt idx="218">
                  <c:v>8.89</c:v>
                </c:pt>
                <c:pt idx="219">
                  <c:v>8.9</c:v>
                </c:pt>
                <c:pt idx="220">
                  <c:v>8.8800000000000008</c:v>
                </c:pt>
                <c:pt idx="221">
                  <c:v>8.9</c:v>
                </c:pt>
                <c:pt idx="222">
                  <c:v>8.8800000000000008</c:v>
                </c:pt>
                <c:pt idx="223">
                  <c:v>8.9</c:v>
                </c:pt>
                <c:pt idx="224">
                  <c:v>8.89</c:v>
                </c:pt>
                <c:pt idx="225">
                  <c:v>8.89</c:v>
                </c:pt>
                <c:pt idx="226">
                  <c:v>8.89</c:v>
                </c:pt>
                <c:pt idx="227">
                  <c:v>8.89</c:v>
                </c:pt>
                <c:pt idx="228">
                  <c:v>8.93</c:v>
                </c:pt>
                <c:pt idx="229">
                  <c:v>8.98</c:v>
                </c:pt>
                <c:pt idx="230">
                  <c:v>9.02</c:v>
                </c:pt>
                <c:pt idx="231">
                  <c:v>9.08</c:v>
                </c:pt>
                <c:pt idx="232">
                  <c:v>9.16</c:v>
                </c:pt>
                <c:pt idx="233">
                  <c:v>9.14</c:v>
                </c:pt>
                <c:pt idx="234">
                  <c:v>9.14</c:v>
                </c:pt>
                <c:pt idx="235">
                  <c:v>9.1999999999999993</c:v>
                </c:pt>
                <c:pt idx="236">
                  <c:v>9.2100000000000009</c:v>
                </c:pt>
                <c:pt idx="237">
                  <c:v>9.2100000000000009</c:v>
                </c:pt>
                <c:pt idx="238">
                  <c:v>9.26</c:v>
                </c:pt>
                <c:pt idx="239">
                  <c:v>9.24</c:v>
                </c:pt>
                <c:pt idx="240">
                  <c:v>9.19</c:v>
                </c:pt>
                <c:pt idx="241">
                  <c:v>9.16</c:v>
                </c:pt>
                <c:pt idx="242">
                  <c:v>9.1199999999999992</c:v>
                </c:pt>
                <c:pt idx="243">
                  <c:v>9.11</c:v>
                </c:pt>
                <c:pt idx="244">
                  <c:v>9.11</c:v>
                </c:pt>
                <c:pt idx="245">
                  <c:v>9.11</c:v>
                </c:pt>
                <c:pt idx="246">
                  <c:v>9.08</c:v>
                </c:pt>
                <c:pt idx="247">
                  <c:v>9.09</c:v>
                </c:pt>
                <c:pt idx="248">
                  <c:v>9.1</c:v>
                </c:pt>
                <c:pt idx="249">
                  <c:v>9.07</c:v>
                </c:pt>
                <c:pt idx="250">
                  <c:v>9.01</c:v>
                </c:pt>
                <c:pt idx="251">
                  <c:v>9</c:v>
                </c:pt>
                <c:pt idx="252">
                  <c:v>8.9</c:v>
                </c:pt>
                <c:pt idx="253">
                  <c:v>8.86</c:v>
                </c:pt>
                <c:pt idx="254">
                  <c:v>8.83</c:v>
                </c:pt>
                <c:pt idx="255">
                  <c:v>8.81</c:v>
                </c:pt>
                <c:pt idx="256">
                  <c:v>8.75</c:v>
                </c:pt>
                <c:pt idx="257">
                  <c:v>8.77</c:v>
                </c:pt>
                <c:pt idx="258">
                  <c:v>8.75</c:v>
                </c:pt>
                <c:pt idx="259">
                  <c:v>8.75</c:v>
                </c:pt>
                <c:pt idx="260">
                  <c:v>8.75</c:v>
                </c:pt>
                <c:pt idx="261">
                  <c:v>8.6999999999999993</c:v>
                </c:pt>
                <c:pt idx="262">
                  <c:v>8.6999999999999993</c:v>
                </c:pt>
                <c:pt idx="263">
                  <c:v>8.75</c:v>
                </c:pt>
                <c:pt idx="264">
                  <c:v>8.75</c:v>
                </c:pt>
                <c:pt idx="265">
                  <c:v>8.75</c:v>
                </c:pt>
                <c:pt idx="266">
                  <c:v>8.75</c:v>
                </c:pt>
                <c:pt idx="267">
                  <c:v>8.75</c:v>
                </c:pt>
                <c:pt idx="268">
                  <c:v>8.7799999999999994</c:v>
                </c:pt>
                <c:pt idx="269">
                  <c:v>8.7799999999999994</c:v>
                </c:pt>
                <c:pt idx="270">
                  <c:v>8.7799999999999994</c:v>
                </c:pt>
                <c:pt idx="271">
                  <c:v>8.83</c:v>
                </c:pt>
                <c:pt idx="272">
                  <c:v>8.8800000000000008</c:v>
                </c:pt>
                <c:pt idx="273">
                  <c:v>8.9</c:v>
                </c:pt>
                <c:pt idx="274">
                  <c:v>8.93</c:v>
                </c:pt>
                <c:pt idx="275">
                  <c:v>8.93</c:v>
                </c:pt>
                <c:pt idx="276">
                  <c:v>8.93</c:v>
                </c:pt>
                <c:pt idx="277">
                  <c:v>8.9</c:v>
                </c:pt>
                <c:pt idx="278">
                  <c:v>8.98</c:v>
                </c:pt>
                <c:pt idx="279">
                  <c:v>9</c:v>
                </c:pt>
                <c:pt idx="280">
                  <c:v>9</c:v>
                </c:pt>
                <c:pt idx="281">
                  <c:v>9</c:v>
                </c:pt>
                <c:pt idx="282">
                  <c:v>9</c:v>
                </c:pt>
                <c:pt idx="283">
                  <c:v>9</c:v>
                </c:pt>
                <c:pt idx="284">
                  <c:v>8.9700000000000006</c:v>
                </c:pt>
                <c:pt idx="285">
                  <c:v>8.9700000000000006</c:v>
                </c:pt>
                <c:pt idx="286">
                  <c:v>8.9700000000000006</c:v>
                </c:pt>
                <c:pt idx="287">
                  <c:v>8.9</c:v>
                </c:pt>
                <c:pt idx="288">
                  <c:v>8.9499999999999993</c:v>
                </c:pt>
                <c:pt idx="289">
                  <c:v>8.9499999999999993</c:v>
                </c:pt>
                <c:pt idx="290">
                  <c:v>8.9499999999999993</c:v>
                </c:pt>
                <c:pt idx="291">
                  <c:v>8.9</c:v>
                </c:pt>
                <c:pt idx="292">
                  <c:v>8.85</c:v>
                </c:pt>
                <c:pt idx="293">
                  <c:v>8.8000000000000007</c:v>
                </c:pt>
                <c:pt idx="294">
                  <c:v>8.8000000000000007</c:v>
                </c:pt>
                <c:pt idx="295">
                  <c:v>8.8000000000000007</c:v>
                </c:pt>
                <c:pt idx="296">
                  <c:v>8.8000000000000007</c:v>
                </c:pt>
                <c:pt idx="297">
                  <c:v>8.8000000000000007</c:v>
                </c:pt>
                <c:pt idx="298">
                  <c:v>8.8000000000000007</c:v>
                </c:pt>
                <c:pt idx="299">
                  <c:v>8.7799999999999994</c:v>
                </c:pt>
                <c:pt idx="300">
                  <c:v>8.7799999999999994</c:v>
                </c:pt>
                <c:pt idx="301">
                  <c:v>8.6999999999999993</c:v>
                </c:pt>
                <c:pt idx="302">
                  <c:v>8.73</c:v>
                </c:pt>
                <c:pt idx="303">
                  <c:v>8.73</c:v>
                </c:pt>
                <c:pt idx="304">
                  <c:v>8.73</c:v>
                </c:pt>
                <c:pt idx="305">
                  <c:v>8.68</c:v>
                </c:pt>
                <c:pt idx="306">
                  <c:v>8.6999999999999993</c:v>
                </c:pt>
                <c:pt idx="307">
                  <c:v>8.65</c:v>
                </c:pt>
                <c:pt idx="308">
                  <c:v>8.65</c:v>
                </c:pt>
                <c:pt idx="309">
                  <c:v>8.65</c:v>
                </c:pt>
                <c:pt idx="310">
                  <c:v>8.6999999999999993</c:v>
                </c:pt>
                <c:pt idx="311">
                  <c:v>8.6999999999999993</c:v>
                </c:pt>
                <c:pt idx="312">
                  <c:v>8.6999999999999993</c:v>
                </c:pt>
                <c:pt idx="313">
                  <c:v>8.6999999999999993</c:v>
                </c:pt>
                <c:pt idx="314">
                  <c:v>8.75</c:v>
                </c:pt>
                <c:pt idx="315">
                  <c:v>8.75</c:v>
                </c:pt>
                <c:pt idx="316">
                  <c:v>8.7799999999999994</c:v>
                </c:pt>
                <c:pt idx="317">
                  <c:v>8.7799999999999994</c:v>
                </c:pt>
                <c:pt idx="318">
                  <c:v>8.7799999999999994</c:v>
                </c:pt>
                <c:pt idx="319">
                  <c:v>8.83</c:v>
                </c:pt>
                <c:pt idx="320">
                  <c:v>8.85</c:v>
                </c:pt>
                <c:pt idx="321">
                  <c:v>8.85</c:v>
                </c:pt>
                <c:pt idx="322">
                  <c:v>8.85</c:v>
                </c:pt>
                <c:pt idx="323">
                  <c:v>8.85</c:v>
                </c:pt>
                <c:pt idx="324">
                  <c:v>8.85</c:v>
                </c:pt>
                <c:pt idx="325">
                  <c:v>8.8800000000000008</c:v>
                </c:pt>
                <c:pt idx="326">
                  <c:v>8.9499999999999993</c:v>
                </c:pt>
                <c:pt idx="327">
                  <c:v>8.93</c:v>
                </c:pt>
                <c:pt idx="328">
                  <c:v>8.9499999999999993</c:v>
                </c:pt>
                <c:pt idx="329">
                  <c:v>8.9499999999999993</c:v>
                </c:pt>
                <c:pt idx="330">
                  <c:v>8.93</c:v>
                </c:pt>
                <c:pt idx="331">
                  <c:v>8.9499999999999993</c:v>
                </c:pt>
                <c:pt idx="332">
                  <c:v>8.9499999999999993</c:v>
                </c:pt>
                <c:pt idx="333">
                  <c:v>8.93</c:v>
                </c:pt>
                <c:pt idx="334">
                  <c:v>8.93</c:v>
                </c:pt>
                <c:pt idx="335">
                  <c:v>8.8800000000000008</c:v>
                </c:pt>
                <c:pt idx="336">
                  <c:v>8.9</c:v>
                </c:pt>
                <c:pt idx="337">
                  <c:v>8.9</c:v>
                </c:pt>
                <c:pt idx="338">
                  <c:v>8.9</c:v>
                </c:pt>
                <c:pt idx="339">
                  <c:v>8.9</c:v>
                </c:pt>
                <c:pt idx="340">
                  <c:v>8.93</c:v>
                </c:pt>
                <c:pt idx="341">
                  <c:v>8.93</c:v>
                </c:pt>
                <c:pt idx="342">
                  <c:v>8.93</c:v>
                </c:pt>
                <c:pt idx="343">
                  <c:v>8.9</c:v>
                </c:pt>
                <c:pt idx="344">
                  <c:v>8.9</c:v>
                </c:pt>
                <c:pt idx="345">
                  <c:v>8.93</c:v>
                </c:pt>
                <c:pt idx="346">
                  <c:v>8.93</c:v>
                </c:pt>
                <c:pt idx="347">
                  <c:v>8.93</c:v>
                </c:pt>
                <c:pt idx="348">
                  <c:v>8.9499999999999993</c:v>
                </c:pt>
                <c:pt idx="349">
                  <c:v>8.9499999999999993</c:v>
                </c:pt>
                <c:pt idx="350">
                  <c:v>8.9499999999999993</c:v>
                </c:pt>
                <c:pt idx="351">
                  <c:v>8.9499999999999993</c:v>
                </c:pt>
                <c:pt idx="352">
                  <c:v>9</c:v>
                </c:pt>
                <c:pt idx="353">
                  <c:v>9</c:v>
                </c:pt>
                <c:pt idx="354">
                  <c:v>9.0299999999999994</c:v>
                </c:pt>
                <c:pt idx="355">
                  <c:v>8.98</c:v>
                </c:pt>
                <c:pt idx="356">
                  <c:v>9.0500000000000007</c:v>
                </c:pt>
                <c:pt idx="357">
                  <c:v>9.1300000000000008</c:v>
                </c:pt>
                <c:pt idx="358">
                  <c:v>9.15</c:v>
                </c:pt>
                <c:pt idx="359">
                  <c:v>9.15</c:v>
                </c:pt>
                <c:pt idx="360">
                  <c:v>9.15</c:v>
                </c:pt>
                <c:pt idx="361">
                  <c:v>9.15</c:v>
                </c:pt>
                <c:pt idx="362">
                  <c:v>9.15</c:v>
                </c:pt>
                <c:pt idx="363">
                  <c:v>9.23</c:v>
                </c:pt>
                <c:pt idx="364">
                  <c:v>9.23</c:v>
                </c:pt>
                <c:pt idx="365">
                  <c:v>9.25</c:v>
                </c:pt>
                <c:pt idx="366">
                  <c:v>9.2799999999999994</c:v>
                </c:pt>
                <c:pt idx="367">
                  <c:v>9.33</c:v>
                </c:pt>
                <c:pt idx="368">
                  <c:v>9.3800000000000008</c:v>
                </c:pt>
                <c:pt idx="369">
                  <c:v>9.43</c:v>
                </c:pt>
                <c:pt idx="370">
                  <c:v>9.48</c:v>
                </c:pt>
                <c:pt idx="371">
                  <c:v>9.5500000000000007</c:v>
                </c:pt>
                <c:pt idx="372">
                  <c:v>9.58</c:v>
                </c:pt>
                <c:pt idx="373">
                  <c:v>9.68</c:v>
                </c:pt>
                <c:pt idx="374">
                  <c:v>9.68</c:v>
                </c:pt>
                <c:pt idx="375">
                  <c:v>9.6999999999999993</c:v>
                </c:pt>
                <c:pt idx="376">
                  <c:v>9.73</c:v>
                </c:pt>
                <c:pt idx="377">
                  <c:v>9.6999999999999993</c:v>
                </c:pt>
                <c:pt idx="378">
                  <c:v>9.73</c:v>
                </c:pt>
                <c:pt idx="379">
                  <c:v>9.73</c:v>
                </c:pt>
                <c:pt idx="380">
                  <c:v>9.73</c:v>
                </c:pt>
                <c:pt idx="381">
                  <c:v>9.75</c:v>
                </c:pt>
                <c:pt idx="382">
                  <c:v>9.75</c:v>
                </c:pt>
                <c:pt idx="383">
                  <c:v>9.7799999999999994</c:v>
                </c:pt>
                <c:pt idx="384">
                  <c:v>9.7799999999999994</c:v>
                </c:pt>
                <c:pt idx="385">
                  <c:v>9.7799999999999994</c:v>
                </c:pt>
                <c:pt idx="386">
                  <c:v>9.8000000000000007</c:v>
                </c:pt>
                <c:pt idx="387">
                  <c:v>9.75</c:v>
                </c:pt>
                <c:pt idx="388">
                  <c:v>9.75</c:v>
                </c:pt>
                <c:pt idx="389">
                  <c:v>9.75</c:v>
                </c:pt>
                <c:pt idx="390">
                  <c:v>9.75</c:v>
                </c:pt>
                <c:pt idx="391">
                  <c:v>9.7799999999999994</c:v>
                </c:pt>
                <c:pt idx="392">
                  <c:v>9.85</c:v>
                </c:pt>
                <c:pt idx="393">
                  <c:v>9.85</c:v>
                </c:pt>
                <c:pt idx="394">
                  <c:v>9.85</c:v>
                </c:pt>
                <c:pt idx="395">
                  <c:v>9.8800000000000008</c:v>
                </c:pt>
                <c:pt idx="396">
                  <c:v>9.9</c:v>
                </c:pt>
                <c:pt idx="397">
                  <c:v>10.050000000000001</c:v>
                </c:pt>
                <c:pt idx="398">
                  <c:v>10.199999999999999</c:v>
                </c:pt>
                <c:pt idx="399">
                  <c:v>10.28</c:v>
                </c:pt>
                <c:pt idx="400">
                  <c:v>10.3</c:v>
                </c:pt>
                <c:pt idx="401">
                  <c:v>10.35</c:v>
                </c:pt>
                <c:pt idx="402">
                  <c:v>10.35</c:v>
                </c:pt>
                <c:pt idx="403">
                  <c:v>10.35</c:v>
                </c:pt>
                <c:pt idx="404">
                  <c:v>10.38</c:v>
                </c:pt>
                <c:pt idx="405">
                  <c:v>10.38</c:v>
                </c:pt>
                <c:pt idx="406">
                  <c:v>10.38</c:v>
                </c:pt>
                <c:pt idx="407">
                  <c:v>10.4</c:v>
                </c:pt>
                <c:pt idx="408">
                  <c:v>10.4</c:v>
                </c:pt>
                <c:pt idx="409">
                  <c:v>10.4</c:v>
                </c:pt>
                <c:pt idx="410">
                  <c:v>10.43</c:v>
                </c:pt>
                <c:pt idx="411">
                  <c:v>10.4</c:v>
                </c:pt>
                <c:pt idx="412">
                  <c:v>10.4</c:v>
                </c:pt>
                <c:pt idx="413">
                  <c:v>10.43</c:v>
                </c:pt>
                <c:pt idx="414">
                  <c:v>10.4</c:v>
                </c:pt>
                <c:pt idx="415">
                  <c:v>10.4</c:v>
                </c:pt>
                <c:pt idx="416">
                  <c:v>10.45</c:v>
                </c:pt>
                <c:pt idx="417">
                  <c:v>10.45</c:v>
                </c:pt>
                <c:pt idx="418">
                  <c:v>10.48</c:v>
                </c:pt>
                <c:pt idx="419">
                  <c:v>10.48</c:v>
                </c:pt>
                <c:pt idx="420">
                  <c:v>10.5</c:v>
                </c:pt>
                <c:pt idx="421">
                  <c:v>10.53</c:v>
                </c:pt>
                <c:pt idx="422">
                  <c:v>10.6</c:v>
                </c:pt>
                <c:pt idx="423">
                  <c:v>10.68</c:v>
                </c:pt>
                <c:pt idx="424">
                  <c:v>10.73</c:v>
                </c:pt>
                <c:pt idx="425">
                  <c:v>10.75</c:v>
                </c:pt>
                <c:pt idx="426">
                  <c:v>10.9</c:v>
                </c:pt>
                <c:pt idx="427">
                  <c:v>11.03</c:v>
                </c:pt>
                <c:pt idx="428">
                  <c:v>11.05</c:v>
                </c:pt>
                <c:pt idx="429">
                  <c:v>11.1</c:v>
                </c:pt>
                <c:pt idx="430">
                  <c:v>11.1</c:v>
                </c:pt>
                <c:pt idx="431">
                  <c:v>11.13</c:v>
                </c:pt>
                <c:pt idx="432">
                  <c:v>11.08</c:v>
                </c:pt>
                <c:pt idx="433">
                  <c:v>11.08</c:v>
                </c:pt>
                <c:pt idx="434">
                  <c:v>11.08</c:v>
                </c:pt>
                <c:pt idx="435">
                  <c:v>11.08</c:v>
                </c:pt>
                <c:pt idx="436">
                  <c:v>11.08</c:v>
                </c:pt>
                <c:pt idx="437">
                  <c:v>11.08</c:v>
                </c:pt>
                <c:pt idx="438">
                  <c:v>11.1</c:v>
                </c:pt>
                <c:pt idx="439">
                  <c:v>11.13</c:v>
                </c:pt>
                <c:pt idx="440">
                  <c:v>11.2</c:v>
                </c:pt>
                <c:pt idx="441">
                  <c:v>11.3</c:v>
                </c:pt>
                <c:pt idx="442">
                  <c:v>11.35</c:v>
                </c:pt>
                <c:pt idx="443">
                  <c:v>11.35</c:v>
                </c:pt>
                <c:pt idx="444">
                  <c:v>11.35</c:v>
                </c:pt>
                <c:pt idx="445">
                  <c:v>11.45</c:v>
                </c:pt>
                <c:pt idx="446">
                  <c:v>11.75</c:v>
                </c:pt>
                <c:pt idx="447">
                  <c:v>12</c:v>
                </c:pt>
                <c:pt idx="448">
                  <c:v>12.8</c:v>
                </c:pt>
                <c:pt idx="449">
                  <c:v>12.85</c:v>
                </c:pt>
                <c:pt idx="450">
                  <c:v>12.8</c:v>
                </c:pt>
                <c:pt idx="451">
                  <c:v>12.8</c:v>
                </c:pt>
                <c:pt idx="452">
                  <c:v>12.9</c:v>
                </c:pt>
                <c:pt idx="453">
                  <c:v>12.9</c:v>
                </c:pt>
                <c:pt idx="454">
                  <c:v>12.9</c:v>
                </c:pt>
                <c:pt idx="455">
                  <c:v>12.9</c:v>
                </c:pt>
                <c:pt idx="456">
                  <c:v>12.9</c:v>
                </c:pt>
                <c:pt idx="457">
                  <c:v>12.85</c:v>
                </c:pt>
                <c:pt idx="458">
                  <c:v>12.9</c:v>
                </c:pt>
                <c:pt idx="459">
                  <c:v>12.87</c:v>
                </c:pt>
                <c:pt idx="460">
                  <c:v>12.89</c:v>
                </c:pt>
                <c:pt idx="461">
                  <c:v>12.85</c:v>
                </c:pt>
                <c:pt idx="462">
                  <c:v>12.85</c:v>
                </c:pt>
                <c:pt idx="463">
                  <c:v>12.88</c:v>
                </c:pt>
                <c:pt idx="464">
                  <c:v>13.03</c:v>
                </c:pt>
                <c:pt idx="465">
                  <c:v>13.59</c:v>
                </c:pt>
                <c:pt idx="466">
                  <c:v>14</c:v>
                </c:pt>
                <c:pt idx="467">
                  <c:v>15.4</c:v>
                </c:pt>
                <c:pt idx="468">
                  <c:v>15.7</c:v>
                </c:pt>
                <c:pt idx="469">
                  <c:v>16.03</c:v>
                </c:pt>
                <c:pt idx="470">
                  <c:v>16.350000000000001</c:v>
                </c:pt>
                <c:pt idx="471">
                  <c:v>16.350000000000001</c:v>
                </c:pt>
                <c:pt idx="472">
                  <c:v>16.350000000000001</c:v>
                </c:pt>
                <c:pt idx="473">
                  <c:v>16.25</c:v>
                </c:pt>
                <c:pt idx="474">
                  <c:v>15.9</c:v>
                </c:pt>
                <c:pt idx="475">
                  <c:v>14.68</c:v>
                </c:pt>
                <c:pt idx="476">
                  <c:v>14.15</c:v>
                </c:pt>
                <c:pt idx="477">
                  <c:v>13.38</c:v>
                </c:pt>
                <c:pt idx="478">
                  <c:v>13.2</c:v>
                </c:pt>
                <c:pt idx="479">
                  <c:v>13.06</c:v>
                </c:pt>
                <c:pt idx="480">
                  <c:v>12.85</c:v>
                </c:pt>
                <c:pt idx="481">
                  <c:v>12.58</c:v>
                </c:pt>
                <c:pt idx="482">
                  <c:v>12.35</c:v>
                </c:pt>
                <c:pt idx="483">
                  <c:v>12.18</c:v>
                </c:pt>
                <c:pt idx="484">
                  <c:v>12.23</c:v>
                </c:pt>
                <c:pt idx="485">
                  <c:v>12.18</c:v>
                </c:pt>
                <c:pt idx="486">
                  <c:v>12.18</c:v>
                </c:pt>
                <c:pt idx="487">
                  <c:v>12.25</c:v>
                </c:pt>
                <c:pt idx="488">
                  <c:v>12.25</c:v>
                </c:pt>
                <c:pt idx="489">
                  <c:v>12.55</c:v>
                </c:pt>
                <c:pt idx="490">
                  <c:v>12.8</c:v>
                </c:pt>
                <c:pt idx="491">
                  <c:v>12.95</c:v>
                </c:pt>
                <c:pt idx="492">
                  <c:v>13.03</c:v>
                </c:pt>
                <c:pt idx="493">
                  <c:v>13.08</c:v>
                </c:pt>
                <c:pt idx="494">
                  <c:v>13.25</c:v>
                </c:pt>
                <c:pt idx="495">
                  <c:v>13.43</c:v>
                </c:pt>
                <c:pt idx="496">
                  <c:v>13.6</c:v>
                </c:pt>
                <c:pt idx="497">
                  <c:v>13.73</c:v>
                </c:pt>
                <c:pt idx="498">
                  <c:v>13.78</c:v>
                </c:pt>
                <c:pt idx="499">
                  <c:v>13.85</c:v>
                </c:pt>
                <c:pt idx="500">
                  <c:v>14</c:v>
                </c:pt>
                <c:pt idx="501">
                  <c:v>14.08</c:v>
                </c:pt>
                <c:pt idx="502">
                  <c:v>14.18</c:v>
                </c:pt>
                <c:pt idx="503">
                  <c:v>14.28</c:v>
                </c:pt>
                <c:pt idx="504">
                  <c:v>14.28</c:v>
                </c:pt>
                <c:pt idx="505">
                  <c:v>14.43</c:v>
                </c:pt>
                <c:pt idx="506">
                  <c:v>14.83</c:v>
                </c:pt>
                <c:pt idx="507">
                  <c:v>14.95</c:v>
                </c:pt>
                <c:pt idx="508">
                  <c:v>14.95</c:v>
                </c:pt>
                <c:pt idx="509">
                  <c:v>14.95</c:v>
                </c:pt>
                <c:pt idx="510">
                  <c:v>14.8</c:v>
                </c:pt>
                <c:pt idx="511">
                  <c:v>14.85</c:v>
                </c:pt>
                <c:pt idx="512">
                  <c:v>14.85</c:v>
                </c:pt>
                <c:pt idx="513">
                  <c:v>15.07</c:v>
                </c:pt>
                <c:pt idx="514">
                  <c:v>15</c:v>
                </c:pt>
                <c:pt idx="515">
                  <c:v>15.03</c:v>
                </c:pt>
                <c:pt idx="516">
                  <c:v>15.2</c:v>
                </c:pt>
                <c:pt idx="517">
                  <c:v>15.3</c:v>
                </c:pt>
                <c:pt idx="518">
                  <c:v>15.4</c:v>
                </c:pt>
                <c:pt idx="519">
                  <c:v>15.4</c:v>
                </c:pt>
                <c:pt idx="520">
                  <c:v>15.4</c:v>
                </c:pt>
                <c:pt idx="521">
                  <c:v>15.4</c:v>
                </c:pt>
                <c:pt idx="522">
                  <c:v>15.4</c:v>
                </c:pt>
                <c:pt idx="523">
                  <c:v>15.5</c:v>
                </c:pt>
                <c:pt idx="524">
                  <c:v>15.65</c:v>
                </c:pt>
                <c:pt idx="525">
                  <c:v>15.77</c:v>
                </c:pt>
                <c:pt idx="526">
                  <c:v>15.82</c:v>
                </c:pt>
                <c:pt idx="527">
                  <c:v>16.12</c:v>
                </c:pt>
                <c:pt idx="528">
                  <c:v>16.64</c:v>
                </c:pt>
                <c:pt idx="529">
                  <c:v>16.63</c:v>
                </c:pt>
                <c:pt idx="530">
                  <c:v>16.8</c:v>
                </c:pt>
                <c:pt idx="531">
                  <c:v>16.760000000000002</c:v>
                </c:pt>
                <c:pt idx="532">
                  <c:v>16.690000000000001</c:v>
                </c:pt>
                <c:pt idx="533">
                  <c:v>16.71</c:v>
                </c:pt>
                <c:pt idx="534">
                  <c:v>16.62</c:v>
                </c:pt>
                <c:pt idx="535">
                  <c:v>16.64</c:v>
                </c:pt>
                <c:pt idx="536">
                  <c:v>16.79</c:v>
                </c:pt>
                <c:pt idx="537">
                  <c:v>16.739999999999998</c:v>
                </c:pt>
                <c:pt idx="538">
                  <c:v>16.88</c:v>
                </c:pt>
                <c:pt idx="539">
                  <c:v>17.11</c:v>
                </c:pt>
                <c:pt idx="540">
                  <c:v>17.13</c:v>
                </c:pt>
                <c:pt idx="541">
                  <c:v>17.27</c:v>
                </c:pt>
                <c:pt idx="542">
                  <c:v>17.260000000000002</c:v>
                </c:pt>
                <c:pt idx="543">
                  <c:v>17.48</c:v>
                </c:pt>
                <c:pt idx="544">
                  <c:v>17.79</c:v>
                </c:pt>
                <c:pt idx="545">
                  <c:v>18.22</c:v>
                </c:pt>
                <c:pt idx="546">
                  <c:v>18.27</c:v>
                </c:pt>
                <c:pt idx="547">
                  <c:v>18.36</c:v>
                </c:pt>
                <c:pt idx="548">
                  <c:v>18.28</c:v>
                </c:pt>
                <c:pt idx="549">
                  <c:v>18.63</c:v>
                </c:pt>
                <c:pt idx="550">
                  <c:v>18.53</c:v>
                </c:pt>
                <c:pt idx="551">
                  <c:v>18.39</c:v>
                </c:pt>
                <c:pt idx="552">
                  <c:v>18.440000000000001</c:v>
                </c:pt>
                <c:pt idx="553">
                  <c:v>18.37</c:v>
                </c:pt>
                <c:pt idx="554">
                  <c:v>18.02</c:v>
                </c:pt>
                <c:pt idx="555">
                  <c:v>17.7</c:v>
                </c:pt>
                <c:pt idx="556">
                  <c:v>17.21</c:v>
                </c:pt>
                <c:pt idx="557">
                  <c:v>16.899999999999999</c:v>
                </c:pt>
                <c:pt idx="558">
                  <c:v>16.940000000000001</c:v>
                </c:pt>
                <c:pt idx="559">
                  <c:v>16.899999999999999</c:v>
                </c:pt>
                <c:pt idx="560">
                  <c:v>16.95</c:v>
                </c:pt>
                <c:pt idx="561">
                  <c:v>17.04</c:v>
                </c:pt>
                <c:pt idx="562">
                  <c:v>17.3</c:v>
                </c:pt>
                <c:pt idx="563">
                  <c:v>17.440000000000001</c:v>
                </c:pt>
                <c:pt idx="564">
                  <c:v>17.61</c:v>
                </c:pt>
                <c:pt idx="565">
                  <c:v>17.59</c:v>
                </c:pt>
                <c:pt idx="566">
                  <c:v>17.559999999999999</c:v>
                </c:pt>
                <c:pt idx="567">
                  <c:v>17.649999999999999</c:v>
                </c:pt>
                <c:pt idx="568">
                  <c:v>17.66</c:v>
                </c:pt>
                <c:pt idx="569">
                  <c:v>17.52</c:v>
                </c:pt>
                <c:pt idx="570">
                  <c:v>17.29</c:v>
                </c:pt>
                <c:pt idx="571">
                  <c:v>17.190000000000001</c:v>
                </c:pt>
                <c:pt idx="572">
                  <c:v>17.12</c:v>
                </c:pt>
                <c:pt idx="573">
                  <c:v>17.04</c:v>
                </c:pt>
                <c:pt idx="574">
                  <c:v>16.95</c:v>
                </c:pt>
                <c:pt idx="575">
                  <c:v>16.91</c:v>
                </c:pt>
                <c:pt idx="576">
                  <c:v>16.93</c:v>
                </c:pt>
                <c:pt idx="577">
                  <c:v>16.86</c:v>
                </c:pt>
                <c:pt idx="578">
                  <c:v>16.809999999999999</c:v>
                </c:pt>
                <c:pt idx="579">
                  <c:v>16.78</c:v>
                </c:pt>
                <c:pt idx="580">
                  <c:v>16.63</c:v>
                </c:pt>
                <c:pt idx="581">
                  <c:v>16.670000000000002</c:v>
                </c:pt>
                <c:pt idx="582">
                  <c:v>16.63</c:v>
                </c:pt>
                <c:pt idx="583">
                  <c:v>16.649999999999999</c:v>
                </c:pt>
                <c:pt idx="584">
                  <c:v>16.7</c:v>
                </c:pt>
                <c:pt idx="585">
                  <c:v>16.71</c:v>
                </c:pt>
                <c:pt idx="586">
                  <c:v>16.73</c:v>
                </c:pt>
                <c:pt idx="587">
                  <c:v>16.87</c:v>
                </c:pt>
                <c:pt idx="588">
                  <c:v>16.93</c:v>
                </c:pt>
                <c:pt idx="589">
                  <c:v>16.88</c:v>
                </c:pt>
                <c:pt idx="590">
                  <c:v>16.75</c:v>
                </c:pt>
                <c:pt idx="591">
                  <c:v>16.649999999999999</c:v>
                </c:pt>
                <c:pt idx="592">
                  <c:v>16.55</c:v>
                </c:pt>
                <c:pt idx="593">
                  <c:v>16.440000000000001</c:v>
                </c:pt>
                <c:pt idx="594">
                  <c:v>16.21</c:v>
                </c:pt>
                <c:pt idx="595">
                  <c:v>15.88</c:v>
                </c:pt>
                <c:pt idx="596">
                  <c:v>15.59</c:v>
                </c:pt>
                <c:pt idx="597">
                  <c:v>15.56</c:v>
                </c:pt>
                <c:pt idx="598">
                  <c:v>15.38</c:v>
                </c:pt>
                <c:pt idx="599">
                  <c:v>15.19</c:v>
                </c:pt>
                <c:pt idx="600">
                  <c:v>15.13</c:v>
                </c:pt>
                <c:pt idx="601">
                  <c:v>14.96</c:v>
                </c:pt>
                <c:pt idx="602">
                  <c:v>14.6</c:v>
                </c:pt>
                <c:pt idx="603">
                  <c:v>14.2</c:v>
                </c:pt>
                <c:pt idx="604">
                  <c:v>14.15</c:v>
                </c:pt>
                <c:pt idx="605">
                  <c:v>13.91</c:v>
                </c:pt>
                <c:pt idx="606">
                  <c:v>13.84</c:v>
                </c:pt>
                <c:pt idx="607">
                  <c:v>13.78</c:v>
                </c:pt>
                <c:pt idx="608">
                  <c:v>13.77</c:v>
                </c:pt>
                <c:pt idx="609">
                  <c:v>13.66</c:v>
                </c:pt>
                <c:pt idx="610">
                  <c:v>13.66</c:v>
                </c:pt>
                <c:pt idx="611">
                  <c:v>13.63</c:v>
                </c:pt>
                <c:pt idx="612">
                  <c:v>13.6</c:v>
                </c:pt>
                <c:pt idx="613">
                  <c:v>13.57</c:v>
                </c:pt>
                <c:pt idx="614">
                  <c:v>13.46</c:v>
                </c:pt>
                <c:pt idx="615">
                  <c:v>13.31</c:v>
                </c:pt>
                <c:pt idx="616">
                  <c:v>13.12</c:v>
                </c:pt>
                <c:pt idx="617">
                  <c:v>13.1</c:v>
                </c:pt>
                <c:pt idx="618">
                  <c:v>13.06</c:v>
                </c:pt>
                <c:pt idx="619">
                  <c:v>13.06</c:v>
                </c:pt>
                <c:pt idx="620">
                  <c:v>13.07</c:v>
                </c:pt>
                <c:pt idx="621">
                  <c:v>12.98</c:v>
                </c:pt>
                <c:pt idx="622">
                  <c:v>12.74</c:v>
                </c:pt>
                <c:pt idx="623">
                  <c:v>12.79</c:v>
                </c:pt>
                <c:pt idx="624">
                  <c:v>12.81</c:v>
                </c:pt>
                <c:pt idx="625">
                  <c:v>12.86</c:v>
                </c:pt>
                <c:pt idx="626">
                  <c:v>12.82</c:v>
                </c:pt>
                <c:pt idx="627">
                  <c:v>12.82</c:v>
                </c:pt>
                <c:pt idx="628">
                  <c:v>12.79</c:v>
                </c:pt>
                <c:pt idx="629">
                  <c:v>12.75</c:v>
                </c:pt>
                <c:pt idx="630">
                  <c:v>12.73</c:v>
                </c:pt>
                <c:pt idx="631">
                  <c:v>12.71</c:v>
                </c:pt>
                <c:pt idx="632">
                  <c:v>12.59</c:v>
                </c:pt>
                <c:pt idx="633">
                  <c:v>12.55</c:v>
                </c:pt>
                <c:pt idx="634">
                  <c:v>12.68</c:v>
                </c:pt>
                <c:pt idx="635">
                  <c:v>12.74</c:v>
                </c:pt>
                <c:pt idx="636">
                  <c:v>12.82</c:v>
                </c:pt>
                <c:pt idx="637">
                  <c:v>12.96</c:v>
                </c:pt>
                <c:pt idx="638">
                  <c:v>12.96</c:v>
                </c:pt>
                <c:pt idx="639">
                  <c:v>13.08</c:v>
                </c:pt>
                <c:pt idx="640">
                  <c:v>13.3</c:v>
                </c:pt>
                <c:pt idx="641">
                  <c:v>13.5</c:v>
                </c:pt>
                <c:pt idx="642">
                  <c:v>13.58</c:v>
                </c:pt>
                <c:pt idx="643">
                  <c:v>13.65</c:v>
                </c:pt>
                <c:pt idx="644">
                  <c:v>13.73</c:v>
                </c:pt>
                <c:pt idx="645">
                  <c:v>13.84</c:v>
                </c:pt>
                <c:pt idx="646">
                  <c:v>13.89</c:v>
                </c:pt>
                <c:pt idx="647">
                  <c:v>13.78</c:v>
                </c:pt>
                <c:pt idx="648">
                  <c:v>13.77</c:v>
                </c:pt>
                <c:pt idx="649">
                  <c:v>13.77</c:v>
                </c:pt>
                <c:pt idx="650">
                  <c:v>13.72</c:v>
                </c:pt>
                <c:pt idx="651">
                  <c:v>13.72</c:v>
                </c:pt>
                <c:pt idx="652">
                  <c:v>13.65</c:v>
                </c:pt>
                <c:pt idx="653">
                  <c:v>13.59</c:v>
                </c:pt>
                <c:pt idx="654">
                  <c:v>13.6</c:v>
                </c:pt>
                <c:pt idx="655">
                  <c:v>13.52</c:v>
                </c:pt>
                <c:pt idx="656">
                  <c:v>13.43</c:v>
                </c:pt>
                <c:pt idx="657">
                  <c:v>13.42</c:v>
                </c:pt>
                <c:pt idx="658">
                  <c:v>13.47</c:v>
                </c:pt>
                <c:pt idx="659">
                  <c:v>13.42</c:v>
                </c:pt>
                <c:pt idx="660">
                  <c:v>13.43</c:v>
                </c:pt>
                <c:pt idx="661">
                  <c:v>13.41</c:v>
                </c:pt>
                <c:pt idx="662">
                  <c:v>13.38</c:v>
                </c:pt>
                <c:pt idx="663">
                  <c:v>13.42</c:v>
                </c:pt>
                <c:pt idx="664">
                  <c:v>13.46</c:v>
                </c:pt>
                <c:pt idx="665">
                  <c:v>13.43</c:v>
                </c:pt>
                <c:pt idx="666">
                  <c:v>13.43</c:v>
                </c:pt>
                <c:pt idx="667">
                  <c:v>13.4</c:v>
                </c:pt>
                <c:pt idx="668">
                  <c:v>13.35</c:v>
                </c:pt>
                <c:pt idx="669">
                  <c:v>13.29</c:v>
                </c:pt>
                <c:pt idx="670">
                  <c:v>13.26</c:v>
                </c:pt>
                <c:pt idx="671">
                  <c:v>13.23</c:v>
                </c:pt>
                <c:pt idx="672">
                  <c:v>13.19</c:v>
                </c:pt>
                <c:pt idx="673">
                  <c:v>13.25</c:v>
                </c:pt>
                <c:pt idx="674">
                  <c:v>13.23</c:v>
                </c:pt>
                <c:pt idx="675">
                  <c:v>13.3</c:v>
                </c:pt>
                <c:pt idx="676">
                  <c:v>13.37</c:v>
                </c:pt>
                <c:pt idx="677">
                  <c:v>13.48</c:v>
                </c:pt>
                <c:pt idx="678">
                  <c:v>13.55</c:v>
                </c:pt>
                <c:pt idx="679">
                  <c:v>13.63</c:v>
                </c:pt>
                <c:pt idx="680">
                  <c:v>13.58</c:v>
                </c:pt>
                <c:pt idx="681">
                  <c:v>13.67</c:v>
                </c:pt>
                <c:pt idx="682">
                  <c:v>13.73</c:v>
                </c:pt>
                <c:pt idx="683">
                  <c:v>13.78</c:v>
                </c:pt>
                <c:pt idx="684">
                  <c:v>13.87</c:v>
                </c:pt>
                <c:pt idx="685">
                  <c:v>14.04</c:v>
                </c:pt>
                <c:pt idx="686">
                  <c:v>14.08</c:v>
                </c:pt>
                <c:pt idx="687">
                  <c:v>14.29</c:v>
                </c:pt>
                <c:pt idx="688">
                  <c:v>14.33</c:v>
                </c:pt>
                <c:pt idx="689">
                  <c:v>14.47</c:v>
                </c:pt>
                <c:pt idx="690">
                  <c:v>14.49</c:v>
                </c:pt>
                <c:pt idx="691">
                  <c:v>14.5</c:v>
                </c:pt>
                <c:pt idx="692">
                  <c:v>14.66</c:v>
                </c:pt>
                <c:pt idx="693">
                  <c:v>14.68</c:v>
                </c:pt>
                <c:pt idx="694">
                  <c:v>14.66</c:v>
                </c:pt>
                <c:pt idx="695">
                  <c:v>14.67</c:v>
                </c:pt>
                <c:pt idx="696">
                  <c:v>14.68</c:v>
                </c:pt>
                <c:pt idx="697">
                  <c:v>14.54</c:v>
                </c:pt>
                <c:pt idx="698">
                  <c:v>14.39</c:v>
                </c:pt>
                <c:pt idx="699">
                  <c:v>14.36</c:v>
                </c:pt>
                <c:pt idx="700">
                  <c:v>14.38</c:v>
                </c:pt>
                <c:pt idx="701">
                  <c:v>14.42</c:v>
                </c:pt>
                <c:pt idx="702">
                  <c:v>14.43</c:v>
                </c:pt>
                <c:pt idx="703">
                  <c:v>14.29</c:v>
                </c:pt>
                <c:pt idx="704">
                  <c:v>14.26</c:v>
                </c:pt>
                <c:pt idx="705">
                  <c:v>14.18</c:v>
                </c:pt>
                <c:pt idx="706">
                  <c:v>14.19</c:v>
                </c:pt>
                <c:pt idx="707">
                  <c:v>14.1</c:v>
                </c:pt>
                <c:pt idx="708">
                  <c:v>14.05</c:v>
                </c:pt>
                <c:pt idx="709">
                  <c:v>13.85</c:v>
                </c:pt>
                <c:pt idx="710">
                  <c:v>13.74</c:v>
                </c:pt>
                <c:pt idx="711">
                  <c:v>13.63</c:v>
                </c:pt>
                <c:pt idx="712">
                  <c:v>13.55</c:v>
                </c:pt>
                <c:pt idx="713">
                  <c:v>13.42</c:v>
                </c:pt>
                <c:pt idx="714">
                  <c:v>13.2</c:v>
                </c:pt>
                <c:pt idx="715">
                  <c:v>13.2</c:v>
                </c:pt>
                <c:pt idx="716">
                  <c:v>13.18</c:v>
                </c:pt>
                <c:pt idx="717">
                  <c:v>13.14</c:v>
                </c:pt>
                <c:pt idx="718">
                  <c:v>13.1</c:v>
                </c:pt>
                <c:pt idx="719">
                  <c:v>13.12</c:v>
                </c:pt>
                <c:pt idx="720">
                  <c:v>13.12</c:v>
                </c:pt>
                <c:pt idx="721">
                  <c:v>12.96</c:v>
                </c:pt>
                <c:pt idx="722">
                  <c:v>12.93</c:v>
                </c:pt>
                <c:pt idx="723">
                  <c:v>12.91</c:v>
                </c:pt>
                <c:pt idx="724">
                  <c:v>12.9</c:v>
                </c:pt>
                <c:pt idx="725">
                  <c:v>12.94</c:v>
                </c:pt>
                <c:pt idx="726">
                  <c:v>13.02</c:v>
                </c:pt>
                <c:pt idx="727">
                  <c:v>13.1</c:v>
                </c:pt>
                <c:pt idx="728">
                  <c:v>13.2</c:v>
                </c:pt>
                <c:pt idx="729">
                  <c:v>13.24</c:v>
                </c:pt>
                <c:pt idx="730">
                  <c:v>13.29</c:v>
                </c:pt>
                <c:pt idx="731">
                  <c:v>13.27</c:v>
                </c:pt>
                <c:pt idx="732">
                  <c:v>13.23</c:v>
                </c:pt>
                <c:pt idx="733">
                  <c:v>13.16</c:v>
                </c:pt>
                <c:pt idx="734">
                  <c:v>13.12</c:v>
                </c:pt>
                <c:pt idx="735">
                  <c:v>13.07</c:v>
                </c:pt>
                <c:pt idx="736">
                  <c:v>13.02</c:v>
                </c:pt>
                <c:pt idx="737">
                  <c:v>12.94</c:v>
                </c:pt>
                <c:pt idx="738">
                  <c:v>12.83</c:v>
                </c:pt>
                <c:pt idx="739">
                  <c:v>12.71</c:v>
                </c:pt>
                <c:pt idx="740">
                  <c:v>12.39</c:v>
                </c:pt>
                <c:pt idx="741">
                  <c:v>12.27</c:v>
                </c:pt>
                <c:pt idx="742">
                  <c:v>12.05</c:v>
                </c:pt>
                <c:pt idx="743">
                  <c:v>12.15</c:v>
                </c:pt>
                <c:pt idx="744">
                  <c:v>12.13</c:v>
                </c:pt>
                <c:pt idx="745">
                  <c:v>12.03</c:v>
                </c:pt>
                <c:pt idx="746">
                  <c:v>11.94</c:v>
                </c:pt>
                <c:pt idx="747">
                  <c:v>12.03</c:v>
                </c:pt>
                <c:pt idx="748">
                  <c:v>12.17</c:v>
                </c:pt>
                <c:pt idx="749">
                  <c:v>12.23</c:v>
                </c:pt>
                <c:pt idx="750">
                  <c:v>12.24</c:v>
                </c:pt>
                <c:pt idx="751">
                  <c:v>12.18</c:v>
                </c:pt>
                <c:pt idx="752">
                  <c:v>12.11</c:v>
                </c:pt>
                <c:pt idx="753">
                  <c:v>12.15</c:v>
                </c:pt>
                <c:pt idx="754">
                  <c:v>12.24</c:v>
                </c:pt>
                <c:pt idx="755">
                  <c:v>12.21</c:v>
                </c:pt>
                <c:pt idx="756">
                  <c:v>12.17</c:v>
                </c:pt>
                <c:pt idx="757">
                  <c:v>12.17</c:v>
                </c:pt>
                <c:pt idx="758">
                  <c:v>12.17</c:v>
                </c:pt>
                <c:pt idx="759">
                  <c:v>12.13</c:v>
                </c:pt>
                <c:pt idx="760">
                  <c:v>12.07</c:v>
                </c:pt>
                <c:pt idx="761">
                  <c:v>12.01</c:v>
                </c:pt>
                <c:pt idx="762">
                  <c:v>11.9</c:v>
                </c:pt>
                <c:pt idx="763">
                  <c:v>11.79</c:v>
                </c:pt>
                <c:pt idx="764">
                  <c:v>11.64</c:v>
                </c:pt>
                <c:pt idx="765">
                  <c:v>11.58</c:v>
                </c:pt>
                <c:pt idx="766">
                  <c:v>11.5</c:v>
                </c:pt>
                <c:pt idx="767">
                  <c:v>11.31</c:v>
                </c:pt>
                <c:pt idx="768">
                  <c:v>11.14</c:v>
                </c:pt>
                <c:pt idx="769">
                  <c:v>11.09</c:v>
                </c:pt>
                <c:pt idx="770">
                  <c:v>10.81</c:v>
                </c:pt>
                <c:pt idx="771">
                  <c:v>10.77</c:v>
                </c:pt>
                <c:pt idx="772">
                  <c:v>10.99</c:v>
                </c:pt>
                <c:pt idx="773">
                  <c:v>10.97</c:v>
                </c:pt>
                <c:pt idx="774">
                  <c:v>10.89</c:v>
                </c:pt>
                <c:pt idx="775">
                  <c:v>10.85</c:v>
                </c:pt>
                <c:pt idx="776">
                  <c:v>10.8</c:v>
                </c:pt>
                <c:pt idx="777">
                  <c:v>10.68</c:v>
                </c:pt>
                <c:pt idx="778">
                  <c:v>10.51</c:v>
                </c:pt>
                <c:pt idx="779">
                  <c:v>10.199999999999999</c:v>
                </c:pt>
                <c:pt idx="780">
                  <c:v>10.01</c:v>
                </c:pt>
                <c:pt idx="781">
                  <c:v>10.01</c:v>
                </c:pt>
                <c:pt idx="782">
                  <c:v>10.1</c:v>
                </c:pt>
                <c:pt idx="783">
                  <c:v>9.99</c:v>
                </c:pt>
                <c:pt idx="784">
                  <c:v>9.98</c:v>
                </c:pt>
                <c:pt idx="785">
                  <c:v>9.92</c:v>
                </c:pt>
                <c:pt idx="786">
                  <c:v>9.86</c:v>
                </c:pt>
                <c:pt idx="787">
                  <c:v>9.9</c:v>
                </c:pt>
                <c:pt idx="788">
                  <c:v>10</c:v>
                </c:pt>
                <c:pt idx="789">
                  <c:v>10.08</c:v>
                </c:pt>
                <c:pt idx="790">
                  <c:v>10.36</c:v>
                </c:pt>
                <c:pt idx="791">
                  <c:v>10.38</c:v>
                </c:pt>
                <c:pt idx="792">
                  <c:v>10.74</c:v>
                </c:pt>
                <c:pt idx="793">
                  <c:v>10.76</c:v>
                </c:pt>
                <c:pt idx="794">
                  <c:v>10.61</c:v>
                </c:pt>
                <c:pt idx="795">
                  <c:v>10.62</c:v>
                </c:pt>
                <c:pt idx="796">
                  <c:v>10.61</c:v>
                </c:pt>
                <c:pt idx="797">
                  <c:v>10.59</c:v>
                </c:pt>
                <c:pt idx="798">
                  <c:v>10.43</c:v>
                </c:pt>
                <c:pt idx="799">
                  <c:v>10.4</c:v>
                </c:pt>
                <c:pt idx="800">
                  <c:v>10.4</c:v>
                </c:pt>
                <c:pt idx="801">
                  <c:v>10.4</c:v>
                </c:pt>
                <c:pt idx="802">
                  <c:v>10.23</c:v>
                </c:pt>
                <c:pt idx="803">
                  <c:v>10.039999999999999</c:v>
                </c:pt>
                <c:pt idx="804">
                  <c:v>9.93</c:v>
                </c:pt>
                <c:pt idx="805">
                  <c:v>9.9</c:v>
                </c:pt>
                <c:pt idx="806">
                  <c:v>9.9600000000000009</c:v>
                </c:pt>
                <c:pt idx="807">
                  <c:v>10.07</c:v>
                </c:pt>
                <c:pt idx="808">
                  <c:v>10.1</c:v>
                </c:pt>
                <c:pt idx="809">
                  <c:v>10.08</c:v>
                </c:pt>
                <c:pt idx="810">
                  <c:v>9.99</c:v>
                </c:pt>
                <c:pt idx="811">
                  <c:v>9.9600000000000009</c:v>
                </c:pt>
                <c:pt idx="812">
                  <c:v>9.9499999999999993</c:v>
                </c:pt>
                <c:pt idx="813">
                  <c:v>9.89</c:v>
                </c:pt>
                <c:pt idx="814">
                  <c:v>9.83</c:v>
                </c:pt>
                <c:pt idx="815">
                  <c:v>9.81</c:v>
                </c:pt>
                <c:pt idx="816">
                  <c:v>9.64</c:v>
                </c:pt>
                <c:pt idx="817">
                  <c:v>9.5</c:v>
                </c:pt>
                <c:pt idx="818">
                  <c:v>9.3000000000000007</c:v>
                </c:pt>
                <c:pt idx="819">
                  <c:v>9.35</c:v>
                </c:pt>
                <c:pt idx="820">
                  <c:v>9.3000000000000007</c:v>
                </c:pt>
                <c:pt idx="821">
                  <c:v>9.2899999999999991</c:v>
                </c:pt>
                <c:pt idx="822">
                  <c:v>9.3699999999999992</c:v>
                </c:pt>
                <c:pt idx="823">
                  <c:v>9.32</c:v>
                </c:pt>
                <c:pt idx="824">
                  <c:v>9.2100000000000009</c:v>
                </c:pt>
                <c:pt idx="825">
                  <c:v>9.0399999999999991</c:v>
                </c:pt>
                <c:pt idx="826">
                  <c:v>9.08</c:v>
                </c:pt>
                <c:pt idx="827">
                  <c:v>9.06</c:v>
                </c:pt>
                <c:pt idx="828">
                  <c:v>9.09</c:v>
                </c:pt>
                <c:pt idx="829">
                  <c:v>9.11</c:v>
                </c:pt>
                <c:pt idx="830">
                  <c:v>9.07</c:v>
                </c:pt>
                <c:pt idx="831">
                  <c:v>9.0299999999999994</c:v>
                </c:pt>
                <c:pt idx="832">
                  <c:v>9.0500000000000007</c:v>
                </c:pt>
                <c:pt idx="833">
                  <c:v>9.0299999999999994</c:v>
                </c:pt>
                <c:pt idx="834">
                  <c:v>9.0299999999999994</c:v>
                </c:pt>
                <c:pt idx="835">
                  <c:v>9.26</c:v>
                </c:pt>
                <c:pt idx="836">
                  <c:v>9.43</c:v>
                </c:pt>
                <c:pt idx="837">
                  <c:v>10.27</c:v>
                </c:pt>
                <c:pt idx="838">
                  <c:v>10.37</c:v>
                </c:pt>
                <c:pt idx="839">
                  <c:v>10.47</c:v>
                </c:pt>
                <c:pt idx="840">
                  <c:v>10.52</c:v>
                </c:pt>
                <c:pt idx="841">
                  <c:v>10.48</c:v>
                </c:pt>
                <c:pt idx="842">
                  <c:v>10.81</c:v>
                </c:pt>
                <c:pt idx="843">
                  <c:v>10.7</c:v>
                </c:pt>
                <c:pt idx="844">
                  <c:v>10.7</c:v>
                </c:pt>
                <c:pt idx="845">
                  <c:v>10.66</c:v>
                </c:pt>
                <c:pt idx="846">
                  <c:v>10.44</c:v>
                </c:pt>
                <c:pt idx="847">
                  <c:v>10.35</c:v>
                </c:pt>
                <c:pt idx="848">
                  <c:v>10.36</c:v>
                </c:pt>
                <c:pt idx="849">
                  <c:v>10.3</c:v>
                </c:pt>
                <c:pt idx="850">
                  <c:v>10.23</c:v>
                </c:pt>
                <c:pt idx="851">
                  <c:v>10.23</c:v>
                </c:pt>
                <c:pt idx="852">
                  <c:v>10.27</c:v>
                </c:pt>
                <c:pt idx="853">
                  <c:v>10.35</c:v>
                </c:pt>
                <c:pt idx="854">
                  <c:v>10.34</c:v>
                </c:pt>
                <c:pt idx="855">
                  <c:v>10.3</c:v>
                </c:pt>
                <c:pt idx="856">
                  <c:v>10.33</c:v>
                </c:pt>
                <c:pt idx="857">
                  <c:v>10.63</c:v>
                </c:pt>
                <c:pt idx="858">
                  <c:v>10.91</c:v>
                </c:pt>
                <c:pt idx="859">
                  <c:v>10.99</c:v>
                </c:pt>
                <c:pt idx="860">
                  <c:v>11.02</c:v>
                </c:pt>
                <c:pt idx="861">
                  <c:v>11.18</c:v>
                </c:pt>
                <c:pt idx="862">
                  <c:v>11.21</c:v>
                </c:pt>
                <c:pt idx="863">
                  <c:v>11.58</c:v>
                </c:pt>
                <c:pt idx="864">
                  <c:v>11.36</c:v>
                </c:pt>
                <c:pt idx="865">
                  <c:v>10.97</c:v>
                </c:pt>
                <c:pt idx="866">
                  <c:v>10.79</c:v>
                </c:pt>
                <c:pt idx="867">
                  <c:v>10.66</c:v>
                </c:pt>
                <c:pt idx="868">
                  <c:v>10.6</c:v>
                </c:pt>
                <c:pt idx="869">
                  <c:v>10.55</c:v>
                </c:pt>
                <c:pt idx="870">
                  <c:v>10.6</c:v>
                </c:pt>
                <c:pt idx="871">
                  <c:v>10.66</c:v>
                </c:pt>
                <c:pt idx="872">
                  <c:v>10.69</c:v>
                </c:pt>
                <c:pt idx="873">
                  <c:v>10.64</c:v>
                </c:pt>
                <c:pt idx="874">
                  <c:v>10.61</c:v>
                </c:pt>
                <c:pt idx="875">
                  <c:v>10.5</c:v>
                </c:pt>
                <c:pt idx="876">
                  <c:v>10.53</c:v>
                </c:pt>
                <c:pt idx="877">
                  <c:v>10.34</c:v>
                </c:pt>
                <c:pt idx="878">
                  <c:v>10.16</c:v>
                </c:pt>
                <c:pt idx="879">
                  <c:v>9.94</c:v>
                </c:pt>
                <c:pt idx="880">
                  <c:v>9.84</c:v>
                </c:pt>
                <c:pt idx="881">
                  <c:v>9.92</c:v>
                </c:pt>
                <c:pt idx="882">
                  <c:v>9.8699999999999992</c:v>
                </c:pt>
                <c:pt idx="883">
                  <c:v>9.85</c:v>
                </c:pt>
                <c:pt idx="884">
                  <c:v>9.9600000000000009</c:v>
                </c:pt>
                <c:pt idx="885">
                  <c:v>9.92</c:v>
                </c:pt>
                <c:pt idx="886">
                  <c:v>9.99</c:v>
                </c:pt>
                <c:pt idx="887">
                  <c:v>10.050000000000001</c:v>
                </c:pt>
                <c:pt idx="888">
                  <c:v>10.19</c:v>
                </c:pt>
                <c:pt idx="889">
                  <c:v>10.19</c:v>
                </c:pt>
                <c:pt idx="890">
                  <c:v>10.3</c:v>
                </c:pt>
                <c:pt idx="891">
                  <c:v>10.28</c:v>
                </c:pt>
                <c:pt idx="892">
                  <c:v>10.32</c:v>
                </c:pt>
                <c:pt idx="893">
                  <c:v>10.4</c:v>
                </c:pt>
                <c:pt idx="894">
                  <c:v>10.52</c:v>
                </c:pt>
                <c:pt idx="895">
                  <c:v>10.58</c:v>
                </c:pt>
                <c:pt idx="896">
                  <c:v>10.58</c:v>
                </c:pt>
                <c:pt idx="897">
                  <c:v>10.51</c:v>
                </c:pt>
                <c:pt idx="898">
                  <c:v>10.35</c:v>
                </c:pt>
                <c:pt idx="899">
                  <c:v>10.4</c:v>
                </c:pt>
                <c:pt idx="900">
                  <c:v>10.39</c:v>
                </c:pt>
                <c:pt idx="901">
                  <c:v>10.38</c:v>
                </c:pt>
                <c:pt idx="902">
                  <c:v>10.44</c:v>
                </c:pt>
                <c:pt idx="903">
                  <c:v>10.46</c:v>
                </c:pt>
                <c:pt idx="904">
                  <c:v>10.49</c:v>
                </c:pt>
                <c:pt idx="905">
                  <c:v>10.44</c:v>
                </c:pt>
                <c:pt idx="906">
                  <c:v>10.57</c:v>
                </c:pt>
                <c:pt idx="907">
                  <c:v>10.71</c:v>
                </c:pt>
                <c:pt idx="908">
                  <c:v>10.67</c:v>
                </c:pt>
                <c:pt idx="909">
                  <c:v>10.65</c:v>
                </c:pt>
                <c:pt idx="910">
                  <c:v>10.53</c:v>
                </c:pt>
                <c:pt idx="911">
                  <c:v>10.4</c:v>
                </c:pt>
                <c:pt idx="912">
                  <c:v>10.4</c:v>
                </c:pt>
                <c:pt idx="913">
                  <c:v>10.42</c:v>
                </c:pt>
                <c:pt idx="914">
                  <c:v>10.38</c:v>
                </c:pt>
                <c:pt idx="915">
                  <c:v>10.33</c:v>
                </c:pt>
                <c:pt idx="916">
                  <c:v>10.28</c:v>
                </c:pt>
                <c:pt idx="917">
                  <c:v>10.220000000000001</c:v>
                </c:pt>
                <c:pt idx="918">
                  <c:v>10.119999999999999</c:v>
                </c:pt>
                <c:pt idx="919">
                  <c:v>10.24</c:v>
                </c:pt>
                <c:pt idx="920">
                  <c:v>10.31</c:v>
                </c:pt>
                <c:pt idx="921">
                  <c:v>10.39</c:v>
                </c:pt>
                <c:pt idx="922">
                  <c:v>10.44</c:v>
                </c:pt>
                <c:pt idx="923">
                  <c:v>10.46</c:v>
                </c:pt>
                <c:pt idx="924">
                  <c:v>10.71</c:v>
                </c:pt>
                <c:pt idx="925">
                  <c:v>10.68</c:v>
                </c:pt>
                <c:pt idx="926">
                  <c:v>10.77</c:v>
                </c:pt>
                <c:pt idx="927">
                  <c:v>10.8</c:v>
                </c:pt>
                <c:pt idx="928">
                  <c:v>10.81</c:v>
                </c:pt>
                <c:pt idx="929">
                  <c:v>10.71</c:v>
                </c:pt>
                <c:pt idx="930">
                  <c:v>10.6</c:v>
                </c:pt>
                <c:pt idx="931">
                  <c:v>10.55</c:v>
                </c:pt>
                <c:pt idx="932">
                  <c:v>10.56</c:v>
                </c:pt>
                <c:pt idx="933">
                  <c:v>10.69</c:v>
                </c:pt>
                <c:pt idx="934">
                  <c:v>10.78</c:v>
                </c:pt>
                <c:pt idx="935">
                  <c:v>10.91</c:v>
                </c:pt>
                <c:pt idx="936">
                  <c:v>10.86</c:v>
                </c:pt>
                <c:pt idx="937">
                  <c:v>10.98</c:v>
                </c:pt>
                <c:pt idx="938">
                  <c:v>11.22</c:v>
                </c:pt>
                <c:pt idx="939">
                  <c:v>11.19</c:v>
                </c:pt>
                <c:pt idx="940">
                  <c:v>11.07</c:v>
                </c:pt>
                <c:pt idx="941">
                  <c:v>11.11</c:v>
                </c:pt>
                <c:pt idx="942">
                  <c:v>10.99</c:v>
                </c:pt>
                <c:pt idx="943">
                  <c:v>11.03</c:v>
                </c:pt>
                <c:pt idx="944">
                  <c:v>10.97</c:v>
                </c:pt>
                <c:pt idx="945">
                  <c:v>10.93</c:v>
                </c:pt>
                <c:pt idx="946">
                  <c:v>10.69</c:v>
                </c:pt>
                <c:pt idx="947">
                  <c:v>10.5</c:v>
                </c:pt>
                <c:pt idx="948">
                  <c:v>10.48</c:v>
                </c:pt>
                <c:pt idx="949">
                  <c:v>10.199999999999999</c:v>
                </c:pt>
                <c:pt idx="950">
                  <c:v>10.039999999999999</c:v>
                </c:pt>
                <c:pt idx="951">
                  <c:v>10.19</c:v>
                </c:pt>
                <c:pt idx="952">
                  <c:v>10.07</c:v>
                </c:pt>
                <c:pt idx="953">
                  <c:v>10.029999999999999</c:v>
                </c:pt>
                <c:pt idx="954">
                  <c:v>9.82</c:v>
                </c:pt>
                <c:pt idx="955">
                  <c:v>9.8699999999999992</c:v>
                </c:pt>
                <c:pt idx="956">
                  <c:v>9.81</c:v>
                </c:pt>
                <c:pt idx="957">
                  <c:v>9.68</c:v>
                </c:pt>
                <c:pt idx="958">
                  <c:v>9.9600000000000009</c:v>
                </c:pt>
                <c:pt idx="959">
                  <c:v>10.09</c:v>
                </c:pt>
                <c:pt idx="960">
                  <c:v>10.210000000000001</c:v>
                </c:pt>
                <c:pt idx="961">
                  <c:v>10.220000000000001</c:v>
                </c:pt>
                <c:pt idx="962">
                  <c:v>10.17</c:v>
                </c:pt>
                <c:pt idx="963">
                  <c:v>10.050000000000001</c:v>
                </c:pt>
                <c:pt idx="964">
                  <c:v>10.029999999999999</c:v>
                </c:pt>
                <c:pt idx="965">
                  <c:v>10.16</c:v>
                </c:pt>
                <c:pt idx="966">
                  <c:v>10.1</c:v>
                </c:pt>
                <c:pt idx="967">
                  <c:v>9.9499999999999993</c:v>
                </c:pt>
                <c:pt idx="968">
                  <c:v>9.92</c:v>
                </c:pt>
                <c:pt idx="969">
                  <c:v>9.82</c:v>
                </c:pt>
                <c:pt idx="970">
                  <c:v>9.82</c:v>
                </c:pt>
                <c:pt idx="971">
                  <c:v>9.7899999999999991</c:v>
                </c:pt>
                <c:pt idx="972">
                  <c:v>9.7200000000000006</c:v>
                </c:pt>
                <c:pt idx="973">
                  <c:v>9.74</c:v>
                </c:pt>
                <c:pt idx="974">
                  <c:v>9.74</c:v>
                </c:pt>
                <c:pt idx="975">
                  <c:v>9.76</c:v>
                </c:pt>
                <c:pt idx="976">
                  <c:v>9.75</c:v>
                </c:pt>
                <c:pt idx="977">
                  <c:v>9.69</c:v>
                </c:pt>
                <c:pt idx="978">
                  <c:v>9.7799999999999994</c:v>
                </c:pt>
                <c:pt idx="979">
                  <c:v>9.83</c:v>
                </c:pt>
                <c:pt idx="980">
                  <c:v>9.8000000000000007</c:v>
                </c:pt>
                <c:pt idx="981">
                  <c:v>9.9</c:v>
                </c:pt>
                <c:pt idx="982">
                  <c:v>10.050000000000001</c:v>
                </c:pt>
                <c:pt idx="983">
                  <c:v>10.17</c:v>
                </c:pt>
                <c:pt idx="984">
                  <c:v>10.210000000000001</c:v>
                </c:pt>
                <c:pt idx="985">
                  <c:v>10.1</c:v>
                </c:pt>
                <c:pt idx="986">
                  <c:v>10.31</c:v>
                </c:pt>
                <c:pt idx="987">
                  <c:v>10.23</c:v>
                </c:pt>
                <c:pt idx="988">
                  <c:v>10.29</c:v>
                </c:pt>
                <c:pt idx="989">
                  <c:v>10.34</c:v>
                </c:pt>
                <c:pt idx="990">
                  <c:v>10.26</c:v>
                </c:pt>
                <c:pt idx="991">
                  <c:v>10.220000000000001</c:v>
                </c:pt>
                <c:pt idx="992">
                  <c:v>10.26</c:v>
                </c:pt>
                <c:pt idx="993">
                  <c:v>10.25</c:v>
                </c:pt>
                <c:pt idx="994">
                  <c:v>10.41</c:v>
                </c:pt>
                <c:pt idx="995">
                  <c:v>10.56</c:v>
                </c:pt>
                <c:pt idx="996">
                  <c:v>10.67</c:v>
                </c:pt>
                <c:pt idx="997">
                  <c:v>10.54</c:v>
                </c:pt>
                <c:pt idx="998">
                  <c:v>10.37</c:v>
                </c:pt>
                <c:pt idx="999">
                  <c:v>10.33</c:v>
                </c:pt>
                <c:pt idx="1000">
                  <c:v>10.29</c:v>
                </c:pt>
                <c:pt idx="1001">
                  <c:v>10.1</c:v>
                </c:pt>
                <c:pt idx="1002">
                  <c:v>10.119999999999999</c:v>
                </c:pt>
                <c:pt idx="1003">
                  <c:v>10.16</c:v>
                </c:pt>
                <c:pt idx="1004">
                  <c:v>10.15</c:v>
                </c:pt>
                <c:pt idx="1005">
                  <c:v>10.06</c:v>
                </c:pt>
                <c:pt idx="1006">
                  <c:v>10.11</c:v>
                </c:pt>
                <c:pt idx="1007">
                  <c:v>9.99</c:v>
                </c:pt>
                <c:pt idx="1008">
                  <c:v>9.98</c:v>
                </c:pt>
                <c:pt idx="1009">
                  <c:v>9.84</c:v>
                </c:pt>
                <c:pt idx="1010">
                  <c:v>10.08</c:v>
                </c:pt>
                <c:pt idx="1011">
                  <c:v>10.050000000000001</c:v>
                </c:pt>
                <c:pt idx="1012">
                  <c:v>10.29</c:v>
                </c:pt>
                <c:pt idx="1013">
                  <c:v>10.24</c:v>
                </c:pt>
                <c:pt idx="1014">
                  <c:v>10.19</c:v>
                </c:pt>
                <c:pt idx="1015">
                  <c:v>10.130000000000001</c:v>
                </c:pt>
                <c:pt idx="1016">
                  <c:v>10.16</c:v>
                </c:pt>
                <c:pt idx="1017">
                  <c:v>10.220000000000001</c:v>
                </c:pt>
                <c:pt idx="1018">
                  <c:v>10.08</c:v>
                </c:pt>
                <c:pt idx="1019">
                  <c:v>10.220000000000001</c:v>
                </c:pt>
                <c:pt idx="1020">
                  <c:v>10.24</c:v>
                </c:pt>
                <c:pt idx="1021">
                  <c:v>10.17</c:v>
                </c:pt>
                <c:pt idx="1022">
                  <c:v>10.130000000000001</c:v>
                </c:pt>
                <c:pt idx="1023">
                  <c:v>10.09</c:v>
                </c:pt>
                <c:pt idx="1024">
                  <c:v>10.02</c:v>
                </c:pt>
                <c:pt idx="1025">
                  <c:v>9.93</c:v>
                </c:pt>
                <c:pt idx="1026">
                  <c:v>9.9</c:v>
                </c:pt>
                <c:pt idx="1027">
                  <c:v>9.81</c:v>
                </c:pt>
                <c:pt idx="1028">
                  <c:v>9.56</c:v>
                </c:pt>
                <c:pt idx="1029">
                  <c:v>9.64</c:v>
                </c:pt>
                <c:pt idx="1030">
                  <c:v>9.68</c:v>
                </c:pt>
                <c:pt idx="1031">
                  <c:v>9.56</c:v>
                </c:pt>
                <c:pt idx="1032">
                  <c:v>9.6300000000000008</c:v>
                </c:pt>
                <c:pt idx="1033">
                  <c:v>9.75</c:v>
                </c:pt>
                <c:pt idx="1034">
                  <c:v>9.61</c:v>
                </c:pt>
                <c:pt idx="1035">
                  <c:v>9.56</c:v>
                </c:pt>
                <c:pt idx="1036">
                  <c:v>9.36</c:v>
                </c:pt>
                <c:pt idx="1037">
                  <c:v>9.25</c:v>
                </c:pt>
                <c:pt idx="1038">
                  <c:v>9.2899999999999991</c:v>
                </c:pt>
                <c:pt idx="1039">
                  <c:v>9.4</c:v>
                </c:pt>
                <c:pt idx="1040">
                  <c:v>9.49</c:v>
                </c:pt>
                <c:pt idx="1041">
                  <c:v>9.5</c:v>
                </c:pt>
                <c:pt idx="1042">
                  <c:v>9.59</c:v>
                </c:pt>
                <c:pt idx="1043">
                  <c:v>9.52</c:v>
                </c:pt>
                <c:pt idx="1044">
                  <c:v>9.49</c:v>
                </c:pt>
                <c:pt idx="1045">
                  <c:v>9.48</c:v>
                </c:pt>
                <c:pt idx="1046">
                  <c:v>9.4700000000000006</c:v>
                </c:pt>
                <c:pt idx="1047">
                  <c:v>9.5299999999999994</c:v>
                </c:pt>
                <c:pt idx="1048">
                  <c:v>9.4700000000000006</c:v>
                </c:pt>
                <c:pt idx="1049">
                  <c:v>9.4700000000000006</c:v>
                </c:pt>
                <c:pt idx="1050">
                  <c:v>9.5</c:v>
                </c:pt>
                <c:pt idx="1051">
                  <c:v>9.4700000000000006</c:v>
                </c:pt>
                <c:pt idx="1052">
                  <c:v>9.4499999999999993</c:v>
                </c:pt>
                <c:pt idx="1053">
                  <c:v>9.48</c:v>
                </c:pt>
                <c:pt idx="1054">
                  <c:v>9.66</c:v>
                </c:pt>
                <c:pt idx="1055">
                  <c:v>9.65</c:v>
                </c:pt>
                <c:pt idx="1056">
                  <c:v>9.67</c:v>
                </c:pt>
                <c:pt idx="1057">
                  <c:v>9.6199999999999992</c:v>
                </c:pt>
                <c:pt idx="1058">
                  <c:v>9.64</c:v>
                </c:pt>
                <c:pt idx="1059">
                  <c:v>9.5399999999999991</c:v>
                </c:pt>
                <c:pt idx="1060">
                  <c:v>9.5</c:v>
                </c:pt>
                <c:pt idx="1061">
                  <c:v>9.44</c:v>
                </c:pt>
                <c:pt idx="1062">
                  <c:v>9.27</c:v>
                </c:pt>
                <c:pt idx="1063">
                  <c:v>9.19</c:v>
                </c:pt>
                <c:pt idx="1064">
                  <c:v>9.17</c:v>
                </c:pt>
                <c:pt idx="1065">
                  <c:v>9.15</c:v>
                </c:pt>
                <c:pt idx="1066">
                  <c:v>9.14</c:v>
                </c:pt>
                <c:pt idx="1067">
                  <c:v>9.02</c:v>
                </c:pt>
                <c:pt idx="1068">
                  <c:v>8.9499999999999993</c:v>
                </c:pt>
                <c:pt idx="1069">
                  <c:v>8.92</c:v>
                </c:pt>
                <c:pt idx="1070">
                  <c:v>8.8699999999999992</c:v>
                </c:pt>
                <c:pt idx="1071">
                  <c:v>8.82</c:v>
                </c:pt>
                <c:pt idx="1072">
                  <c:v>8.82</c:v>
                </c:pt>
                <c:pt idx="1073">
                  <c:v>8.91</c:v>
                </c:pt>
                <c:pt idx="1074">
                  <c:v>8.7799999999999994</c:v>
                </c:pt>
                <c:pt idx="1075">
                  <c:v>8.76</c:v>
                </c:pt>
                <c:pt idx="1076">
                  <c:v>8.69</c:v>
                </c:pt>
                <c:pt idx="1077">
                  <c:v>8.6300000000000008</c:v>
                </c:pt>
                <c:pt idx="1078">
                  <c:v>8.6999999999999993</c:v>
                </c:pt>
                <c:pt idx="1079">
                  <c:v>8.6199999999999992</c:v>
                </c:pt>
                <c:pt idx="1080">
                  <c:v>8.5299999999999994</c:v>
                </c:pt>
                <c:pt idx="1081">
                  <c:v>8.49</c:v>
                </c:pt>
                <c:pt idx="1082">
                  <c:v>8.35</c:v>
                </c:pt>
                <c:pt idx="1083">
                  <c:v>8.24</c:v>
                </c:pt>
                <c:pt idx="1084">
                  <c:v>8.23</c:v>
                </c:pt>
                <c:pt idx="1085">
                  <c:v>8.4499999999999993</c:v>
                </c:pt>
                <c:pt idx="1086">
                  <c:v>8.56</c:v>
                </c:pt>
                <c:pt idx="1087">
                  <c:v>8.68</c:v>
                </c:pt>
                <c:pt idx="1088">
                  <c:v>8.67</c:v>
                </c:pt>
                <c:pt idx="1089">
                  <c:v>8.73</c:v>
                </c:pt>
                <c:pt idx="1090">
                  <c:v>8.82</c:v>
                </c:pt>
                <c:pt idx="1091">
                  <c:v>8.83</c:v>
                </c:pt>
                <c:pt idx="1092">
                  <c:v>8.85</c:v>
                </c:pt>
                <c:pt idx="1093">
                  <c:v>8.8800000000000008</c:v>
                </c:pt>
                <c:pt idx="1094">
                  <c:v>9.0299999999999994</c:v>
                </c:pt>
                <c:pt idx="1095">
                  <c:v>8.98</c:v>
                </c:pt>
                <c:pt idx="1096">
                  <c:v>8.9600000000000009</c:v>
                </c:pt>
                <c:pt idx="1097">
                  <c:v>8.84</c:v>
                </c:pt>
                <c:pt idx="1098">
                  <c:v>8.76</c:v>
                </c:pt>
                <c:pt idx="1099">
                  <c:v>8.85</c:v>
                </c:pt>
                <c:pt idx="1100">
                  <c:v>8.84</c:v>
                </c:pt>
                <c:pt idx="1101">
                  <c:v>8.75</c:v>
                </c:pt>
                <c:pt idx="1102">
                  <c:v>8.64</c:v>
                </c:pt>
                <c:pt idx="1103">
                  <c:v>8.5299999999999994</c:v>
                </c:pt>
                <c:pt idx="1104">
                  <c:v>8.6</c:v>
                </c:pt>
                <c:pt idx="1105">
                  <c:v>8.59</c:v>
                </c:pt>
                <c:pt idx="1106">
                  <c:v>8.5399999999999991</c:v>
                </c:pt>
                <c:pt idx="1107">
                  <c:v>8.48</c:v>
                </c:pt>
                <c:pt idx="1108">
                  <c:v>8.43</c:v>
                </c:pt>
                <c:pt idx="1109">
                  <c:v>8.2899999999999991</c:v>
                </c:pt>
                <c:pt idx="1110">
                  <c:v>8.1300000000000008</c:v>
                </c:pt>
                <c:pt idx="1111">
                  <c:v>8.09</c:v>
                </c:pt>
                <c:pt idx="1112">
                  <c:v>8.08</c:v>
                </c:pt>
                <c:pt idx="1113">
                  <c:v>8.0500000000000007</c:v>
                </c:pt>
                <c:pt idx="1114">
                  <c:v>8.06</c:v>
                </c:pt>
                <c:pt idx="1115">
                  <c:v>7.96</c:v>
                </c:pt>
                <c:pt idx="1116">
                  <c:v>7.87</c:v>
                </c:pt>
                <c:pt idx="1117">
                  <c:v>8.01</c:v>
                </c:pt>
                <c:pt idx="1118">
                  <c:v>7.94</c:v>
                </c:pt>
                <c:pt idx="1119">
                  <c:v>7.84</c:v>
                </c:pt>
                <c:pt idx="1120">
                  <c:v>7.89</c:v>
                </c:pt>
                <c:pt idx="1121">
                  <c:v>8.02</c:v>
                </c:pt>
                <c:pt idx="1122">
                  <c:v>7.93</c:v>
                </c:pt>
                <c:pt idx="1123">
                  <c:v>8.01</c:v>
                </c:pt>
                <c:pt idx="1124">
                  <c:v>8.06</c:v>
                </c:pt>
                <c:pt idx="1125">
                  <c:v>8.23</c:v>
                </c:pt>
                <c:pt idx="1126">
                  <c:v>8.2100000000000009</c:v>
                </c:pt>
                <c:pt idx="1127">
                  <c:v>8.2899999999999991</c:v>
                </c:pt>
                <c:pt idx="1128">
                  <c:v>8.32</c:v>
                </c:pt>
                <c:pt idx="1129">
                  <c:v>8.32</c:v>
                </c:pt>
                <c:pt idx="1130">
                  <c:v>8.2899999999999991</c:v>
                </c:pt>
                <c:pt idx="1131">
                  <c:v>8.34</c:v>
                </c:pt>
                <c:pt idx="1132">
                  <c:v>8.23</c:v>
                </c:pt>
                <c:pt idx="1133">
                  <c:v>8.19</c:v>
                </c:pt>
                <c:pt idx="1134">
                  <c:v>8.1300000000000008</c:v>
                </c:pt>
                <c:pt idx="1135">
                  <c:v>8.14</c:v>
                </c:pt>
                <c:pt idx="1136">
                  <c:v>8.07</c:v>
                </c:pt>
                <c:pt idx="1137">
                  <c:v>8.0399999999999991</c:v>
                </c:pt>
                <c:pt idx="1138">
                  <c:v>8</c:v>
                </c:pt>
                <c:pt idx="1139">
                  <c:v>7.86</c:v>
                </c:pt>
                <c:pt idx="1140">
                  <c:v>7.8</c:v>
                </c:pt>
                <c:pt idx="1141">
                  <c:v>7.75</c:v>
                </c:pt>
                <c:pt idx="1142">
                  <c:v>7.65</c:v>
                </c:pt>
                <c:pt idx="1143">
                  <c:v>7.53</c:v>
                </c:pt>
                <c:pt idx="1144">
                  <c:v>7.44</c:v>
                </c:pt>
                <c:pt idx="1145">
                  <c:v>7.47</c:v>
                </c:pt>
                <c:pt idx="1146">
                  <c:v>7.57</c:v>
                </c:pt>
                <c:pt idx="1147">
                  <c:v>7.5</c:v>
                </c:pt>
                <c:pt idx="1148">
                  <c:v>7.53</c:v>
                </c:pt>
                <c:pt idx="1149">
                  <c:v>7.57</c:v>
                </c:pt>
                <c:pt idx="1150">
                  <c:v>7.45</c:v>
                </c:pt>
                <c:pt idx="1151">
                  <c:v>7.38</c:v>
                </c:pt>
                <c:pt idx="1152">
                  <c:v>7.43</c:v>
                </c:pt>
                <c:pt idx="1153">
                  <c:v>7.42</c:v>
                </c:pt>
                <c:pt idx="1154">
                  <c:v>7.42</c:v>
                </c:pt>
                <c:pt idx="1155">
                  <c:v>7.52</c:v>
                </c:pt>
                <c:pt idx="1156">
                  <c:v>7.5</c:v>
                </c:pt>
                <c:pt idx="1157">
                  <c:v>7.47</c:v>
                </c:pt>
                <c:pt idx="1158">
                  <c:v>7.48</c:v>
                </c:pt>
                <c:pt idx="1159">
                  <c:v>7.38</c:v>
                </c:pt>
                <c:pt idx="1160">
                  <c:v>7.34</c:v>
                </c:pt>
                <c:pt idx="1161">
                  <c:v>7.23</c:v>
                </c:pt>
                <c:pt idx="1162">
                  <c:v>7.19</c:v>
                </c:pt>
                <c:pt idx="1163">
                  <c:v>7.16</c:v>
                </c:pt>
                <c:pt idx="1164">
                  <c:v>7.2</c:v>
                </c:pt>
                <c:pt idx="1165">
                  <c:v>7.25</c:v>
                </c:pt>
                <c:pt idx="1166">
                  <c:v>7.21</c:v>
                </c:pt>
                <c:pt idx="1167">
                  <c:v>7.17</c:v>
                </c:pt>
                <c:pt idx="1168">
                  <c:v>7.1</c:v>
                </c:pt>
                <c:pt idx="1169">
                  <c:v>6.97</c:v>
                </c:pt>
                <c:pt idx="1170">
                  <c:v>6.93</c:v>
                </c:pt>
                <c:pt idx="1171">
                  <c:v>6.82</c:v>
                </c:pt>
                <c:pt idx="1172">
                  <c:v>6.96</c:v>
                </c:pt>
                <c:pt idx="1173">
                  <c:v>6.95</c:v>
                </c:pt>
                <c:pt idx="1174">
                  <c:v>6.89</c:v>
                </c:pt>
                <c:pt idx="1175">
                  <c:v>6.87</c:v>
                </c:pt>
                <c:pt idx="1176">
                  <c:v>6.81</c:v>
                </c:pt>
                <c:pt idx="1177">
                  <c:v>6.74</c:v>
                </c:pt>
                <c:pt idx="1178">
                  <c:v>6.86</c:v>
                </c:pt>
                <c:pt idx="1179">
                  <c:v>7.11</c:v>
                </c:pt>
                <c:pt idx="1180">
                  <c:v>7.12</c:v>
                </c:pt>
                <c:pt idx="1181">
                  <c:v>7.08</c:v>
                </c:pt>
                <c:pt idx="1182">
                  <c:v>7.31</c:v>
                </c:pt>
                <c:pt idx="1183">
                  <c:v>7.25</c:v>
                </c:pt>
                <c:pt idx="1184">
                  <c:v>7.14</c:v>
                </c:pt>
                <c:pt idx="1185">
                  <c:v>7.17</c:v>
                </c:pt>
                <c:pt idx="1186">
                  <c:v>7.17</c:v>
                </c:pt>
                <c:pt idx="1187">
                  <c:v>7.13</c:v>
                </c:pt>
                <c:pt idx="1188">
                  <c:v>7.23</c:v>
                </c:pt>
                <c:pt idx="1189">
                  <c:v>6.99</c:v>
                </c:pt>
                <c:pt idx="1190">
                  <c:v>7.05</c:v>
                </c:pt>
                <c:pt idx="1191">
                  <c:v>6.97</c:v>
                </c:pt>
                <c:pt idx="1192">
                  <c:v>6.97</c:v>
                </c:pt>
                <c:pt idx="1193">
                  <c:v>7.21</c:v>
                </c:pt>
                <c:pt idx="1194">
                  <c:v>7.11</c:v>
                </c:pt>
                <c:pt idx="1195">
                  <c:v>7.32</c:v>
                </c:pt>
                <c:pt idx="1196">
                  <c:v>7.51</c:v>
                </c:pt>
                <c:pt idx="1197">
                  <c:v>7.63</c:v>
                </c:pt>
                <c:pt idx="1198">
                  <c:v>7.76</c:v>
                </c:pt>
                <c:pt idx="1199">
                  <c:v>7.8</c:v>
                </c:pt>
                <c:pt idx="1200">
                  <c:v>8.0399999999999991</c:v>
                </c:pt>
                <c:pt idx="1201">
                  <c:v>8.4700000000000006</c:v>
                </c:pt>
                <c:pt idx="1202">
                  <c:v>8.26</c:v>
                </c:pt>
                <c:pt idx="1203">
                  <c:v>8.49</c:v>
                </c:pt>
                <c:pt idx="1204">
                  <c:v>8.32</c:v>
                </c:pt>
                <c:pt idx="1205">
                  <c:v>8.5299999999999994</c:v>
                </c:pt>
                <c:pt idx="1206">
                  <c:v>8.77</c:v>
                </c:pt>
                <c:pt idx="1207">
                  <c:v>8.56</c:v>
                </c:pt>
                <c:pt idx="1208">
                  <c:v>8.5299999999999994</c:v>
                </c:pt>
                <c:pt idx="1209">
                  <c:v>8.5500000000000007</c:v>
                </c:pt>
                <c:pt idx="1210">
                  <c:v>8.25</c:v>
                </c:pt>
                <c:pt idx="1211">
                  <c:v>8.33</c:v>
                </c:pt>
                <c:pt idx="1212">
                  <c:v>8.4600000000000009</c:v>
                </c:pt>
                <c:pt idx="1213">
                  <c:v>8.57</c:v>
                </c:pt>
                <c:pt idx="1214">
                  <c:v>8.68</c:v>
                </c:pt>
                <c:pt idx="1215">
                  <c:v>8.7200000000000006</c:v>
                </c:pt>
                <c:pt idx="1216">
                  <c:v>8.5299999999999994</c:v>
                </c:pt>
                <c:pt idx="1217">
                  <c:v>8.57</c:v>
                </c:pt>
                <c:pt idx="1218">
                  <c:v>8.3800000000000008</c:v>
                </c:pt>
                <c:pt idx="1219">
                  <c:v>8.57</c:v>
                </c:pt>
                <c:pt idx="1220">
                  <c:v>8.5399999999999991</c:v>
                </c:pt>
                <c:pt idx="1221">
                  <c:v>8.56</c:v>
                </c:pt>
                <c:pt idx="1222">
                  <c:v>8.48</c:v>
                </c:pt>
                <c:pt idx="1223">
                  <c:v>8.51</c:v>
                </c:pt>
                <c:pt idx="1224">
                  <c:v>8.66</c:v>
                </c:pt>
                <c:pt idx="1225">
                  <c:v>8.73</c:v>
                </c:pt>
                <c:pt idx="1226">
                  <c:v>8.82</c:v>
                </c:pt>
                <c:pt idx="1227">
                  <c:v>8.89</c:v>
                </c:pt>
                <c:pt idx="1228">
                  <c:v>8.93</c:v>
                </c:pt>
                <c:pt idx="1229">
                  <c:v>8.85</c:v>
                </c:pt>
                <c:pt idx="1230">
                  <c:v>9.0299999999999994</c:v>
                </c:pt>
                <c:pt idx="1231">
                  <c:v>9.0500000000000007</c:v>
                </c:pt>
                <c:pt idx="1232">
                  <c:v>9.19</c:v>
                </c:pt>
                <c:pt idx="1233">
                  <c:v>9.19</c:v>
                </c:pt>
                <c:pt idx="1234">
                  <c:v>9.25</c:v>
                </c:pt>
                <c:pt idx="1235">
                  <c:v>9.23</c:v>
                </c:pt>
                <c:pt idx="1236">
                  <c:v>9.15</c:v>
                </c:pt>
                <c:pt idx="1237">
                  <c:v>9.25</c:v>
                </c:pt>
                <c:pt idx="1238">
                  <c:v>9.18</c:v>
                </c:pt>
                <c:pt idx="1239">
                  <c:v>9.18</c:v>
                </c:pt>
                <c:pt idx="1240">
                  <c:v>9.2200000000000006</c:v>
                </c:pt>
                <c:pt idx="1241">
                  <c:v>9.19</c:v>
                </c:pt>
                <c:pt idx="1242">
                  <c:v>9.0500000000000007</c:v>
                </c:pt>
                <c:pt idx="1243">
                  <c:v>9.1300000000000008</c:v>
                </c:pt>
                <c:pt idx="1244">
                  <c:v>8.94</c:v>
                </c:pt>
                <c:pt idx="1245">
                  <c:v>8.8000000000000007</c:v>
                </c:pt>
                <c:pt idx="1246">
                  <c:v>8.84</c:v>
                </c:pt>
                <c:pt idx="1247">
                  <c:v>8.73</c:v>
                </c:pt>
                <c:pt idx="1248">
                  <c:v>8.5299999999999994</c:v>
                </c:pt>
                <c:pt idx="1249">
                  <c:v>8.6199999999999992</c:v>
                </c:pt>
                <c:pt idx="1250">
                  <c:v>8.3800000000000008</c:v>
                </c:pt>
                <c:pt idx="1251">
                  <c:v>8.4</c:v>
                </c:pt>
                <c:pt idx="1252">
                  <c:v>8.3800000000000008</c:v>
                </c:pt>
                <c:pt idx="1253">
                  <c:v>8.41</c:v>
                </c:pt>
                <c:pt idx="1254">
                  <c:v>8.3699999999999992</c:v>
                </c:pt>
                <c:pt idx="1255">
                  <c:v>8.24</c:v>
                </c:pt>
                <c:pt idx="1256">
                  <c:v>8.26</c:v>
                </c:pt>
                <c:pt idx="1257">
                  <c:v>8.27</c:v>
                </c:pt>
                <c:pt idx="1258">
                  <c:v>7.87</c:v>
                </c:pt>
                <c:pt idx="1259">
                  <c:v>7.83</c:v>
                </c:pt>
                <c:pt idx="1260">
                  <c:v>7.85</c:v>
                </c:pt>
                <c:pt idx="1261">
                  <c:v>7.71</c:v>
                </c:pt>
                <c:pt idx="1262">
                  <c:v>7.51</c:v>
                </c:pt>
                <c:pt idx="1263">
                  <c:v>7.55</c:v>
                </c:pt>
                <c:pt idx="1264">
                  <c:v>7.53</c:v>
                </c:pt>
                <c:pt idx="1265">
                  <c:v>7.53</c:v>
                </c:pt>
                <c:pt idx="1266">
                  <c:v>7.63</c:v>
                </c:pt>
                <c:pt idx="1267">
                  <c:v>7.41</c:v>
                </c:pt>
                <c:pt idx="1268">
                  <c:v>7.6</c:v>
                </c:pt>
                <c:pt idx="1269">
                  <c:v>7.79</c:v>
                </c:pt>
                <c:pt idx="1270">
                  <c:v>7.82</c:v>
                </c:pt>
                <c:pt idx="1271">
                  <c:v>7.8</c:v>
                </c:pt>
                <c:pt idx="1272">
                  <c:v>7.94</c:v>
                </c:pt>
                <c:pt idx="1273">
                  <c:v>7.88</c:v>
                </c:pt>
                <c:pt idx="1274">
                  <c:v>7.76</c:v>
                </c:pt>
                <c:pt idx="1275">
                  <c:v>7.63</c:v>
                </c:pt>
                <c:pt idx="1276">
                  <c:v>7.6</c:v>
                </c:pt>
                <c:pt idx="1277">
                  <c:v>7.57</c:v>
                </c:pt>
                <c:pt idx="1278">
                  <c:v>7.62</c:v>
                </c:pt>
                <c:pt idx="1279">
                  <c:v>7.57</c:v>
                </c:pt>
                <c:pt idx="1280">
                  <c:v>7.5</c:v>
                </c:pt>
                <c:pt idx="1281">
                  <c:v>7.38</c:v>
                </c:pt>
                <c:pt idx="1282">
                  <c:v>7.45</c:v>
                </c:pt>
                <c:pt idx="1283">
                  <c:v>7.44</c:v>
                </c:pt>
                <c:pt idx="1284">
                  <c:v>7.37</c:v>
                </c:pt>
                <c:pt idx="1285">
                  <c:v>7.35</c:v>
                </c:pt>
                <c:pt idx="1286">
                  <c:v>7.35</c:v>
                </c:pt>
                <c:pt idx="1287">
                  <c:v>7.33</c:v>
                </c:pt>
                <c:pt idx="1288">
                  <c:v>7.18</c:v>
                </c:pt>
                <c:pt idx="1289">
                  <c:v>7.15</c:v>
                </c:pt>
                <c:pt idx="1290">
                  <c:v>7.23</c:v>
                </c:pt>
                <c:pt idx="1291">
                  <c:v>7.11</c:v>
                </c:pt>
                <c:pt idx="1292">
                  <c:v>7.02</c:v>
                </c:pt>
                <c:pt idx="1293">
                  <c:v>7.08</c:v>
                </c:pt>
                <c:pt idx="1294">
                  <c:v>7.02</c:v>
                </c:pt>
                <c:pt idx="1295">
                  <c:v>7</c:v>
                </c:pt>
                <c:pt idx="1296">
                  <c:v>7.02</c:v>
                </c:pt>
                <c:pt idx="1297">
                  <c:v>7.02</c:v>
                </c:pt>
                <c:pt idx="1298">
                  <c:v>6.94</c:v>
                </c:pt>
                <c:pt idx="1299">
                  <c:v>7.32</c:v>
                </c:pt>
                <c:pt idx="1300">
                  <c:v>7.41</c:v>
                </c:pt>
                <c:pt idx="1301">
                  <c:v>7.38</c:v>
                </c:pt>
                <c:pt idx="1302">
                  <c:v>7.83</c:v>
                </c:pt>
                <c:pt idx="1303">
                  <c:v>7.81</c:v>
                </c:pt>
                <c:pt idx="1304">
                  <c:v>7.69</c:v>
                </c:pt>
                <c:pt idx="1305">
                  <c:v>7.78</c:v>
                </c:pt>
                <c:pt idx="1306">
                  <c:v>8.0500000000000007</c:v>
                </c:pt>
                <c:pt idx="1307">
                  <c:v>7.95</c:v>
                </c:pt>
                <c:pt idx="1308">
                  <c:v>7.92</c:v>
                </c:pt>
                <c:pt idx="1309">
                  <c:v>7.99</c:v>
                </c:pt>
                <c:pt idx="1310">
                  <c:v>8.24</c:v>
                </c:pt>
                <c:pt idx="1311">
                  <c:v>8.08</c:v>
                </c:pt>
                <c:pt idx="1312">
                  <c:v>8.01</c:v>
                </c:pt>
                <c:pt idx="1313">
                  <c:v>8.0299999999999994</c:v>
                </c:pt>
                <c:pt idx="1314">
                  <c:v>8.3000000000000007</c:v>
                </c:pt>
                <c:pt idx="1315">
                  <c:v>8.39</c:v>
                </c:pt>
                <c:pt idx="1316">
                  <c:v>8.3000000000000007</c:v>
                </c:pt>
                <c:pt idx="1317">
                  <c:v>8.2899999999999991</c:v>
                </c:pt>
                <c:pt idx="1318">
                  <c:v>8.14</c:v>
                </c:pt>
                <c:pt idx="1319">
                  <c:v>8.42</c:v>
                </c:pt>
                <c:pt idx="1320">
                  <c:v>8.23</c:v>
                </c:pt>
                <c:pt idx="1321">
                  <c:v>8.19</c:v>
                </c:pt>
                <c:pt idx="1322">
                  <c:v>8.23</c:v>
                </c:pt>
                <c:pt idx="1323">
                  <c:v>7.88</c:v>
                </c:pt>
                <c:pt idx="1324">
                  <c:v>7.88</c:v>
                </c:pt>
                <c:pt idx="1325">
                  <c:v>7.93</c:v>
                </c:pt>
                <c:pt idx="1326">
                  <c:v>8.09</c:v>
                </c:pt>
                <c:pt idx="1327">
                  <c:v>8.34</c:v>
                </c:pt>
                <c:pt idx="1328">
                  <c:v>8.2799999999999994</c:v>
                </c:pt>
                <c:pt idx="1329">
                  <c:v>8.14</c:v>
                </c:pt>
                <c:pt idx="1330">
                  <c:v>8.16</c:v>
                </c:pt>
                <c:pt idx="1331">
                  <c:v>8.06</c:v>
                </c:pt>
                <c:pt idx="1332">
                  <c:v>7.86</c:v>
                </c:pt>
                <c:pt idx="1333">
                  <c:v>7.88</c:v>
                </c:pt>
                <c:pt idx="1334">
                  <c:v>7.86</c:v>
                </c:pt>
                <c:pt idx="1335">
                  <c:v>7.78</c:v>
                </c:pt>
                <c:pt idx="1336">
                  <c:v>7.67</c:v>
                </c:pt>
                <c:pt idx="1337">
                  <c:v>7.59</c:v>
                </c:pt>
                <c:pt idx="1338">
                  <c:v>7.53</c:v>
                </c:pt>
                <c:pt idx="1339">
                  <c:v>7.52</c:v>
                </c:pt>
                <c:pt idx="1340">
                  <c:v>7.44</c:v>
                </c:pt>
                <c:pt idx="1341">
                  <c:v>7.57</c:v>
                </c:pt>
                <c:pt idx="1342">
                  <c:v>7.74</c:v>
                </c:pt>
                <c:pt idx="1343">
                  <c:v>7.64</c:v>
                </c:pt>
                <c:pt idx="1344">
                  <c:v>7.67</c:v>
                </c:pt>
                <c:pt idx="1345">
                  <c:v>7.85</c:v>
                </c:pt>
                <c:pt idx="1346">
                  <c:v>7.87</c:v>
                </c:pt>
                <c:pt idx="1347">
                  <c:v>7.85</c:v>
                </c:pt>
                <c:pt idx="1348">
                  <c:v>7.88</c:v>
                </c:pt>
                <c:pt idx="1349">
                  <c:v>7.74</c:v>
                </c:pt>
                <c:pt idx="1350">
                  <c:v>7.65</c:v>
                </c:pt>
                <c:pt idx="1351">
                  <c:v>7.56</c:v>
                </c:pt>
                <c:pt idx="1352">
                  <c:v>7.65</c:v>
                </c:pt>
                <c:pt idx="1353">
                  <c:v>7.84</c:v>
                </c:pt>
                <c:pt idx="1354">
                  <c:v>7.84</c:v>
                </c:pt>
                <c:pt idx="1355">
                  <c:v>7.94</c:v>
                </c:pt>
                <c:pt idx="1356">
                  <c:v>7.97</c:v>
                </c:pt>
                <c:pt idx="1357">
                  <c:v>8.18</c:v>
                </c:pt>
                <c:pt idx="1358">
                  <c:v>8.15</c:v>
                </c:pt>
                <c:pt idx="1359">
                  <c:v>8.16</c:v>
                </c:pt>
                <c:pt idx="1360">
                  <c:v>8.08</c:v>
                </c:pt>
                <c:pt idx="1361">
                  <c:v>8.01</c:v>
                </c:pt>
                <c:pt idx="1362">
                  <c:v>7.94</c:v>
                </c:pt>
                <c:pt idx="1363">
                  <c:v>7.91</c:v>
                </c:pt>
                <c:pt idx="1364">
                  <c:v>7.92</c:v>
                </c:pt>
                <c:pt idx="1365">
                  <c:v>7.94</c:v>
                </c:pt>
                <c:pt idx="1366">
                  <c:v>7.85</c:v>
                </c:pt>
                <c:pt idx="1367">
                  <c:v>7.72</c:v>
                </c:pt>
                <c:pt idx="1368">
                  <c:v>7.61</c:v>
                </c:pt>
                <c:pt idx="1369">
                  <c:v>7.58</c:v>
                </c:pt>
                <c:pt idx="1370">
                  <c:v>7.62</c:v>
                </c:pt>
                <c:pt idx="1371">
                  <c:v>7.47</c:v>
                </c:pt>
                <c:pt idx="1372">
                  <c:v>7.47</c:v>
                </c:pt>
                <c:pt idx="1373">
                  <c:v>7.43</c:v>
                </c:pt>
                <c:pt idx="1374">
                  <c:v>7.36</c:v>
                </c:pt>
                <c:pt idx="1375">
                  <c:v>7.46</c:v>
                </c:pt>
                <c:pt idx="1376">
                  <c:v>7.54</c:v>
                </c:pt>
                <c:pt idx="1377">
                  <c:v>7.46</c:v>
                </c:pt>
                <c:pt idx="1378">
                  <c:v>7.58</c:v>
                </c:pt>
                <c:pt idx="1379">
                  <c:v>7.53</c:v>
                </c:pt>
                <c:pt idx="1380">
                  <c:v>7.53</c:v>
                </c:pt>
                <c:pt idx="1381">
                  <c:v>7.38</c:v>
                </c:pt>
                <c:pt idx="1382">
                  <c:v>7.28</c:v>
                </c:pt>
                <c:pt idx="1383">
                  <c:v>7.31</c:v>
                </c:pt>
                <c:pt idx="1384">
                  <c:v>7.26</c:v>
                </c:pt>
                <c:pt idx="1385">
                  <c:v>7.34</c:v>
                </c:pt>
                <c:pt idx="1386">
                  <c:v>7.35</c:v>
                </c:pt>
                <c:pt idx="1387">
                  <c:v>7.21</c:v>
                </c:pt>
                <c:pt idx="1388">
                  <c:v>7.24</c:v>
                </c:pt>
                <c:pt idx="1389">
                  <c:v>7.23</c:v>
                </c:pt>
                <c:pt idx="1390">
                  <c:v>7.18</c:v>
                </c:pt>
                <c:pt idx="1391">
                  <c:v>7.17</c:v>
                </c:pt>
                <c:pt idx="1392">
                  <c:v>7.15</c:v>
                </c:pt>
                <c:pt idx="1393">
                  <c:v>7.17</c:v>
                </c:pt>
                <c:pt idx="1394">
                  <c:v>7.07</c:v>
                </c:pt>
                <c:pt idx="1395">
                  <c:v>6.99</c:v>
                </c:pt>
                <c:pt idx="1396">
                  <c:v>7.03</c:v>
                </c:pt>
                <c:pt idx="1397">
                  <c:v>6.94</c:v>
                </c:pt>
                <c:pt idx="1398">
                  <c:v>6.89</c:v>
                </c:pt>
                <c:pt idx="1399">
                  <c:v>6.99</c:v>
                </c:pt>
                <c:pt idx="1400">
                  <c:v>7.12</c:v>
                </c:pt>
                <c:pt idx="1401">
                  <c:v>7.03</c:v>
                </c:pt>
                <c:pt idx="1402">
                  <c:v>7.06</c:v>
                </c:pt>
                <c:pt idx="1403">
                  <c:v>6.99</c:v>
                </c:pt>
                <c:pt idx="1404">
                  <c:v>7.09</c:v>
                </c:pt>
                <c:pt idx="1405">
                  <c:v>7.19</c:v>
                </c:pt>
                <c:pt idx="1406">
                  <c:v>7.16</c:v>
                </c:pt>
                <c:pt idx="1407">
                  <c:v>7.08</c:v>
                </c:pt>
                <c:pt idx="1408">
                  <c:v>7.08</c:v>
                </c:pt>
                <c:pt idx="1409">
                  <c:v>7.15</c:v>
                </c:pt>
                <c:pt idx="1410">
                  <c:v>7.09</c:v>
                </c:pt>
                <c:pt idx="1411">
                  <c:v>7.17</c:v>
                </c:pt>
                <c:pt idx="1412">
                  <c:v>7.15</c:v>
                </c:pt>
                <c:pt idx="1413">
                  <c:v>7.22</c:v>
                </c:pt>
                <c:pt idx="1414">
                  <c:v>7.14</c:v>
                </c:pt>
                <c:pt idx="1415">
                  <c:v>7.19</c:v>
                </c:pt>
                <c:pt idx="1416">
                  <c:v>7.1</c:v>
                </c:pt>
                <c:pt idx="1417">
                  <c:v>7.07</c:v>
                </c:pt>
                <c:pt idx="1418">
                  <c:v>7.05</c:v>
                </c:pt>
                <c:pt idx="1419">
                  <c:v>7.04</c:v>
                </c:pt>
                <c:pt idx="1420">
                  <c:v>6.94</c:v>
                </c:pt>
                <c:pt idx="1421">
                  <c:v>6.96</c:v>
                </c:pt>
                <c:pt idx="1422">
                  <c:v>6.98</c:v>
                </c:pt>
                <c:pt idx="1423">
                  <c:v>6.91</c:v>
                </c:pt>
                <c:pt idx="1424">
                  <c:v>6.94</c:v>
                </c:pt>
                <c:pt idx="1425">
                  <c:v>6.96</c:v>
                </c:pt>
                <c:pt idx="1426">
                  <c:v>6.97</c:v>
                </c:pt>
                <c:pt idx="1427">
                  <c:v>6.94</c:v>
                </c:pt>
                <c:pt idx="1428">
                  <c:v>6.91</c:v>
                </c:pt>
                <c:pt idx="1429">
                  <c:v>6.92</c:v>
                </c:pt>
                <c:pt idx="1430">
                  <c:v>6.92</c:v>
                </c:pt>
                <c:pt idx="1431">
                  <c:v>6.82</c:v>
                </c:pt>
                <c:pt idx="1432">
                  <c:v>6.77</c:v>
                </c:pt>
                <c:pt idx="1433">
                  <c:v>6.66</c:v>
                </c:pt>
                <c:pt idx="1434">
                  <c:v>6.64</c:v>
                </c:pt>
                <c:pt idx="1435">
                  <c:v>6.6</c:v>
                </c:pt>
                <c:pt idx="1436">
                  <c:v>6.49</c:v>
                </c:pt>
                <c:pt idx="1437">
                  <c:v>6.9</c:v>
                </c:pt>
                <c:pt idx="1438">
                  <c:v>6.73</c:v>
                </c:pt>
                <c:pt idx="1439">
                  <c:v>6.83</c:v>
                </c:pt>
                <c:pt idx="1440">
                  <c:v>6.89</c:v>
                </c:pt>
                <c:pt idx="1441">
                  <c:v>6.93</c:v>
                </c:pt>
                <c:pt idx="1442">
                  <c:v>6.86</c:v>
                </c:pt>
                <c:pt idx="1443">
                  <c:v>6.78</c:v>
                </c:pt>
                <c:pt idx="1444">
                  <c:v>6.71</c:v>
                </c:pt>
                <c:pt idx="1445">
                  <c:v>6.69</c:v>
                </c:pt>
                <c:pt idx="1446">
                  <c:v>6.69</c:v>
                </c:pt>
                <c:pt idx="1447">
                  <c:v>6.77</c:v>
                </c:pt>
                <c:pt idx="1448">
                  <c:v>6.83</c:v>
                </c:pt>
                <c:pt idx="1449">
                  <c:v>6.79</c:v>
                </c:pt>
                <c:pt idx="1450">
                  <c:v>6.83</c:v>
                </c:pt>
                <c:pt idx="1451">
                  <c:v>6.78</c:v>
                </c:pt>
                <c:pt idx="1452">
                  <c:v>6.74</c:v>
                </c:pt>
                <c:pt idx="1453">
                  <c:v>6.75</c:v>
                </c:pt>
                <c:pt idx="1454">
                  <c:v>6.77</c:v>
                </c:pt>
                <c:pt idx="1455">
                  <c:v>6.82</c:v>
                </c:pt>
                <c:pt idx="1456">
                  <c:v>6.89</c:v>
                </c:pt>
                <c:pt idx="1457">
                  <c:v>7.06</c:v>
                </c:pt>
                <c:pt idx="1458">
                  <c:v>7.11</c:v>
                </c:pt>
                <c:pt idx="1459">
                  <c:v>7.01</c:v>
                </c:pt>
                <c:pt idx="1460">
                  <c:v>6.98</c:v>
                </c:pt>
                <c:pt idx="1461">
                  <c:v>6.98</c:v>
                </c:pt>
                <c:pt idx="1462">
                  <c:v>6.92</c:v>
                </c:pt>
                <c:pt idx="1463">
                  <c:v>6.87</c:v>
                </c:pt>
                <c:pt idx="1464">
                  <c:v>6.88</c:v>
                </c:pt>
                <c:pt idx="1465">
                  <c:v>6.93</c:v>
                </c:pt>
                <c:pt idx="1466">
                  <c:v>7.02</c:v>
                </c:pt>
                <c:pt idx="1467">
                  <c:v>7.1</c:v>
                </c:pt>
                <c:pt idx="1468">
                  <c:v>7.23</c:v>
                </c:pt>
                <c:pt idx="1469">
                  <c:v>7.23</c:v>
                </c:pt>
                <c:pt idx="1470">
                  <c:v>7.41</c:v>
                </c:pt>
                <c:pt idx="1471">
                  <c:v>7.51</c:v>
                </c:pt>
                <c:pt idx="1472">
                  <c:v>7.65</c:v>
                </c:pt>
                <c:pt idx="1473">
                  <c:v>7.63</c:v>
                </c:pt>
                <c:pt idx="1474">
                  <c:v>7.71</c:v>
                </c:pt>
                <c:pt idx="1475">
                  <c:v>7.65</c:v>
                </c:pt>
                <c:pt idx="1476">
                  <c:v>7.58</c:v>
                </c:pt>
                <c:pt idx="1477">
                  <c:v>7.52</c:v>
                </c:pt>
                <c:pt idx="1478">
                  <c:v>7.7</c:v>
                </c:pt>
                <c:pt idx="1479">
                  <c:v>7.89</c:v>
                </c:pt>
                <c:pt idx="1480">
                  <c:v>8.15</c:v>
                </c:pt>
                <c:pt idx="1481">
                  <c:v>7.93</c:v>
                </c:pt>
                <c:pt idx="1482">
                  <c:v>7.8</c:v>
                </c:pt>
                <c:pt idx="1483">
                  <c:v>7.83</c:v>
                </c:pt>
                <c:pt idx="1484">
                  <c:v>7.88</c:v>
                </c:pt>
                <c:pt idx="1485">
                  <c:v>7.82</c:v>
                </c:pt>
                <c:pt idx="1486">
                  <c:v>7.76</c:v>
                </c:pt>
                <c:pt idx="1487">
                  <c:v>7.7</c:v>
                </c:pt>
                <c:pt idx="1488">
                  <c:v>7.82</c:v>
                </c:pt>
                <c:pt idx="1489">
                  <c:v>7.85</c:v>
                </c:pt>
                <c:pt idx="1490">
                  <c:v>7.93</c:v>
                </c:pt>
                <c:pt idx="1491">
                  <c:v>7.96</c:v>
                </c:pt>
                <c:pt idx="1492">
                  <c:v>7.84</c:v>
                </c:pt>
                <c:pt idx="1493">
                  <c:v>7.67</c:v>
                </c:pt>
                <c:pt idx="1494">
                  <c:v>7.69</c:v>
                </c:pt>
                <c:pt idx="1495">
                  <c:v>7.75</c:v>
                </c:pt>
                <c:pt idx="1496">
                  <c:v>7.84</c:v>
                </c:pt>
                <c:pt idx="1497">
                  <c:v>7.84</c:v>
                </c:pt>
                <c:pt idx="1498">
                  <c:v>7.86</c:v>
                </c:pt>
                <c:pt idx="1499">
                  <c:v>7.96</c:v>
                </c:pt>
                <c:pt idx="1500">
                  <c:v>8.06</c:v>
                </c:pt>
                <c:pt idx="1501">
                  <c:v>8.15</c:v>
                </c:pt>
                <c:pt idx="1502">
                  <c:v>8.18</c:v>
                </c:pt>
                <c:pt idx="1503">
                  <c:v>8.26</c:v>
                </c:pt>
                <c:pt idx="1504">
                  <c:v>8.25</c:v>
                </c:pt>
                <c:pt idx="1505">
                  <c:v>8.25</c:v>
                </c:pt>
                <c:pt idx="1506">
                  <c:v>8.36</c:v>
                </c:pt>
                <c:pt idx="1507">
                  <c:v>8.3800000000000008</c:v>
                </c:pt>
                <c:pt idx="1508">
                  <c:v>8.31</c:v>
                </c:pt>
                <c:pt idx="1509">
                  <c:v>8.27</c:v>
                </c:pt>
                <c:pt idx="1510">
                  <c:v>8.23</c:v>
                </c:pt>
                <c:pt idx="1511">
                  <c:v>8.24</c:v>
                </c:pt>
                <c:pt idx="1512">
                  <c:v>8.23</c:v>
                </c:pt>
                <c:pt idx="1513">
                  <c:v>8.23</c:v>
                </c:pt>
                <c:pt idx="1514">
                  <c:v>8.1999999999999993</c:v>
                </c:pt>
                <c:pt idx="1515">
                  <c:v>8.1199999999999992</c:v>
                </c:pt>
                <c:pt idx="1516">
                  <c:v>8.16</c:v>
                </c:pt>
                <c:pt idx="1517">
                  <c:v>8.1300000000000008</c:v>
                </c:pt>
                <c:pt idx="1518">
                  <c:v>8.2799999999999994</c:v>
                </c:pt>
                <c:pt idx="1519">
                  <c:v>8.52</c:v>
                </c:pt>
                <c:pt idx="1520">
                  <c:v>8.64</c:v>
                </c:pt>
                <c:pt idx="1521">
                  <c:v>8.6199999999999992</c:v>
                </c:pt>
                <c:pt idx="1522">
                  <c:v>8.5399999999999991</c:v>
                </c:pt>
                <c:pt idx="1523">
                  <c:v>8.32</c:v>
                </c:pt>
                <c:pt idx="1524">
                  <c:v>8.2200000000000006</c:v>
                </c:pt>
                <c:pt idx="1525">
                  <c:v>8.14</c:v>
                </c:pt>
                <c:pt idx="1526">
                  <c:v>8.2200000000000006</c:v>
                </c:pt>
                <c:pt idx="1527">
                  <c:v>8.16</c:v>
                </c:pt>
                <c:pt idx="1528">
                  <c:v>8.09</c:v>
                </c:pt>
                <c:pt idx="1529">
                  <c:v>8.2100000000000009</c:v>
                </c:pt>
                <c:pt idx="1530">
                  <c:v>8.1300000000000008</c:v>
                </c:pt>
                <c:pt idx="1531">
                  <c:v>8.1199999999999992</c:v>
                </c:pt>
                <c:pt idx="1532">
                  <c:v>8.0399999999999991</c:v>
                </c:pt>
                <c:pt idx="1533">
                  <c:v>7.96</c:v>
                </c:pt>
                <c:pt idx="1534">
                  <c:v>7.99</c:v>
                </c:pt>
                <c:pt idx="1535">
                  <c:v>7.96</c:v>
                </c:pt>
                <c:pt idx="1536">
                  <c:v>7.94</c:v>
                </c:pt>
                <c:pt idx="1537">
                  <c:v>7.88</c:v>
                </c:pt>
                <c:pt idx="1538">
                  <c:v>7.9</c:v>
                </c:pt>
                <c:pt idx="1539">
                  <c:v>7.88</c:v>
                </c:pt>
                <c:pt idx="1540">
                  <c:v>7.83</c:v>
                </c:pt>
                <c:pt idx="1541">
                  <c:v>7.84</c:v>
                </c:pt>
                <c:pt idx="1542">
                  <c:v>7.83</c:v>
                </c:pt>
                <c:pt idx="1543">
                  <c:v>7.68</c:v>
                </c:pt>
                <c:pt idx="1544">
                  <c:v>7.73</c:v>
                </c:pt>
                <c:pt idx="1545">
                  <c:v>7.79</c:v>
                </c:pt>
                <c:pt idx="1546">
                  <c:v>7.73</c:v>
                </c:pt>
                <c:pt idx="1547">
                  <c:v>7.73</c:v>
                </c:pt>
                <c:pt idx="1548">
                  <c:v>7.65</c:v>
                </c:pt>
                <c:pt idx="1549">
                  <c:v>7.54</c:v>
                </c:pt>
                <c:pt idx="1550">
                  <c:v>7.42</c:v>
                </c:pt>
                <c:pt idx="1551">
                  <c:v>7.17</c:v>
                </c:pt>
                <c:pt idx="1552">
                  <c:v>7.13</c:v>
                </c:pt>
                <c:pt idx="1553">
                  <c:v>7.07</c:v>
                </c:pt>
                <c:pt idx="1554">
                  <c:v>6.89</c:v>
                </c:pt>
                <c:pt idx="1555">
                  <c:v>7.02</c:v>
                </c:pt>
                <c:pt idx="1556">
                  <c:v>7.15</c:v>
                </c:pt>
                <c:pt idx="1557">
                  <c:v>7.09</c:v>
                </c:pt>
                <c:pt idx="1558">
                  <c:v>6.98</c:v>
                </c:pt>
                <c:pt idx="1559">
                  <c:v>7.01</c:v>
                </c:pt>
                <c:pt idx="1560">
                  <c:v>7.12</c:v>
                </c:pt>
                <c:pt idx="1561">
                  <c:v>7.03</c:v>
                </c:pt>
                <c:pt idx="1562">
                  <c:v>6.97</c:v>
                </c:pt>
                <c:pt idx="1563">
                  <c:v>6.96</c:v>
                </c:pt>
                <c:pt idx="1564">
                  <c:v>6.89</c:v>
                </c:pt>
                <c:pt idx="1565">
                  <c:v>6.91</c:v>
                </c:pt>
                <c:pt idx="1566">
                  <c:v>7.01</c:v>
                </c:pt>
                <c:pt idx="1567">
                  <c:v>7.04</c:v>
                </c:pt>
                <c:pt idx="1568">
                  <c:v>7.14</c:v>
                </c:pt>
                <c:pt idx="1569">
                  <c:v>7.12</c:v>
                </c:pt>
                <c:pt idx="1570">
                  <c:v>7.14</c:v>
                </c:pt>
                <c:pt idx="1571">
                  <c:v>7.1</c:v>
                </c:pt>
                <c:pt idx="1572">
                  <c:v>7.14</c:v>
                </c:pt>
                <c:pt idx="1573">
                  <c:v>7.2</c:v>
                </c:pt>
                <c:pt idx="1574">
                  <c:v>7.24</c:v>
                </c:pt>
                <c:pt idx="1575">
                  <c:v>7.2</c:v>
                </c:pt>
                <c:pt idx="1576">
                  <c:v>7.14</c:v>
                </c:pt>
                <c:pt idx="1577">
                  <c:v>7.11</c:v>
                </c:pt>
                <c:pt idx="1578">
                  <c:v>7.11</c:v>
                </c:pt>
                <c:pt idx="1579">
                  <c:v>7.19</c:v>
                </c:pt>
                <c:pt idx="1580">
                  <c:v>7.21</c:v>
                </c:pt>
                <c:pt idx="1581">
                  <c:v>7.08</c:v>
                </c:pt>
                <c:pt idx="1582">
                  <c:v>7.03</c:v>
                </c:pt>
                <c:pt idx="1583">
                  <c:v>7</c:v>
                </c:pt>
                <c:pt idx="1584">
                  <c:v>7</c:v>
                </c:pt>
                <c:pt idx="1585">
                  <c:v>6.92</c:v>
                </c:pt>
                <c:pt idx="1586">
                  <c:v>6.91</c:v>
                </c:pt>
                <c:pt idx="1587">
                  <c:v>6.92</c:v>
                </c:pt>
                <c:pt idx="1588">
                  <c:v>6.89</c:v>
                </c:pt>
                <c:pt idx="1589">
                  <c:v>6.86</c:v>
                </c:pt>
                <c:pt idx="1590">
                  <c:v>6.8</c:v>
                </c:pt>
                <c:pt idx="1591">
                  <c:v>6.72</c:v>
                </c:pt>
                <c:pt idx="1592">
                  <c:v>6.64</c:v>
                </c:pt>
                <c:pt idx="1593">
                  <c:v>6.58</c:v>
                </c:pt>
                <c:pt idx="1594">
                  <c:v>6.61</c:v>
                </c:pt>
                <c:pt idx="1595">
                  <c:v>6.64</c:v>
                </c:pt>
                <c:pt idx="1596">
                  <c:v>6.56</c:v>
                </c:pt>
                <c:pt idx="1597">
                  <c:v>6.45</c:v>
                </c:pt>
                <c:pt idx="1598">
                  <c:v>6.51</c:v>
                </c:pt>
                <c:pt idx="1599">
                  <c:v>6.75</c:v>
                </c:pt>
                <c:pt idx="1600">
                  <c:v>7.02</c:v>
                </c:pt>
                <c:pt idx="1601">
                  <c:v>6.84</c:v>
                </c:pt>
                <c:pt idx="1602">
                  <c:v>7.09</c:v>
                </c:pt>
                <c:pt idx="1603">
                  <c:v>7.17</c:v>
                </c:pt>
                <c:pt idx="1604">
                  <c:v>7.16</c:v>
                </c:pt>
                <c:pt idx="1605">
                  <c:v>7.14</c:v>
                </c:pt>
                <c:pt idx="1606">
                  <c:v>7.06</c:v>
                </c:pt>
                <c:pt idx="1607">
                  <c:v>6.83</c:v>
                </c:pt>
                <c:pt idx="1608">
                  <c:v>6.96</c:v>
                </c:pt>
                <c:pt idx="1609">
                  <c:v>7.02</c:v>
                </c:pt>
                <c:pt idx="1610">
                  <c:v>6.88</c:v>
                </c:pt>
                <c:pt idx="1611">
                  <c:v>6.86</c:v>
                </c:pt>
                <c:pt idx="1612">
                  <c:v>6.81</c:v>
                </c:pt>
                <c:pt idx="1613">
                  <c:v>6.8</c:v>
                </c:pt>
                <c:pt idx="1614">
                  <c:v>6.87</c:v>
                </c:pt>
                <c:pt idx="1615">
                  <c:v>7.08</c:v>
                </c:pt>
                <c:pt idx="1616">
                  <c:v>7.14</c:v>
                </c:pt>
                <c:pt idx="1617">
                  <c:v>7.18</c:v>
                </c:pt>
                <c:pt idx="1618">
                  <c:v>7.13</c:v>
                </c:pt>
                <c:pt idx="1619">
                  <c:v>6.99</c:v>
                </c:pt>
                <c:pt idx="1620">
                  <c:v>6.94</c:v>
                </c:pt>
                <c:pt idx="1621">
                  <c:v>6.88</c:v>
                </c:pt>
                <c:pt idx="1622">
                  <c:v>6.78</c:v>
                </c:pt>
                <c:pt idx="1623">
                  <c:v>6.79</c:v>
                </c:pt>
                <c:pt idx="1624">
                  <c:v>6.89</c:v>
                </c:pt>
                <c:pt idx="1625">
                  <c:v>6.81</c:v>
                </c:pt>
                <c:pt idx="1626">
                  <c:v>6.76</c:v>
                </c:pt>
                <c:pt idx="1627">
                  <c:v>6.71</c:v>
                </c:pt>
                <c:pt idx="1628">
                  <c:v>6.71</c:v>
                </c:pt>
                <c:pt idx="1629">
                  <c:v>6.63</c:v>
                </c:pt>
                <c:pt idx="1630">
                  <c:v>6.55</c:v>
                </c:pt>
                <c:pt idx="1631">
                  <c:v>6.57</c:v>
                </c:pt>
                <c:pt idx="1632">
                  <c:v>6.54</c:v>
                </c:pt>
                <c:pt idx="1633">
                  <c:v>6.49</c:v>
                </c:pt>
                <c:pt idx="1634">
                  <c:v>6.34</c:v>
                </c:pt>
                <c:pt idx="1635">
                  <c:v>6.43</c:v>
                </c:pt>
                <c:pt idx="1636">
                  <c:v>6.31</c:v>
                </c:pt>
                <c:pt idx="1637">
                  <c:v>6.22</c:v>
                </c:pt>
                <c:pt idx="1638">
                  <c:v>6.27</c:v>
                </c:pt>
                <c:pt idx="1639">
                  <c:v>6.22</c:v>
                </c:pt>
                <c:pt idx="1640">
                  <c:v>6.15</c:v>
                </c:pt>
                <c:pt idx="1641">
                  <c:v>6.18</c:v>
                </c:pt>
                <c:pt idx="1642">
                  <c:v>6.05</c:v>
                </c:pt>
                <c:pt idx="1643">
                  <c:v>5.99</c:v>
                </c:pt>
                <c:pt idx="1644">
                  <c:v>6.01</c:v>
                </c:pt>
                <c:pt idx="1645">
                  <c:v>5.98</c:v>
                </c:pt>
                <c:pt idx="1646">
                  <c:v>6.15</c:v>
                </c:pt>
                <c:pt idx="1647">
                  <c:v>6.31</c:v>
                </c:pt>
                <c:pt idx="1648">
                  <c:v>6.13</c:v>
                </c:pt>
                <c:pt idx="1649">
                  <c:v>6.11</c:v>
                </c:pt>
                <c:pt idx="1650">
                  <c:v>5.94</c:v>
                </c:pt>
                <c:pt idx="1651">
                  <c:v>6.03</c:v>
                </c:pt>
                <c:pt idx="1652">
                  <c:v>6.13</c:v>
                </c:pt>
                <c:pt idx="1653">
                  <c:v>6.19</c:v>
                </c:pt>
                <c:pt idx="1654">
                  <c:v>6.04</c:v>
                </c:pt>
                <c:pt idx="1655">
                  <c:v>6.03</c:v>
                </c:pt>
                <c:pt idx="1656">
                  <c:v>5.93</c:v>
                </c:pt>
                <c:pt idx="1657">
                  <c:v>5.85</c:v>
                </c:pt>
                <c:pt idx="1658">
                  <c:v>5.95</c:v>
                </c:pt>
                <c:pt idx="1659">
                  <c:v>5.97</c:v>
                </c:pt>
                <c:pt idx="1660">
                  <c:v>5.91</c:v>
                </c:pt>
                <c:pt idx="1661">
                  <c:v>5.9</c:v>
                </c:pt>
                <c:pt idx="1662">
                  <c:v>5.88</c:v>
                </c:pt>
                <c:pt idx="1663">
                  <c:v>5.86</c:v>
                </c:pt>
                <c:pt idx="1664">
                  <c:v>5.84</c:v>
                </c:pt>
                <c:pt idx="1665">
                  <c:v>5.79</c:v>
                </c:pt>
                <c:pt idx="1666">
                  <c:v>5.67</c:v>
                </c:pt>
                <c:pt idx="1667">
                  <c:v>5.61</c:v>
                </c:pt>
                <c:pt idx="1668">
                  <c:v>5.79</c:v>
                </c:pt>
                <c:pt idx="1669">
                  <c:v>5.91</c:v>
                </c:pt>
                <c:pt idx="1670">
                  <c:v>5.79</c:v>
                </c:pt>
                <c:pt idx="1671">
                  <c:v>5.85</c:v>
                </c:pt>
                <c:pt idx="1672">
                  <c:v>5.82</c:v>
                </c:pt>
                <c:pt idx="1673">
                  <c:v>5.79</c:v>
                </c:pt>
                <c:pt idx="1674">
                  <c:v>5.7</c:v>
                </c:pt>
                <c:pt idx="1675">
                  <c:v>5.62</c:v>
                </c:pt>
                <c:pt idx="1676">
                  <c:v>5.45</c:v>
                </c:pt>
                <c:pt idx="1677">
                  <c:v>5.34</c:v>
                </c:pt>
                <c:pt idx="1678">
                  <c:v>5.31</c:v>
                </c:pt>
                <c:pt idx="1679">
                  <c:v>5.26</c:v>
                </c:pt>
                <c:pt idx="1680">
                  <c:v>5.21</c:v>
                </c:pt>
                <c:pt idx="1681">
                  <c:v>5.21</c:v>
                </c:pt>
                <c:pt idx="1682">
                  <c:v>5.24</c:v>
                </c:pt>
                <c:pt idx="1683">
                  <c:v>5.4</c:v>
                </c:pt>
                <c:pt idx="1684">
                  <c:v>5.52</c:v>
                </c:pt>
                <c:pt idx="1685">
                  <c:v>5.67</c:v>
                </c:pt>
                <c:pt idx="1686">
                  <c:v>5.94</c:v>
                </c:pt>
                <c:pt idx="1687">
                  <c:v>6.14</c:v>
                </c:pt>
                <c:pt idx="1688">
                  <c:v>6.34</c:v>
                </c:pt>
                <c:pt idx="1689">
                  <c:v>6.24</c:v>
                </c:pt>
                <c:pt idx="1690">
                  <c:v>6.28</c:v>
                </c:pt>
                <c:pt idx="1691">
                  <c:v>6.32</c:v>
                </c:pt>
                <c:pt idx="1692">
                  <c:v>6.44</c:v>
                </c:pt>
                <c:pt idx="1693">
                  <c:v>6.16</c:v>
                </c:pt>
                <c:pt idx="1694">
                  <c:v>6.01</c:v>
                </c:pt>
                <c:pt idx="1695">
                  <c:v>5.98</c:v>
                </c:pt>
                <c:pt idx="1696">
                  <c:v>5.77</c:v>
                </c:pt>
                <c:pt idx="1697">
                  <c:v>5.95</c:v>
                </c:pt>
                <c:pt idx="1698">
                  <c:v>6.05</c:v>
                </c:pt>
                <c:pt idx="1699">
                  <c:v>6.05</c:v>
                </c:pt>
                <c:pt idx="1700">
                  <c:v>5.94</c:v>
                </c:pt>
                <c:pt idx="1701">
                  <c:v>5.98</c:v>
                </c:pt>
                <c:pt idx="1702">
                  <c:v>6.03</c:v>
                </c:pt>
                <c:pt idx="1703">
                  <c:v>5.83</c:v>
                </c:pt>
                <c:pt idx="1704">
                  <c:v>5.89</c:v>
                </c:pt>
                <c:pt idx="1705">
                  <c:v>6.02</c:v>
                </c:pt>
                <c:pt idx="1706">
                  <c:v>5.88</c:v>
                </c:pt>
                <c:pt idx="1707">
                  <c:v>5.82</c:v>
                </c:pt>
                <c:pt idx="1708">
                  <c:v>5.81</c:v>
                </c:pt>
                <c:pt idx="1709">
                  <c:v>5.85</c:v>
                </c:pt>
                <c:pt idx="1710">
                  <c:v>5.87</c:v>
                </c:pt>
                <c:pt idx="1711">
                  <c:v>5.66</c:v>
                </c:pt>
                <c:pt idx="1712">
                  <c:v>5.64</c:v>
                </c:pt>
                <c:pt idx="1713">
                  <c:v>5.68</c:v>
                </c:pt>
                <c:pt idx="1714">
                  <c:v>5.72</c:v>
                </c:pt>
                <c:pt idx="1715">
                  <c:v>5.66</c:v>
                </c:pt>
                <c:pt idx="1716">
                  <c:v>5.58</c:v>
                </c:pt>
                <c:pt idx="1717">
                  <c:v>5.58</c:v>
                </c:pt>
                <c:pt idx="1718">
                  <c:v>5.59</c:v>
                </c:pt>
                <c:pt idx="1719">
                  <c:v>5.41</c:v>
                </c:pt>
                <c:pt idx="1720">
                  <c:v>5.38</c:v>
                </c:pt>
                <c:pt idx="1721">
                  <c:v>5.4</c:v>
                </c:pt>
                <c:pt idx="1722">
                  <c:v>5.52</c:v>
                </c:pt>
                <c:pt idx="1723">
                  <c:v>5.79</c:v>
                </c:pt>
                <c:pt idx="1724">
                  <c:v>5.89</c:v>
                </c:pt>
                <c:pt idx="1725">
                  <c:v>5.94</c:v>
                </c:pt>
                <c:pt idx="1726">
                  <c:v>6.01</c:v>
                </c:pt>
                <c:pt idx="1727">
                  <c:v>6.12</c:v>
                </c:pt>
                <c:pt idx="1728">
                  <c:v>6.34</c:v>
                </c:pt>
                <c:pt idx="1729">
                  <c:v>6.3</c:v>
                </c:pt>
                <c:pt idx="1730">
                  <c:v>6.32</c:v>
                </c:pt>
                <c:pt idx="1731">
                  <c:v>6.28</c:v>
                </c:pt>
                <c:pt idx="1732">
                  <c:v>6.3</c:v>
                </c:pt>
                <c:pt idx="1733">
                  <c:v>6.32</c:v>
                </c:pt>
                <c:pt idx="1734">
                  <c:v>6.25</c:v>
                </c:pt>
                <c:pt idx="1735">
                  <c:v>6.21</c:v>
                </c:pt>
                <c:pt idx="1736">
                  <c:v>6.01</c:v>
                </c:pt>
                <c:pt idx="1737">
                  <c:v>6</c:v>
                </c:pt>
                <c:pt idx="1738">
                  <c:v>5.98</c:v>
                </c:pt>
                <c:pt idx="1739">
                  <c:v>6.08</c:v>
                </c:pt>
                <c:pt idx="1740">
                  <c:v>5.99</c:v>
                </c:pt>
                <c:pt idx="1741">
                  <c:v>5.85</c:v>
                </c:pt>
                <c:pt idx="1742">
                  <c:v>5.81</c:v>
                </c:pt>
                <c:pt idx="1743">
                  <c:v>5.82</c:v>
                </c:pt>
                <c:pt idx="1744">
                  <c:v>5.77</c:v>
                </c:pt>
                <c:pt idx="1745">
                  <c:v>5.83</c:v>
                </c:pt>
                <c:pt idx="1746">
                  <c:v>5.75</c:v>
                </c:pt>
                <c:pt idx="1747">
                  <c:v>5.7</c:v>
                </c:pt>
                <c:pt idx="1748">
                  <c:v>5.72</c:v>
                </c:pt>
                <c:pt idx="1749">
                  <c:v>5.82</c:v>
                </c:pt>
                <c:pt idx="1750">
                  <c:v>5.74</c:v>
                </c:pt>
                <c:pt idx="1751">
                  <c:v>5.69</c:v>
                </c:pt>
                <c:pt idx="1752">
                  <c:v>5.64</c:v>
                </c:pt>
                <c:pt idx="1753">
                  <c:v>5.7</c:v>
                </c:pt>
                <c:pt idx="1754">
                  <c:v>5.76</c:v>
                </c:pt>
                <c:pt idx="1755">
                  <c:v>5.74</c:v>
                </c:pt>
                <c:pt idx="1756">
                  <c:v>5.72</c:v>
                </c:pt>
                <c:pt idx="1757">
                  <c:v>5.81</c:v>
                </c:pt>
                <c:pt idx="1758">
                  <c:v>5.71</c:v>
                </c:pt>
                <c:pt idx="1759">
                  <c:v>5.68</c:v>
                </c:pt>
                <c:pt idx="1760">
                  <c:v>5.75</c:v>
                </c:pt>
                <c:pt idx="1761">
                  <c:v>5.81</c:v>
                </c:pt>
                <c:pt idx="1762">
                  <c:v>5.77</c:v>
                </c:pt>
                <c:pt idx="1763">
                  <c:v>5.74</c:v>
                </c:pt>
                <c:pt idx="1764">
                  <c:v>5.67</c:v>
                </c:pt>
                <c:pt idx="1765">
                  <c:v>5.66</c:v>
                </c:pt>
                <c:pt idx="1766">
                  <c:v>5.63</c:v>
                </c:pt>
                <c:pt idx="1767">
                  <c:v>5.57</c:v>
                </c:pt>
                <c:pt idx="1768">
                  <c:v>5.62</c:v>
                </c:pt>
                <c:pt idx="1769">
                  <c:v>5.69</c:v>
                </c:pt>
                <c:pt idx="1770">
                  <c:v>5.79</c:v>
                </c:pt>
                <c:pt idx="1771">
                  <c:v>5.85</c:v>
                </c:pt>
                <c:pt idx="1772">
                  <c:v>5.95</c:v>
                </c:pt>
                <c:pt idx="1773">
                  <c:v>6.01</c:v>
                </c:pt>
                <c:pt idx="1774">
                  <c:v>6.04</c:v>
                </c:pt>
                <c:pt idx="1775">
                  <c:v>5.93</c:v>
                </c:pt>
                <c:pt idx="1776">
                  <c:v>5.91</c:v>
                </c:pt>
                <c:pt idx="1777">
                  <c:v>5.8</c:v>
                </c:pt>
                <c:pt idx="1778">
                  <c:v>5.78</c:v>
                </c:pt>
                <c:pt idx="1779">
                  <c:v>5.75</c:v>
                </c:pt>
                <c:pt idx="1780">
                  <c:v>5.77</c:v>
                </c:pt>
                <c:pt idx="1781">
                  <c:v>5.71</c:v>
                </c:pt>
                <c:pt idx="1782">
                  <c:v>5.65</c:v>
                </c:pt>
                <c:pt idx="1783">
                  <c:v>5.62</c:v>
                </c:pt>
                <c:pt idx="1784">
                  <c:v>5.56</c:v>
                </c:pt>
                <c:pt idx="1785">
                  <c:v>5.63</c:v>
                </c:pt>
                <c:pt idx="1786">
                  <c:v>5.57</c:v>
                </c:pt>
                <c:pt idx="1787">
                  <c:v>5.53</c:v>
                </c:pt>
                <c:pt idx="1788">
                  <c:v>5.62</c:v>
                </c:pt>
                <c:pt idx="1789">
                  <c:v>5.66</c:v>
                </c:pt>
                <c:pt idx="1790">
                  <c:v>5.73</c:v>
                </c:pt>
                <c:pt idx="1791">
                  <c:v>5.77</c:v>
                </c:pt>
                <c:pt idx="1792">
                  <c:v>5.82</c:v>
                </c:pt>
                <c:pt idx="1793">
                  <c:v>5.89</c:v>
                </c:pt>
                <c:pt idx="1794">
                  <c:v>5.8</c:v>
                </c:pt>
                <c:pt idx="1795">
                  <c:v>5.77</c:v>
                </c:pt>
                <c:pt idx="1796">
                  <c:v>5.71</c:v>
                </c:pt>
                <c:pt idx="1797">
                  <c:v>5.71</c:v>
                </c:pt>
                <c:pt idx="1798">
                  <c:v>5.74</c:v>
                </c:pt>
                <c:pt idx="1799">
                  <c:v>5.8</c:v>
                </c:pt>
                <c:pt idx="1800">
                  <c:v>5.91</c:v>
                </c:pt>
                <c:pt idx="1801">
                  <c:v>5.98</c:v>
                </c:pt>
                <c:pt idx="1802">
                  <c:v>6.03</c:v>
                </c:pt>
                <c:pt idx="1803">
                  <c:v>6.1</c:v>
                </c:pt>
                <c:pt idx="1804">
                  <c:v>6.15</c:v>
                </c:pt>
                <c:pt idx="1805">
                  <c:v>6.31</c:v>
                </c:pt>
                <c:pt idx="1806">
                  <c:v>6.36</c:v>
                </c:pt>
                <c:pt idx="1807">
                  <c:v>6.37</c:v>
                </c:pt>
                <c:pt idx="1808">
                  <c:v>6.28</c:v>
                </c:pt>
                <c:pt idx="1809">
                  <c:v>6.26</c:v>
                </c:pt>
                <c:pt idx="1810">
                  <c:v>6.32</c:v>
                </c:pt>
                <c:pt idx="1811">
                  <c:v>6.3</c:v>
                </c:pt>
                <c:pt idx="1812">
                  <c:v>6.26</c:v>
                </c:pt>
                <c:pt idx="1813">
                  <c:v>6.22</c:v>
                </c:pt>
                <c:pt idx="1814">
                  <c:v>6.21</c:v>
                </c:pt>
                <c:pt idx="1815">
                  <c:v>6.15</c:v>
                </c:pt>
                <c:pt idx="1816">
                  <c:v>6.1</c:v>
                </c:pt>
                <c:pt idx="1817">
                  <c:v>6.12</c:v>
                </c:pt>
                <c:pt idx="1818">
                  <c:v>6.23</c:v>
                </c:pt>
                <c:pt idx="1819">
                  <c:v>6.24</c:v>
                </c:pt>
                <c:pt idx="1820">
                  <c:v>6.28</c:v>
                </c:pt>
                <c:pt idx="1821">
                  <c:v>6.26</c:v>
                </c:pt>
                <c:pt idx="1822">
                  <c:v>6.24</c:v>
                </c:pt>
                <c:pt idx="1823">
                  <c:v>6.37</c:v>
                </c:pt>
                <c:pt idx="1824">
                  <c:v>6.34</c:v>
                </c:pt>
                <c:pt idx="1825">
                  <c:v>6.32</c:v>
                </c:pt>
                <c:pt idx="1826">
                  <c:v>6.35</c:v>
                </c:pt>
                <c:pt idx="1827">
                  <c:v>6.43</c:v>
                </c:pt>
                <c:pt idx="1828">
                  <c:v>6.49</c:v>
                </c:pt>
                <c:pt idx="1829">
                  <c:v>6.53</c:v>
                </c:pt>
                <c:pt idx="1830">
                  <c:v>6.58</c:v>
                </c:pt>
                <c:pt idx="1831">
                  <c:v>6.59</c:v>
                </c:pt>
                <c:pt idx="1832">
                  <c:v>6.58</c:v>
                </c:pt>
                <c:pt idx="1833">
                  <c:v>6.6</c:v>
                </c:pt>
                <c:pt idx="1834">
                  <c:v>6.62</c:v>
                </c:pt>
                <c:pt idx="1835">
                  <c:v>6.67</c:v>
                </c:pt>
                <c:pt idx="1836">
                  <c:v>6.62</c:v>
                </c:pt>
                <c:pt idx="1837">
                  <c:v>6.63</c:v>
                </c:pt>
                <c:pt idx="1838">
                  <c:v>6.71</c:v>
                </c:pt>
                <c:pt idx="1839">
                  <c:v>6.78</c:v>
                </c:pt>
                <c:pt idx="1840">
                  <c:v>6.79</c:v>
                </c:pt>
                <c:pt idx="1841">
                  <c:v>6.74</c:v>
                </c:pt>
                <c:pt idx="1842">
                  <c:v>6.8</c:v>
                </c:pt>
                <c:pt idx="1843">
                  <c:v>6.72</c:v>
                </c:pt>
                <c:pt idx="1844">
                  <c:v>6.63</c:v>
                </c:pt>
                <c:pt idx="1845">
                  <c:v>6.55</c:v>
                </c:pt>
                <c:pt idx="1846">
                  <c:v>6.52</c:v>
                </c:pt>
                <c:pt idx="1847">
                  <c:v>6.48</c:v>
                </c:pt>
                <c:pt idx="1848">
                  <c:v>6.44</c:v>
                </c:pt>
                <c:pt idx="1849">
                  <c:v>6.47</c:v>
                </c:pt>
                <c:pt idx="1850">
                  <c:v>6.43</c:v>
                </c:pt>
                <c:pt idx="1851">
                  <c:v>6.4</c:v>
                </c:pt>
                <c:pt idx="1852">
                  <c:v>6.31</c:v>
                </c:pt>
                <c:pt idx="1853">
                  <c:v>6.3</c:v>
                </c:pt>
                <c:pt idx="1854">
                  <c:v>6.37</c:v>
                </c:pt>
                <c:pt idx="1855">
                  <c:v>6.36</c:v>
                </c:pt>
                <c:pt idx="1856">
                  <c:v>6.4</c:v>
                </c:pt>
                <c:pt idx="1857">
                  <c:v>6.31</c:v>
                </c:pt>
                <c:pt idx="1858">
                  <c:v>6.33</c:v>
                </c:pt>
                <c:pt idx="1859">
                  <c:v>6.24</c:v>
                </c:pt>
                <c:pt idx="1860">
                  <c:v>6.18</c:v>
                </c:pt>
                <c:pt idx="1861">
                  <c:v>6.14</c:v>
                </c:pt>
                <c:pt idx="1862">
                  <c:v>6.11</c:v>
                </c:pt>
                <c:pt idx="1863">
                  <c:v>6.12</c:v>
                </c:pt>
                <c:pt idx="1864">
                  <c:v>6.13</c:v>
                </c:pt>
                <c:pt idx="1865">
                  <c:v>6.18</c:v>
                </c:pt>
                <c:pt idx="1866">
                  <c:v>6.18</c:v>
                </c:pt>
                <c:pt idx="1867">
                  <c:v>6.21</c:v>
                </c:pt>
                <c:pt idx="1868">
                  <c:v>6.23</c:v>
                </c:pt>
                <c:pt idx="1869">
                  <c:v>6.25</c:v>
                </c:pt>
                <c:pt idx="1870">
                  <c:v>6.34</c:v>
                </c:pt>
                <c:pt idx="1871">
                  <c:v>6.28</c:v>
                </c:pt>
                <c:pt idx="1872">
                  <c:v>6.3</c:v>
                </c:pt>
                <c:pt idx="1873">
                  <c:v>6.22</c:v>
                </c:pt>
                <c:pt idx="1874">
                  <c:v>6.18</c:v>
                </c:pt>
                <c:pt idx="1875">
                  <c:v>6.14</c:v>
                </c:pt>
                <c:pt idx="1876">
                  <c:v>6.14</c:v>
                </c:pt>
                <c:pt idx="1877">
                  <c:v>6.16</c:v>
                </c:pt>
                <c:pt idx="1878">
                  <c:v>6.16</c:v>
                </c:pt>
                <c:pt idx="1879">
                  <c:v>6.17</c:v>
                </c:pt>
                <c:pt idx="1880">
                  <c:v>6.22</c:v>
                </c:pt>
                <c:pt idx="1881">
                  <c:v>6.17</c:v>
                </c:pt>
                <c:pt idx="1882">
                  <c:v>6.16</c:v>
                </c:pt>
                <c:pt idx="1883">
                  <c:v>6.16</c:v>
                </c:pt>
                <c:pt idx="1884">
                  <c:v>6.15</c:v>
                </c:pt>
                <c:pt idx="1885">
                  <c:v>6.21</c:v>
                </c:pt>
                <c:pt idx="1886">
                  <c:v>6.37</c:v>
                </c:pt>
                <c:pt idx="1887">
                  <c:v>6.42</c:v>
                </c:pt>
                <c:pt idx="1888">
                  <c:v>6.53</c:v>
                </c:pt>
                <c:pt idx="1889">
                  <c:v>6.74</c:v>
                </c:pt>
                <c:pt idx="1890">
                  <c:v>6.69</c:v>
                </c:pt>
                <c:pt idx="1891">
                  <c:v>6.67</c:v>
                </c:pt>
                <c:pt idx="1892">
                  <c:v>6.63</c:v>
                </c:pt>
                <c:pt idx="1893">
                  <c:v>6.73</c:v>
                </c:pt>
                <c:pt idx="1894">
                  <c:v>6.73</c:v>
                </c:pt>
                <c:pt idx="1895">
                  <c:v>6.69</c:v>
                </c:pt>
                <c:pt idx="1896">
                  <c:v>6.68</c:v>
                </c:pt>
                <c:pt idx="1897">
                  <c:v>6.59</c:v>
                </c:pt>
                <c:pt idx="1898">
                  <c:v>6.62</c:v>
                </c:pt>
                <c:pt idx="1899">
                  <c:v>6.52</c:v>
                </c:pt>
                <c:pt idx="1900">
                  <c:v>6.45</c:v>
                </c:pt>
                <c:pt idx="1901">
                  <c:v>6.46</c:v>
                </c:pt>
                <c:pt idx="1902">
                  <c:v>6.31</c:v>
                </c:pt>
                <c:pt idx="1903">
                  <c:v>6.34</c:v>
                </c:pt>
                <c:pt idx="1904">
                  <c:v>6.42</c:v>
                </c:pt>
                <c:pt idx="1905">
                  <c:v>6.37</c:v>
                </c:pt>
                <c:pt idx="1906">
                  <c:v>6.4</c:v>
                </c:pt>
                <c:pt idx="1907">
                  <c:v>6.4</c:v>
                </c:pt>
                <c:pt idx="1908">
                  <c:v>6.33</c:v>
                </c:pt>
                <c:pt idx="1909">
                  <c:v>6.26</c:v>
                </c:pt>
                <c:pt idx="1910">
                  <c:v>6.24</c:v>
                </c:pt>
                <c:pt idx="1911">
                  <c:v>6.24</c:v>
                </c:pt>
                <c:pt idx="1912">
                  <c:v>6.2</c:v>
                </c:pt>
                <c:pt idx="1913">
                  <c:v>6.1</c:v>
                </c:pt>
                <c:pt idx="1914">
                  <c:v>5.96</c:v>
                </c:pt>
                <c:pt idx="1915">
                  <c:v>6.11</c:v>
                </c:pt>
                <c:pt idx="1916">
                  <c:v>6.14</c:v>
                </c:pt>
                <c:pt idx="1917">
                  <c:v>6.17</c:v>
                </c:pt>
                <c:pt idx="1918">
                  <c:v>6.07</c:v>
                </c:pt>
                <c:pt idx="1919">
                  <c:v>5.87</c:v>
                </c:pt>
                <c:pt idx="1920">
                  <c:v>5.69</c:v>
                </c:pt>
                <c:pt idx="1921">
                  <c:v>5.48</c:v>
                </c:pt>
                <c:pt idx="1922">
                  <c:v>5.68</c:v>
                </c:pt>
                <c:pt idx="1923">
                  <c:v>5.67</c:v>
                </c:pt>
                <c:pt idx="1924">
                  <c:v>5.72</c:v>
                </c:pt>
                <c:pt idx="1925">
                  <c:v>6.04</c:v>
                </c:pt>
                <c:pt idx="1926">
                  <c:v>6.24</c:v>
                </c:pt>
                <c:pt idx="1927">
                  <c:v>6.03</c:v>
                </c:pt>
                <c:pt idx="1928">
                  <c:v>6.13</c:v>
                </c:pt>
                <c:pt idx="1929">
                  <c:v>5.87</c:v>
                </c:pt>
                <c:pt idx="1930">
                  <c:v>5.85</c:v>
                </c:pt>
                <c:pt idx="1931">
                  <c:v>5.88</c:v>
                </c:pt>
                <c:pt idx="1932">
                  <c:v>5.88</c:v>
                </c:pt>
                <c:pt idx="1933">
                  <c:v>5.88</c:v>
                </c:pt>
                <c:pt idx="1934">
                  <c:v>6.03</c:v>
                </c:pt>
                <c:pt idx="1935">
                  <c:v>6.06</c:v>
                </c:pt>
                <c:pt idx="1936">
                  <c:v>6.05</c:v>
                </c:pt>
                <c:pt idx="1937">
                  <c:v>6.01</c:v>
                </c:pt>
                <c:pt idx="1938">
                  <c:v>5.98</c:v>
                </c:pt>
                <c:pt idx="1939">
                  <c:v>6.08</c:v>
                </c:pt>
                <c:pt idx="1940">
                  <c:v>6.09</c:v>
                </c:pt>
                <c:pt idx="1941">
                  <c:v>6.32</c:v>
                </c:pt>
                <c:pt idx="1942">
                  <c:v>6.42</c:v>
                </c:pt>
                <c:pt idx="1943">
                  <c:v>6.45</c:v>
                </c:pt>
                <c:pt idx="1944">
                  <c:v>6.35</c:v>
                </c:pt>
                <c:pt idx="1945">
                  <c:v>6.37</c:v>
                </c:pt>
                <c:pt idx="1946">
                  <c:v>6.26</c:v>
                </c:pt>
                <c:pt idx="1947">
                  <c:v>6.63</c:v>
                </c:pt>
                <c:pt idx="1948">
                  <c:v>6.52</c:v>
                </c:pt>
                <c:pt idx="1949">
                  <c:v>6.52</c:v>
                </c:pt>
                <c:pt idx="1950">
                  <c:v>6.52</c:v>
                </c:pt>
                <c:pt idx="1951">
                  <c:v>6.47</c:v>
                </c:pt>
                <c:pt idx="1952">
                  <c:v>6.4</c:v>
                </c:pt>
                <c:pt idx="1953">
                  <c:v>6.35</c:v>
                </c:pt>
                <c:pt idx="1954">
                  <c:v>5.93</c:v>
                </c:pt>
                <c:pt idx="1955">
                  <c:v>5.78</c:v>
                </c:pt>
                <c:pt idx="1956">
                  <c:v>6.09</c:v>
                </c:pt>
                <c:pt idx="1957">
                  <c:v>6.1</c:v>
                </c:pt>
                <c:pt idx="1958">
                  <c:v>5.94</c:v>
                </c:pt>
                <c:pt idx="1959">
                  <c:v>6.46</c:v>
                </c:pt>
                <c:pt idx="1960">
                  <c:v>6.04</c:v>
                </c:pt>
                <c:pt idx="1961">
                  <c:v>6.46</c:v>
                </c:pt>
                <c:pt idx="1962">
                  <c:v>6.2</c:v>
                </c:pt>
                <c:pt idx="1963">
                  <c:v>6.14</c:v>
                </c:pt>
                <c:pt idx="1964">
                  <c:v>6.04</c:v>
                </c:pt>
                <c:pt idx="1965">
                  <c:v>5.97</c:v>
                </c:pt>
                <c:pt idx="1966">
                  <c:v>5.53</c:v>
                </c:pt>
                <c:pt idx="1967">
                  <c:v>5.47</c:v>
                </c:pt>
                <c:pt idx="1968">
                  <c:v>5.19</c:v>
                </c:pt>
                <c:pt idx="1969">
                  <c:v>5.14</c:v>
                </c:pt>
                <c:pt idx="1970">
                  <c:v>5.0999999999999996</c:v>
                </c:pt>
                <c:pt idx="1971">
                  <c:v>5.01</c:v>
                </c:pt>
                <c:pt idx="1972">
                  <c:v>4.96</c:v>
                </c:pt>
                <c:pt idx="1973">
                  <c:v>5.12</c:v>
                </c:pt>
                <c:pt idx="1974">
                  <c:v>5.0999999999999996</c:v>
                </c:pt>
                <c:pt idx="1975">
                  <c:v>5.25</c:v>
                </c:pt>
                <c:pt idx="1976">
                  <c:v>5.16</c:v>
                </c:pt>
                <c:pt idx="1977">
                  <c:v>5.04</c:v>
                </c:pt>
                <c:pt idx="1978">
                  <c:v>5.07</c:v>
                </c:pt>
                <c:pt idx="1979">
                  <c:v>5.15</c:v>
                </c:pt>
                <c:pt idx="1980">
                  <c:v>5.03</c:v>
                </c:pt>
                <c:pt idx="1981">
                  <c:v>4.9800000000000004</c:v>
                </c:pt>
                <c:pt idx="1982">
                  <c:v>4.8499999999999996</c:v>
                </c:pt>
                <c:pt idx="1983">
                  <c:v>4.78</c:v>
                </c:pt>
                <c:pt idx="1984">
                  <c:v>4.87</c:v>
                </c:pt>
                <c:pt idx="1985">
                  <c:v>4.82</c:v>
                </c:pt>
                <c:pt idx="1986">
                  <c:v>4.8</c:v>
                </c:pt>
                <c:pt idx="1987">
                  <c:v>4.78</c:v>
                </c:pt>
                <c:pt idx="1988">
                  <c:v>4.84</c:v>
                </c:pt>
                <c:pt idx="1989">
                  <c:v>4.8600000000000003</c:v>
                </c:pt>
                <c:pt idx="1990">
                  <c:v>4.82</c:v>
                </c:pt>
                <c:pt idx="1991">
                  <c:v>4.91</c:v>
                </c:pt>
                <c:pt idx="1992">
                  <c:v>5.29</c:v>
                </c:pt>
                <c:pt idx="1993">
                  <c:v>5.59</c:v>
                </c:pt>
                <c:pt idx="1994">
                  <c:v>5.38</c:v>
                </c:pt>
                <c:pt idx="1995">
                  <c:v>5.42</c:v>
                </c:pt>
                <c:pt idx="1996">
                  <c:v>5.32</c:v>
                </c:pt>
                <c:pt idx="1997">
                  <c:v>5.2</c:v>
                </c:pt>
                <c:pt idx="1998">
                  <c:v>5.14</c:v>
                </c:pt>
                <c:pt idx="1999">
                  <c:v>5.2</c:v>
                </c:pt>
                <c:pt idx="2000">
                  <c:v>5.25</c:v>
                </c:pt>
                <c:pt idx="2001">
                  <c:v>5.22</c:v>
                </c:pt>
                <c:pt idx="2002">
                  <c:v>5.29</c:v>
                </c:pt>
                <c:pt idx="2003">
                  <c:v>5.12</c:v>
                </c:pt>
                <c:pt idx="2004">
                  <c:v>5.14</c:v>
                </c:pt>
                <c:pt idx="2005">
                  <c:v>5.08</c:v>
                </c:pt>
                <c:pt idx="2006">
                  <c:v>5.07</c:v>
                </c:pt>
                <c:pt idx="2007">
                  <c:v>5.04</c:v>
                </c:pt>
                <c:pt idx="2008">
                  <c:v>5.04</c:v>
                </c:pt>
                <c:pt idx="2009">
                  <c:v>4.9400000000000004</c:v>
                </c:pt>
                <c:pt idx="2010">
                  <c:v>4.87</c:v>
                </c:pt>
                <c:pt idx="2011">
                  <c:v>4.92</c:v>
                </c:pt>
                <c:pt idx="2012">
                  <c:v>5</c:v>
                </c:pt>
                <c:pt idx="2013">
                  <c:v>5.03</c:v>
                </c:pt>
                <c:pt idx="2014">
                  <c:v>4.9800000000000004</c:v>
                </c:pt>
                <c:pt idx="2015">
                  <c:v>4.91</c:v>
                </c:pt>
                <c:pt idx="2016">
                  <c:v>4.83</c:v>
                </c:pt>
                <c:pt idx="2017">
                  <c:v>4.78</c:v>
                </c:pt>
                <c:pt idx="2018">
                  <c:v>4.71</c:v>
                </c:pt>
                <c:pt idx="2019">
                  <c:v>4.8099999999999996</c:v>
                </c:pt>
                <c:pt idx="2020">
                  <c:v>4.9400000000000004</c:v>
                </c:pt>
                <c:pt idx="2021">
                  <c:v>5.05</c:v>
                </c:pt>
                <c:pt idx="2022">
                  <c:v>5.14</c:v>
                </c:pt>
                <c:pt idx="2023">
                  <c:v>5.09</c:v>
                </c:pt>
                <c:pt idx="2024">
                  <c:v>5.0599999999999996</c:v>
                </c:pt>
                <c:pt idx="2025">
                  <c:v>4.99</c:v>
                </c:pt>
                <c:pt idx="2026">
                  <c:v>4.9800000000000004</c:v>
                </c:pt>
                <c:pt idx="2027">
                  <c:v>5.01</c:v>
                </c:pt>
                <c:pt idx="2028">
                  <c:v>4.97</c:v>
                </c:pt>
                <c:pt idx="2029">
                  <c:v>4.93</c:v>
                </c:pt>
                <c:pt idx="2030">
                  <c:v>5.05</c:v>
                </c:pt>
                <c:pt idx="2031">
                  <c:v>4.97</c:v>
                </c:pt>
                <c:pt idx="2032">
                  <c:v>4.95</c:v>
                </c:pt>
                <c:pt idx="2033">
                  <c:v>4.96</c:v>
                </c:pt>
                <c:pt idx="2034">
                  <c:v>4.99</c:v>
                </c:pt>
                <c:pt idx="2035">
                  <c:v>5.08</c:v>
                </c:pt>
                <c:pt idx="2036">
                  <c:v>5.21</c:v>
                </c:pt>
                <c:pt idx="2037">
                  <c:v>5.07</c:v>
                </c:pt>
                <c:pt idx="2038">
                  <c:v>5.07</c:v>
                </c:pt>
                <c:pt idx="2039">
                  <c:v>5.0599999999999996</c:v>
                </c:pt>
                <c:pt idx="2040">
                  <c:v>5</c:v>
                </c:pt>
                <c:pt idx="2041">
                  <c:v>4.93</c:v>
                </c:pt>
                <c:pt idx="2042">
                  <c:v>4.84</c:v>
                </c:pt>
                <c:pt idx="2043">
                  <c:v>4.78</c:v>
                </c:pt>
                <c:pt idx="2044">
                  <c:v>4.79</c:v>
                </c:pt>
                <c:pt idx="2045">
                  <c:v>4.72</c:v>
                </c:pt>
                <c:pt idx="2046">
                  <c:v>4.75</c:v>
                </c:pt>
                <c:pt idx="2047">
                  <c:v>4.6900000000000004</c:v>
                </c:pt>
                <c:pt idx="2048">
                  <c:v>4.58</c:v>
                </c:pt>
                <c:pt idx="2049">
                  <c:v>4.57</c:v>
                </c:pt>
                <c:pt idx="2050">
                  <c:v>4.57</c:v>
                </c:pt>
                <c:pt idx="2051">
                  <c:v>4.5599999999999996</c:v>
                </c:pt>
                <c:pt idx="2052">
                  <c:v>4.54</c:v>
                </c:pt>
                <c:pt idx="2053">
                  <c:v>4.49</c:v>
                </c:pt>
                <c:pt idx="2054">
                  <c:v>4.4400000000000004</c:v>
                </c:pt>
                <c:pt idx="2055">
                  <c:v>4.42</c:v>
                </c:pt>
                <c:pt idx="2056">
                  <c:v>4.3600000000000003</c:v>
                </c:pt>
                <c:pt idx="2057">
                  <c:v>4.32</c:v>
                </c:pt>
                <c:pt idx="2058">
                  <c:v>4.3499999999999996</c:v>
                </c:pt>
                <c:pt idx="2059">
                  <c:v>4.37</c:v>
                </c:pt>
                <c:pt idx="2060">
                  <c:v>4.37</c:v>
                </c:pt>
                <c:pt idx="2061">
                  <c:v>4.32</c:v>
                </c:pt>
                <c:pt idx="2062">
                  <c:v>4.2699999999999996</c:v>
                </c:pt>
                <c:pt idx="2063">
                  <c:v>4.1900000000000004</c:v>
                </c:pt>
                <c:pt idx="2064">
                  <c:v>4.21</c:v>
                </c:pt>
                <c:pt idx="2065">
                  <c:v>4.2300000000000004</c:v>
                </c:pt>
                <c:pt idx="2066">
                  <c:v>4.24</c:v>
                </c:pt>
                <c:pt idx="2067">
                  <c:v>4.17</c:v>
                </c:pt>
                <c:pt idx="2068">
                  <c:v>4.3899999999999997</c:v>
                </c:pt>
                <c:pt idx="2069">
                  <c:v>4.4000000000000004</c:v>
                </c:pt>
                <c:pt idx="2070">
                  <c:v>4.46</c:v>
                </c:pt>
                <c:pt idx="2071">
                  <c:v>4.6100000000000003</c:v>
                </c:pt>
                <c:pt idx="2072">
                  <c:v>4.83</c:v>
                </c:pt>
                <c:pt idx="2073">
                  <c:v>4.8099999999999996</c:v>
                </c:pt>
                <c:pt idx="2074">
                  <c:v>4.8600000000000003</c:v>
                </c:pt>
                <c:pt idx="2075">
                  <c:v>4.7699999999999996</c:v>
                </c:pt>
                <c:pt idx="2076">
                  <c:v>4.71</c:v>
                </c:pt>
                <c:pt idx="2077">
                  <c:v>4.74</c:v>
                </c:pt>
                <c:pt idx="2078">
                  <c:v>4.8</c:v>
                </c:pt>
                <c:pt idx="2079">
                  <c:v>4.8099999999999996</c:v>
                </c:pt>
                <c:pt idx="2080">
                  <c:v>5.05</c:v>
                </c:pt>
                <c:pt idx="2081">
                  <c:v>5</c:v>
                </c:pt>
                <c:pt idx="2082">
                  <c:v>4.95</c:v>
                </c:pt>
                <c:pt idx="2083">
                  <c:v>4.87</c:v>
                </c:pt>
                <c:pt idx="2084">
                  <c:v>4.88</c:v>
                </c:pt>
                <c:pt idx="2085">
                  <c:v>4.76</c:v>
                </c:pt>
                <c:pt idx="2086">
                  <c:v>4.8099999999999996</c:v>
                </c:pt>
                <c:pt idx="2087">
                  <c:v>4.8600000000000003</c:v>
                </c:pt>
                <c:pt idx="2088">
                  <c:v>4.87</c:v>
                </c:pt>
                <c:pt idx="2089">
                  <c:v>4.91</c:v>
                </c:pt>
                <c:pt idx="2090">
                  <c:v>4.8</c:v>
                </c:pt>
                <c:pt idx="2091">
                  <c:v>4.78</c:v>
                </c:pt>
                <c:pt idx="2092">
                  <c:v>4.71</c:v>
                </c:pt>
                <c:pt idx="2093">
                  <c:v>4.63</c:v>
                </c:pt>
                <c:pt idx="2094">
                  <c:v>4.6100000000000003</c:v>
                </c:pt>
                <c:pt idx="2095">
                  <c:v>4.5999999999999996</c:v>
                </c:pt>
                <c:pt idx="2096">
                  <c:v>4.55</c:v>
                </c:pt>
                <c:pt idx="2097">
                  <c:v>4.49</c:v>
                </c:pt>
                <c:pt idx="2098">
                  <c:v>4.5</c:v>
                </c:pt>
                <c:pt idx="2099">
                  <c:v>4.5</c:v>
                </c:pt>
                <c:pt idx="2100">
                  <c:v>4.51</c:v>
                </c:pt>
                <c:pt idx="2101">
                  <c:v>4.5999999999999996</c:v>
                </c:pt>
                <c:pt idx="2102">
                  <c:v>4.51</c:v>
                </c:pt>
                <c:pt idx="2103">
                  <c:v>4.5199999999999996</c:v>
                </c:pt>
                <c:pt idx="2104">
                  <c:v>4.55</c:v>
                </c:pt>
                <c:pt idx="2105">
                  <c:v>4.3899999999999997</c:v>
                </c:pt>
                <c:pt idx="2106">
                  <c:v>4.32</c:v>
                </c:pt>
                <c:pt idx="2107">
                  <c:v>4.1500000000000004</c:v>
                </c:pt>
                <c:pt idx="2108">
                  <c:v>4.22</c:v>
                </c:pt>
                <c:pt idx="2109">
                  <c:v>4.22</c:v>
                </c:pt>
                <c:pt idx="2110">
                  <c:v>4.12</c:v>
                </c:pt>
                <c:pt idx="2111">
                  <c:v>4.09</c:v>
                </c:pt>
                <c:pt idx="2112">
                  <c:v>4.09</c:v>
                </c:pt>
                <c:pt idx="2113">
                  <c:v>4.01</c:v>
                </c:pt>
                <c:pt idx="2114">
                  <c:v>3.94</c:v>
                </c:pt>
                <c:pt idx="2115">
                  <c:v>4.12</c:v>
                </c:pt>
                <c:pt idx="2116">
                  <c:v>4.1100000000000003</c:v>
                </c:pt>
                <c:pt idx="2117">
                  <c:v>4.0999999999999996</c:v>
                </c:pt>
                <c:pt idx="2118">
                  <c:v>4</c:v>
                </c:pt>
                <c:pt idx="2119">
                  <c:v>3.99</c:v>
                </c:pt>
                <c:pt idx="2120">
                  <c:v>4</c:v>
                </c:pt>
                <c:pt idx="2121">
                  <c:v>3.98</c:v>
                </c:pt>
                <c:pt idx="2122">
                  <c:v>4</c:v>
                </c:pt>
                <c:pt idx="2123">
                  <c:v>3.99</c:v>
                </c:pt>
                <c:pt idx="2124">
                  <c:v>3.94</c:v>
                </c:pt>
                <c:pt idx="2125">
                  <c:v>3.91</c:v>
                </c:pt>
                <c:pt idx="2126">
                  <c:v>3.95</c:v>
                </c:pt>
                <c:pt idx="2127">
                  <c:v>3.91</c:v>
                </c:pt>
                <c:pt idx="2128">
                  <c:v>3.89</c:v>
                </c:pt>
                <c:pt idx="2129">
                  <c:v>3.88</c:v>
                </c:pt>
                <c:pt idx="2130">
                  <c:v>3.98</c:v>
                </c:pt>
                <c:pt idx="2131">
                  <c:v>3.87</c:v>
                </c:pt>
                <c:pt idx="2132">
                  <c:v>3.87</c:v>
                </c:pt>
                <c:pt idx="2133">
                  <c:v>3.87</c:v>
                </c:pt>
                <c:pt idx="2134">
                  <c:v>3.95</c:v>
                </c:pt>
                <c:pt idx="2135">
                  <c:v>3.9</c:v>
                </c:pt>
                <c:pt idx="2136">
                  <c:v>3.88</c:v>
                </c:pt>
                <c:pt idx="2137">
                  <c:v>3.92</c:v>
                </c:pt>
                <c:pt idx="2138">
                  <c:v>4.08</c:v>
                </c:pt>
                <c:pt idx="2139">
                  <c:v>3.99</c:v>
                </c:pt>
                <c:pt idx="2140">
                  <c:v>3.98</c:v>
                </c:pt>
                <c:pt idx="2141">
                  <c:v>3.88</c:v>
                </c:pt>
                <c:pt idx="2142">
                  <c:v>3.9</c:v>
                </c:pt>
                <c:pt idx="2143">
                  <c:v>3.88</c:v>
                </c:pt>
                <c:pt idx="2144">
                  <c:v>3.84</c:v>
                </c:pt>
                <c:pt idx="2145">
                  <c:v>3.83</c:v>
                </c:pt>
                <c:pt idx="2146">
                  <c:v>3.79</c:v>
                </c:pt>
                <c:pt idx="2147">
                  <c:v>3.78</c:v>
                </c:pt>
                <c:pt idx="2148">
                  <c:v>3.75</c:v>
                </c:pt>
                <c:pt idx="2149">
                  <c:v>3.67</c:v>
                </c:pt>
                <c:pt idx="2150">
                  <c:v>3.71</c:v>
                </c:pt>
                <c:pt idx="2151">
                  <c:v>3.66</c:v>
                </c:pt>
                <c:pt idx="2152">
                  <c:v>3.66</c:v>
                </c:pt>
                <c:pt idx="2153">
                  <c:v>3.62</c:v>
                </c:pt>
                <c:pt idx="2154">
                  <c:v>3.56</c:v>
                </c:pt>
                <c:pt idx="2155">
                  <c:v>3.53</c:v>
                </c:pt>
                <c:pt idx="2156">
                  <c:v>3.49</c:v>
                </c:pt>
                <c:pt idx="2157">
                  <c:v>3.55</c:v>
                </c:pt>
                <c:pt idx="2158">
                  <c:v>3.59</c:v>
                </c:pt>
                <c:pt idx="2159">
                  <c:v>3.62</c:v>
                </c:pt>
                <c:pt idx="2160">
                  <c:v>3.66</c:v>
                </c:pt>
                <c:pt idx="2161">
                  <c:v>3.59</c:v>
                </c:pt>
                <c:pt idx="2162">
                  <c:v>3.55</c:v>
                </c:pt>
                <c:pt idx="2163">
                  <c:v>3.55</c:v>
                </c:pt>
                <c:pt idx="2164">
                  <c:v>3.49</c:v>
                </c:pt>
                <c:pt idx="2165">
                  <c:v>3.4</c:v>
                </c:pt>
                <c:pt idx="2166">
                  <c:v>3.36</c:v>
                </c:pt>
                <c:pt idx="2167">
                  <c:v>3.39</c:v>
                </c:pt>
                <c:pt idx="2168">
                  <c:v>3.37</c:v>
                </c:pt>
                <c:pt idx="2169">
                  <c:v>3.41</c:v>
                </c:pt>
                <c:pt idx="2170">
                  <c:v>3.39</c:v>
                </c:pt>
                <c:pt idx="2171">
                  <c:v>3.4</c:v>
                </c:pt>
                <c:pt idx="2172">
                  <c:v>3.34</c:v>
                </c:pt>
                <c:pt idx="2173">
                  <c:v>3.31</c:v>
                </c:pt>
                <c:pt idx="2174">
                  <c:v>3.32</c:v>
                </c:pt>
                <c:pt idx="2175">
                  <c:v>3.34</c:v>
                </c:pt>
                <c:pt idx="2176">
                  <c:v>3.32</c:v>
                </c:pt>
                <c:pt idx="2177">
                  <c:v>3.37</c:v>
                </c:pt>
                <c:pt idx="2178">
                  <c:v>3.35</c:v>
                </c:pt>
                <c:pt idx="2179">
                  <c:v>3.34</c:v>
                </c:pt>
                <c:pt idx="2180">
                  <c:v>3.4</c:v>
                </c:pt>
                <c:pt idx="2181">
                  <c:v>3.38</c:v>
                </c:pt>
                <c:pt idx="2182">
                  <c:v>3.42</c:v>
                </c:pt>
                <c:pt idx="2183">
                  <c:v>3.53</c:v>
                </c:pt>
                <c:pt idx="2184">
                  <c:v>3.53</c:v>
                </c:pt>
                <c:pt idx="2185">
                  <c:v>3.53</c:v>
                </c:pt>
                <c:pt idx="2186">
                  <c:v>3.56</c:v>
                </c:pt>
                <c:pt idx="2187">
                  <c:v>3.51</c:v>
                </c:pt>
                <c:pt idx="2188">
                  <c:v>3.52</c:v>
                </c:pt>
                <c:pt idx="2189">
                  <c:v>3.63</c:v>
                </c:pt>
                <c:pt idx="2190">
                  <c:v>3.54</c:v>
                </c:pt>
                <c:pt idx="2191">
                  <c:v>3.57</c:v>
                </c:pt>
                <c:pt idx="2192">
                  <c:v>3.54</c:v>
                </c:pt>
                <c:pt idx="2193">
                  <c:v>3.43</c:v>
                </c:pt>
                <c:pt idx="2194">
                  <c:v>3.41</c:v>
                </c:pt>
                <c:pt idx="2195">
                  <c:v>3.4</c:v>
                </c:pt>
                <c:pt idx="2196">
                  <c:v>3.35</c:v>
                </c:pt>
                <c:pt idx="2197">
                  <c:v>3.42</c:v>
                </c:pt>
                <c:pt idx="2198">
                  <c:v>3.51</c:v>
                </c:pt>
                <c:pt idx="2199">
                  <c:v>3.59</c:v>
                </c:pt>
                <c:pt idx="2200">
                  <c:v>3.81</c:v>
                </c:pt>
                <c:pt idx="2201">
                  <c:v>3.91</c:v>
                </c:pt>
                <c:pt idx="2202">
                  <c:v>3.98</c:v>
                </c:pt>
                <c:pt idx="2203">
                  <c:v>3.93</c:v>
                </c:pt>
                <c:pt idx="2204">
                  <c:v>4.46</c:v>
                </c:pt>
                <c:pt idx="2205">
                  <c:v>4.29</c:v>
                </c:pt>
                <c:pt idx="2206">
                  <c:v>4.51</c:v>
                </c:pt>
                <c:pt idx="2207">
                  <c:v>4.37</c:v>
                </c:pt>
                <c:pt idx="2208">
                  <c:v>4.3099999999999996</c:v>
                </c:pt>
                <c:pt idx="2209">
                  <c:v>4.3899999999999997</c:v>
                </c:pt>
                <c:pt idx="2210">
                  <c:v>4.4000000000000004</c:v>
                </c:pt>
                <c:pt idx="2211">
                  <c:v>4.4000000000000004</c:v>
                </c:pt>
                <c:pt idx="2212">
                  <c:v>4.58</c:v>
                </c:pt>
                <c:pt idx="2213">
                  <c:v>4.51</c:v>
                </c:pt>
                <c:pt idx="2214">
                  <c:v>4.57</c:v>
                </c:pt>
                <c:pt idx="2215">
                  <c:v>4.57</c:v>
                </c:pt>
                <c:pt idx="2216">
                  <c:v>4.5</c:v>
                </c:pt>
                <c:pt idx="2217">
                  <c:v>4.32</c:v>
                </c:pt>
                <c:pt idx="2218">
                  <c:v>4.22</c:v>
                </c:pt>
                <c:pt idx="2219">
                  <c:v>4.2300000000000004</c:v>
                </c:pt>
                <c:pt idx="2220">
                  <c:v>4.28</c:v>
                </c:pt>
                <c:pt idx="2221">
                  <c:v>4.13</c:v>
                </c:pt>
                <c:pt idx="2222">
                  <c:v>4.0999999999999996</c:v>
                </c:pt>
                <c:pt idx="2223">
                  <c:v>4.16</c:v>
                </c:pt>
                <c:pt idx="2224">
                  <c:v>4.3499999999999996</c:v>
                </c:pt>
                <c:pt idx="2225">
                  <c:v>4.22</c:v>
                </c:pt>
                <c:pt idx="2226">
                  <c:v>4.29</c:v>
                </c:pt>
                <c:pt idx="2227">
                  <c:v>4.46</c:v>
                </c:pt>
                <c:pt idx="2228">
                  <c:v>4.42</c:v>
                </c:pt>
                <c:pt idx="2229">
                  <c:v>4.47</c:v>
                </c:pt>
                <c:pt idx="2230">
                  <c:v>4.4800000000000004</c:v>
                </c:pt>
                <c:pt idx="2231">
                  <c:v>4.53</c:v>
                </c:pt>
                <c:pt idx="2232">
                  <c:v>4.51</c:v>
                </c:pt>
                <c:pt idx="2233">
                  <c:v>4.41</c:v>
                </c:pt>
                <c:pt idx="2234">
                  <c:v>4.3899999999999997</c:v>
                </c:pt>
                <c:pt idx="2235">
                  <c:v>4.32</c:v>
                </c:pt>
                <c:pt idx="2236">
                  <c:v>4.2300000000000004</c:v>
                </c:pt>
                <c:pt idx="2237">
                  <c:v>4.28</c:v>
                </c:pt>
                <c:pt idx="2238">
                  <c:v>4.33</c:v>
                </c:pt>
                <c:pt idx="2239">
                  <c:v>4.37</c:v>
                </c:pt>
                <c:pt idx="2240">
                  <c:v>4.28</c:v>
                </c:pt>
                <c:pt idx="2241">
                  <c:v>4.37</c:v>
                </c:pt>
                <c:pt idx="2242">
                  <c:v>4.32</c:v>
                </c:pt>
                <c:pt idx="2243">
                  <c:v>4.4000000000000004</c:v>
                </c:pt>
                <c:pt idx="2244">
                  <c:v>4.41</c:v>
                </c:pt>
                <c:pt idx="2245">
                  <c:v>4.34</c:v>
                </c:pt>
                <c:pt idx="2246">
                  <c:v>4.2699999999999996</c:v>
                </c:pt>
                <c:pt idx="2247">
                  <c:v>4.33</c:v>
                </c:pt>
                <c:pt idx="2248">
                  <c:v>4.29</c:v>
                </c:pt>
                <c:pt idx="2249">
                  <c:v>4.21</c:v>
                </c:pt>
                <c:pt idx="2250">
                  <c:v>4.2</c:v>
                </c:pt>
                <c:pt idx="2251">
                  <c:v>4.1399999999999997</c:v>
                </c:pt>
                <c:pt idx="2252">
                  <c:v>4.12</c:v>
                </c:pt>
                <c:pt idx="2253">
                  <c:v>4.1399999999999997</c:v>
                </c:pt>
                <c:pt idx="2254">
                  <c:v>4.2</c:v>
                </c:pt>
                <c:pt idx="2255">
                  <c:v>4.17</c:v>
                </c:pt>
                <c:pt idx="2256">
                  <c:v>4.1399999999999997</c:v>
                </c:pt>
                <c:pt idx="2257">
                  <c:v>4.12</c:v>
                </c:pt>
                <c:pt idx="2258">
                  <c:v>4.1500000000000004</c:v>
                </c:pt>
                <c:pt idx="2259">
                  <c:v>4.13</c:v>
                </c:pt>
                <c:pt idx="2260">
                  <c:v>4.13</c:v>
                </c:pt>
                <c:pt idx="2261">
                  <c:v>4.12</c:v>
                </c:pt>
                <c:pt idx="2262">
                  <c:v>4.1399999999999997</c:v>
                </c:pt>
                <c:pt idx="2263">
                  <c:v>4.12</c:v>
                </c:pt>
                <c:pt idx="2264">
                  <c:v>4.0999999999999996</c:v>
                </c:pt>
                <c:pt idx="2265">
                  <c:v>4.0999999999999996</c:v>
                </c:pt>
                <c:pt idx="2266">
                  <c:v>4.0999999999999996</c:v>
                </c:pt>
                <c:pt idx="2267">
                  <c:v>4.12</c:v>
                </c:pt>
                <c:pt idx="2268">
                  <c:v>4.2300000000000004</c:v>
                </c:pt>
                <c:pt idx="2269">
                  <c:v>4.2</c:v>
                </c:pt>
                <c:pt idx="2270">
                  <c:v>4.1900000000000004</c:v>
                </c:pt>
                <c:pt idx="2271">
                  <c:v>4.12</c:v>
                </c:pt>
                <c:pt idx="2272">
                  <c:v>3.97</c:v>
                </c:pt>
                <c:pt idx="2273">
                  <c:v>3.92</c:v>
                </c:pt>
                <c:pt idx="2274">
                  <c:v>3.98</c:v>
                </c:pt>
                <c:pt idx="2275">
                  <c:v>4.0199999999999996</c:v>
                </c:pt>
                <c:pt idx="2276">
                  <c:v>4.01</c:v>
                </c:pt>
                <c:pt idx="2277">
                  <c:v>3.99</c:v>
                </c:pt>
                <c:pt idx="2278">
                  <c:v>3.97</c:v>
                </c:pt>
                <c:pt idx="2279">
                  <c:v>3.89</c:v>
                </c:pt>
                <c:pt idx="2280">
                  <c:v>3.93</c:v>
                </c:pt>
                <c:pt idx="2281">
                  <c:v>3.8</c:v>
                </c:pt>
                <c:pt idx="2282">
                  <c:v>3.83</c:v>
                </c:pt>
                <c:pt idx="2283">
                  <c:v>3.87</c:v>
                </c:pt>
                <c:pt idx="2284">
                  <c:v>3.73</c:v>
                </c:pt>
                <c:pt idx="2285">
                  <c:v>3.66</c:v>
                </c:pt>
                <c:pt idx="2286">
                  <c:v>3.63</c:v>
                </c:pt>
                <c:pt idx="2287">
                  <c:v>3.66</c:v>
                </c:pt>
                <c:pt idx="2288">
                  <c:v>3.59</c:v>
                </c:pt>
                <c:pt idx="2289">
                  <c:v>3.69</c:v>
                </c:pt>
                <c:pt idx="2290">
                  <c:v>3.76</c:v>
                </c:pt>
                <c:pt idx="2291">
                  <c:v>3.8</c:v>
                </c:pt>
                <c:pt idx="2292">
                  <c:v>3.75</c:v>
                </c:pt>
                <c:pt idx="2293">
                  <c:v>3.86</c:v>
                </c:pt>
                <c:pt idx="2294">
                  <c:v>3.78</c:v>
                </c:pt>
                <c:pt idx="2295">
                  <c:v>3.69</c:v>
                </c:pt>
                <c:pt idx="2296">
                  <c:v>3.7</c:v>
                </c:pt>
                <c:pt idx="2297">
                  <c:v>3.66</c:v>
                </c:pt>
                <c:pt idx="2298">
                  <c:v>3.67</c:v>
                </c:pt>
                <c:pt idx="2299">
                  <c:v>3.65</c:v>
                </c:pt>
                <c:pt idx="2300">
                  <c:v>3.68</c:v>
                </c:pt>
                <c:pt idx="2301">
                  <c:v>3.8</c:v>
                </c:pt>
                <c:pt idx="2302">
                  <c:v>3.85</c:v>
                </c:pt>
                <c:pt idx="2303">
                  <c:v>3.84</c:v>
                </c:pt>
                <c:pt idx="2304">
                  <c:v>3.87</c:v>
                </c:pt>
                <c:pt idx="2305">
                  <c:v>3.87</c:v>
                </c:pt>
                <c:pt idx="2306">
                  <c:v>4.04</c:v>
                </c:pt>
                <c:pt idx="2307">
                  <c:v>4</c:v>
                </c:pt>
                <c:pt idx="2308">
                  <c:v>4.0199999999999996</c:v>
                </c:pt>
                <c:pt idx="2309">
                  <c:v>4.08</c:v>
                </c:pt>
                <c:pt idx="2310">
                  <c:v>4.04</c:v>
                </c:pt>
                <c:pt idx="2311">
                  <c:v>4.09</c:v>
                </c:pt>
                <c:pt idx="2312">
                  <c:v>4.04</c:v>
                </c:pt>
                <c:pt idx="2313">
                  <c:v>3.98</c:v>
                </c:pt>
                <c:pt idx="2314">
                  <c:v>3.91</c:v>
                </c:pt>
                <c:pt idx="2315">
                  <c:v>3.94</c:v>
                </c:pt>
                <c:pt idx="2316">
                  <c:v>3.93</c:v>
                </c:pt>
                <c:pt idx="2317">
                  <c:v>3.84</c:v>
                </c:pt>
                <c:pt idx="2318">
                  <c:v>3.89</c:v>
                </c:pt>
                <c:pt idx="2319">
                  <c:v>3.9</c:v>
                </c:pt>
                <c:pt idx="2320">
                  <c:v>3.91</c:v>
                </c:pt>
                <c:pt idx="2321">
                  <c:v>3.86</c:v>
                </c:pt>
                <c:pt idx="2322">
                  <c:v>3.85</c:v>
                </c:pt>
                <c:pt idx="2323">
                  <c:v>3.76</c:v>
                </c:pt>
                <c:pt idx="2324">
                  <c:v>3.82</c:v>
                </c:pt>
                <c:pt idx="2325">
                  <c:v>3.79</c:v>
                </c:pt>
                <c:pt idx="2326">
                  <c:v>3.76</c:v>
                </c:pt>
                <c:pt idx="2327">
                  <c:v>3.87</c:v>
                </c:pt>
                <c:pt idx="2328">
                  <c:v>3.98</c:v>
                </c:pt>
                <c:pt idx="2329">
                  <c:v>3.97</c:v>
                </c:pt>
                <c:pt idx="2330">
                  <c:v>3.95</c:v>
                </c:pt>
                <c:pt idx="2331">
                  <c:v>3.93</c:v>
                </c:pt>
                <c:pt idx="2332">
                  <c:v>3.95</c:v>
                </c:pt>
                <c:pt idx="2333">
                  <c:v>3.97</c:v>
                </c:pt>
                <c:pt idx="2334">
                  <c:v>3.96</c:v>
                </c:pt>
                <c:pt idx="2335">
                  <c:v>4.01</c:v>
                </c:pt>
                <c:pt idx="2336">
                  <c:v>3.97</c:v>
                </c:pt>
                <c:pt idx="2337">
                  <c:v>3.92</c:v>
                </c:pt>
                <c:pt idx="2338">
                  <c:v>3.81</c:v>
                </c:pt>
                <c:pt idx="2339">
                  <c:v>3.79</c:v>
                </c:pt>
                <c:pt idx="2340">
                  <c:v>3.72</c:v>
                </c:pt>
                <c:pt idx="2341">
                  <c:v>3.65</c:v>
                </c:pt>
                <c:pt idx="2342">
                  <c:v>3.65</c:v>
                </c:pt>
                <c:pt idx="2343">
                  <c:v>3.62</c:v>
                </c:pt>
                <c:pt idx="2344">
                  <c:v>3.64</c:v>
                </c:pt>
                <c:pt idx="2345">
                  <c:v>3.68</c:v>
                </c:pt>
                <c:pt idx="2346">
                  <c:v>3.73</c:v>
                </c:pt>
                <c:pt idx="2347">
                  <c:v>3.71</c:v>
                </c:pt>
                <c:pt idx="2348">
                  <c:v>3.71</c:v>
                </c:pt>
                <c:pt idx="2349">
                  <c:v>3.59</c:v>
                </c:pt>
                <c:pt idx="2350">
                  <c:v>3.58</c:v>
                </c:pt>
                <c:pt idx="2351">
                  <c:v>3.59</c:v>
                </c:pt>
                <c:pt idx="2352">
                  <c:v>3.66</c:v>
                </c:pt>
                <c:pt idx="2353">
                  <c:v>3.61</c:v>
                </c:pt>
                <c:pt idx="2354">
                  <c:v>3.57</c:v>
                </c:pt>
                <c:pt idx="2355">
                  <c:v>3.58</c:v>
                </c:pt>
                <c:pt idx="2356">
                  <c:v>3.64</c:v>
                </c:pt>
                <c:pt idx="2357">
                  <c:v>3.66</c:v>
                </c:pt>
                <c:pt idx="2358">
                  <c:v>3.6</c:v>
                </c:pt>
                <c:pt idx="2359">
                  <c:v>3.54</c:v>
                </c:pt>
                <c:pt idx="2360">
                  <c:v>3.56</c:v>
                </c:pt>
                <c:pt idx="2361">
                  <c:v>3.48</c:v>
                </c:pt>
                <c:pt idx="2362">
                  <c:v>3.41</c:v>
                </c:pt>
                <c:pt idx="2363">
                  <c:v>3.42</c:v>
                </c:pt>
                <c:pt idx="2364">
                  <c:v>3.45</c:v>
                </c:pt>
                <c:pt idx="2365">
                  <c:v>3.48</c:v>
                </c:pt>
                <c:pt idx="2366">
                  <c:v>3.43</c:v>
                </c:pt>
                <c:pt idx="2367">
                  <c:v>3.45</c:v>
                </c:pt>
                <c:pt idx="2368">
                  <c:v>3.43</c:v>
                </c:pt>
                <c:pt idx="2369">
                  <c:v>3.43</c:v>
                </c:pt>
                <c:pt idx="2370">
                  <c:v>3.46</c:v>
                </c:pt>
                <c:pt idx="2371">
                  <c:v>3.44</c:v>
                </c:pt>
                <c:pt idx="2372">
                  <c:v>3.5</c:v>
                </c:pt>
                <c:pt idx="2373">
                  <c:v>3.48</c:v>
                </c:pt>
                <c:pt idx="2374">
                  <c:v>3.42</c:v>
                </c:pt>
                <c:pt idx="2375">
                  <c:v>3.42</c:v>
                </c:pt>
                <c:pt idx="2376">
                  <c:v>3.47</c:v>
                </c:pt>
                <c:pt idx="2377">
                  <c:v>3.52</c:v>
                </c:pt>
                <c:pt idx="2378">
                  <c:v>3.47</c:v>
                </c:pt>
                <c:pt idx="2379">
                  <c:v>3.54</c:v>
                </c:pt>
                <c:pt idx="2380">
                  <c:v>3.57</c:v>
                </c:pt>
                <c:pt idx="2381">
                  <c:v>3.94</c:v>
                </c:pt>
                <c:pt idx="2382">
                  <c:v>4.03</c:v>
                </c:pt>
                <c:pt idx="2383">
                  <c:v>4.08</c:v>
                </c:pt>
                <c:pt idx="2384">
                  <c:v>4.13</c:v>
                </c:pt>
                <c:pt idx="2385">
                  <c:v>4.16</c:v>
                </c:pt>
                <c:pt idx="2386">
                  <c:v>4.3</c:v>
                </c:pt>
                <c:pt idx="2387">
                  <c:v>4.32</c:v>
                </c:pt>
                <c:pt idx="2388">
                  <c:v>4.2</c:v>
                </c:pt>
                <c:pt idx="2389">
                  <c:v>4.12</c:v>
                </c:pt>
                <c:pt idx="2390">
                  <c:v>4.09</c:v>
                </c:pt>
                <c:pt idx="2391">
                  <c:v>4.1900000000000004</c:v>
                </c:pt>
                <c:pt idx="2392">
                  <c:v>4.1900000000000004</c:v>
                </c:pt>
                <c:pt idx="2393">
                  <c:v>4.17</c:v>
                </c:pt>
                <c:pt idx="2394">
                  <c:v>4.1500000000000004</c:v>
                </c:pt>
                <c:pt idx="2395">
                  <c:v>4.16</c:v>
                </c:pt>
                <c:pt idx="2396">
                  <c:v>4.0999999999999996</c:v>
                </c:pt>
                <c:pt idx="2397">
                  <c:v>4.21</c:v>
                </c:pt>
                <c:pt idx="2398">
                  <c:v>4.3</c:v>
                </c:pt>
                <c:pt idx="2399">
                  <c:v>4.2300000000000004</c:v>
                </c:pt>
                <c:pt idx="2400">
                  <c:v>4.1399999999999997</c:v>
                </c:pt>
                <c:pt idx="2401">
                  <c:v>4.0999999999999996</c:v>
                </c:pt>
                <c:pt idx="2402">
                  <c:v>4.08</c:v>
                </c:pt>
                <c:pt idx="2403">
                  <c:v>3.97</c:v>
                </c:pt>
                <c:pt idx="2404">
                  <c:v>4.03</c:v>
                </c:pt>
                <c:pt idx="2405">
                  <c:v>4.0199999999999996</c:v>
                </c:pt>
                <c:pt idx="2406">
                  <c:v>4.05</c:v>
                </c:pt>
                <c:pt idx="2407">
                  <c:v>4.0199999999999996</c:v>
                </c:pt>
                <c:pt idx="2408">
                  <c:v>3.95</c:v>
                </c:pt>
                <c:pt idx="2409">
                  <c:v>3.94</c:v>
                </c:pt>
                <c:pt idx="2410">
                  <c:v>3.89</c:v>
                </c:pt>
                <c:pt idx="2411">
                  <c:v>3.91</c:v>
                </c:pt>
                <c:pt idx="2412">
                  <c:v>3.9</c:v>
                </c:pt>
                <c:pt idx="2413">
                  <c:v>3.88</c:v>
                </c:pt>
                <c:pt idx="2414">
                  <c:v>3.96</c:v>
                </c:pt>
                <c:pt idx="2415">
                  <c:v>4.03</c:v>
                </c:pt>
                <c:pt idx="2416">
                  <c:v>3.96</c:v>
                </c:pt>
                <c:pt idx="2417">
                  <c:v>3.92</c:v>
                </c:pt>
                <c:pt idx="2418">
                  <c:v>3.93</c:v>
                </c:pt>
                <c:pt idx="2419">
                  <c:v>3.9</c:v>
                </c:pt>
                <c:pt idx="2420">
                  <c:v>3.89</c:v>
                </c:pt>
                <c:pt idx="2421">
                  <c:v>3.86</c:v>
                </c:pt>
                <c:pt idx="2422">
                  <c:v>3.82</c:v>
                </c:pt>
                <c:pt idx="2423">
                  <c:v>3.78</c:v>
                </c:pt>
                <c:pt idx="2424">
                  <c:v>3.78</c:v>
                </c:pt>
                <c:pt idx="2425">
                  <c:v>3.83</c:v>
                </c:pt>
                <c:pt idx="2426">
                  <c:v>3.83</c:v>
                </c:pt>
                <c:pt idx="2427">
                  <c:v>3.85</c:v>
                </c:pt>
                <c:pt idx="2428">
                  <c:v>3.91</c:v>
                </c:pt>
                <c:pt idx="2429">
                  <c:v>3.88</c:v>
                </c:pt>
                <c:pt idx="2430">
                  <c:v>3.94</c:v>
                </c:pt>
                <c:pt idx="2431">
                  <c:v>3.94</c:v>
                </c:pt>
                <c:pt idx="2432">
                  <c:v>3.9</c:v>
                </c:pt>
                <c:pt idx="2433">
                  <c:v>3.95</c:v>
                </c:pt>
                <c:pt idx="2434">
                  <c:v>3.92</c:v>
                </c:pt>
                <c:pt idx="2435">
                  <c:v>3.9</c:v>
                </c:pt>
                <c:pt idx="2436">
                  <c:v>3.94</c:v>
                </c:pt>
                <c:pt idx="2437">
                  <c:v>3.93</c:v>
                </c:pt>
                <c:pt idx="2438">
                  <c:v>3.94</c:v>
                </c:pt>
                <c:pt idx="2439">
                  <c:v>3.99</c:v>
                </c:pt>
                <c:pt idx="2440">
                  <c:v>3.95</c:v>
                </c:pt>
                <c:pt idx="2441">
                  <c:v>3.99</c:v>
                </c:pt>
                <c:pt idx="2442">
                  <c:v>4.04</c:v>
                </c:pt>
                <c:pt idx="2443">
                  <c:v>4.1500000000000004</c:v>
                </c:pt>
                <c:pt idx="2444">
                  <c:v>4.22</c:v>
                </c:pt>
                <c:pt idx="2445">
                  <c:v>4.32</c:v>
                </c:pt>
                <c:pt idx="2446">
                  <c:v>4.38</c:v>
                </c:pt>
                <c:pt idx="2447">
                  <c:v>4.4000000000000004</c:v>
                </c:pt>
                <c:pt idx="2448">
                  <c:v>4.43</c:v>
                </c:pt>
                <c:pt idx="2449">
                  <c:v>4.46</c:v>
                </c:pt>
                <c:pt idx="2450">
                  <c:v>4.4400000000000004</c:v>
                </c:pt>
                <c:pt idx="2451">
                  <c:v>4.45</c:v>
                </c:pt>
                <c:pt idx="2452">
                  <c:v>4.4400000000000004</c:v>
                </c:pt>
                <c:pt idx="2453">
                  <c:v>4.4000000000000004</c:v>
                </c:pt>
                <c:pt idx="2454">
                  <c:v>4.42</c:v>
                </c:pt>
                <c:pt idx="2455">
                  <c:v>4.47</c:v>
                </c:pt>
                <c:pt idx="2456">
                  <c:v>4.58</c:v>
                </c:pt>
                <c:pt idx="2457">
                  <c:v>4.55</c:v>
                </c:pt>
                <c:pt idx="2458">
                  <c:v>4.55</c:v>
                </c:pt>
                <c:pt idx="2459">
                  <c:v>4.6100000000000003</c:v>
                </c:pt>
                <c:pt idx="2460">
                  <c:v>4.66</c:v>
                </c:pt>
                <c:pt idx="2461">
                  <c:v>4.5599999999999996</c:v>
                </c:pt>
                <c:pt idx="2462">
                  <c:v>4.54</c:v>
                </c:pt>
                <c:pt idx="2463">
                  <c:v>4.62</c:v>
                </c:pt>
                <c:pt idx="2464">
                  <c:v>4.57</c:v>
                </c:pt>
                <c:pt idx="2465">
                  <c:v>4.55</c:v>
                </c:pt>
                <c:pt idx="2466">
                  <c:v>4.5199999999999996</c:v>
                </c:pt>
                <c:pt idx="2467">
                  <c:v>4.53</c:v>
                </c:pt>
                <c:pt idx="2468">
                  <c:v>4.5199999999999996</c:v>
                </c:pt>
                <c:pt idx="2469">
                  <c:v>4.54</c:v>
                </c:pt>
                <c:pt idx="2470">
                  <c:v>4.5999999999999996</c:v>
                </c:pt>
                <c:pt idx="2471">
                  <c:v>4.59</c:v>
                </c:pt>
                <c:pt idx="2472">
                  <c:v>4.53</c:v>
                </c:pt>
                <c:pt idx="2473">
                  <c:v>4.51</c:v>
                </c:pt>
                <c:pt idx="2474">
                  <c:v>4.5199999999999996</c:v>
                </c:pt>
                <c:pt idx="2475">
                  <c:v>4.54</c:v>
                </c:pt>
                <c:pt idx="2476">
                  <c:v>4.5999999999999996</c:v>
                </c:pt>
                <c:pt idx="2477">
                  <c:v>4.6500000000000004</c:v>
                </c:pt>
                <c:pt idx="2478">
                  <c:v>4.72</c:v>
                </c:pt>
                <c:pt idx="2479">
                  <c:v>4.71</c:v>
                </c:pt>
                <c:pt idx="2480">
                  <c:v>4.9000000000000004</c:v>
                </c:pt>
                <c:pt idx="2481">
                  <c:v>4.8499999999999996</c:v>
                </c:pt>
                <c:pt idx="2482">
                  <c:v>4.8600000000000003</c:v>
                </c:pt>
                <c:pt idx="2483">
                  <c:v>4.83</c:v>
                </c:pt>
                <c:pt idx="2484">
                  <c:v>4.9400000000000004</c:v>
                </c:pt>
                <c:pt idx="2485">
                  <c:v>4.9400000000000004</c:v>
                </c:pt>
                <c:pt idx="2486">
                  <c:v>4.8099999999999996</c:v>
                </c:pt>
                <c:pt idx="2487">
                  <c:v>4.8099999999999996</c:v>
                </c:pt>
                <c:pt idx="2488">
                  <c:v>4.75</c:v>
                </c:pt>
                <c:pt idx="2489">
                  <c:v>4.63</c:v>
                </c:pt>
                <c:pt idx="2490">
                  <c:v>4.62</c:v>
                </c:pt>
                <c:pt idx="2491">
                  <c:v>4.55</c:v>
                </c:pt>
                <c:pt idx="2492">
                  <c:v>4.51</c:v>
                </c:pt>
                <c:pt idx="2493">
                  <c:v>4.45</c:v>
                </c:pt>
                <c:pt idx="2494">
                  <c:v>4.45</c:v>
                </c:pt>
                <c:pt idx="2495">
                  <c:v>4.45</c:v>
                </c:pt>
                <c:pt idx="2496">
                  <c:v>4.46</c:v>
                </c:pt>
                <c:pt idx="2497">
                  <c:v>4.41</c:v>
                </c:pt>
                <c:pt idx="2498">
                  <c:v>4.37</c:v>
                </c:pt>
                <c:pt idx="2499">
                  <c:v>4.3499999999999996</c:v>
                </c:pt>
                <c:pt idx="2500">
                  <c:v>4.3499999999999996</c:v>
                </c:pt>
                <c:pt idx="2501">
                  <c:v>4.41</c:v>
                </c:pt>
                <c:pt idx="2502">
                  <c:v>4.3099999999999996</c:v>
                </c:pt>
                <c:pt idx="2503">
                  <c:v>4.28</c:v>
                </c:pt>
                <c:pt idx="2504">
                  <c:v>4.0599999999999996</c:v>
                </c:pt>
                <c:pt idx="2505">
                  <c:v>4.08</c:v>
                </c:pt>
                <c:pt idx="2506">
                  <c:v>4.12</c:v>
                </c:pt>
                <c:pt idx="2507">
                  <c:v>4.17</c:v>
                </c:pt>
                <c:pt idx="2508">
                  <c:v>4.2</c:v>
                </c:pt>
                <c:pt idx="2509">
                  <c:v>4.1399999999999997</c:v>
                </c:pt>
                <c:pt idx="2510">
                  <c:v>4.0999999999999996</c:v>
                </c:pt>
                <c:pt idx="2511">
                  <c:v>4.07</c:v>
                </c:pt>
                <c:pt idx="2512">
                  <c:v>4.0599999999999996</c:v>
                </c:pt>
                <c:pt idx="2513">
                  <c:v>3.99</c:v>
                </c:pt>
                <c:pt idx="2514">
                  <c:v>3.82</c:v>
                </c:pt>
                <c:pt idx="2515">
                  <c:v>3.82</c:v>
                </c:pt>
                <c:pt idx="2516">
                  <c:v>3.84</c:v>
                </c:pt>
                <c:pt idx="2517">
                  <c:v>3.73</c:v>
                </c:pt>
                <c:pt idx="2518">
                  <c:v>3.75</c:v>
                </c:pt>
                <c:pt idx="2519">
                  <c:v>3.75</c:v>
                </c:pt>
                <c:pt idx="2520">
                  <c:v>3.81</c:v>
                </c:pt>
                <c:pt idx="2521">
                  <c:v>3.75</c:v>
                </c:pt>
                <c:pt idx="2522">
                  <c:v>3.75</c:v>
                </c:pt>
                <c:pt idx="2523">
                  <c:v>3.6</c:v>
                </c:pt>
                <c:pt idx="2524">
                  <c:v>3.6</c:v>
                </c:pt>
                <c:pt idx="2525">
                  <c:v>3.55</c:v>
                </c:pt>
                <c:pt idx="2526">
                  <c:v>3.58</c:v>
                </c:pt>
                <c:pt idx="2527">
                  <c:v>3.49</c:v>
                </c:pt>
                <c:pt idx="2528">
                  <c:v>3.56</c:v>
                </c:pt>
                <c:pt idx="2529">
                  <c:v>3.73</c:v>
                </c:pt>
                <c:pt idx="2530">
                  <c:v>3.64</c:v>
                </c:pt>
                <c:pt idx="2531">
                  <c:v>3.65</c:v>
                </c:pt>
                <c:pt idx="2532">
                  <c:v>3.57</c:v>
                </c:pt>
                <c:pt idx="2533">
                  <c:v>3.69</c:v>
                </c:pt>
                <c:pt idx="2534">
                  <c:v>3.75</c:v>
                </c:pt>
                <c:pt idx="2535">
                  <c:v>3.78</c:v>
                </c:pt>
                <c:pt idx="2536">
                  <c:v>3.69</c:v>
                </c:pt>
                <c:pt idx="2537">
                  <c:v>3.75</c:v>
                </c:pt>
                <c:pt idx="2538">
                  <c:v>3.66</c:v>
                </c:pt>
                <c:pt idx="2539">
                  <c:v>3.68</c:v>
                </c:pt>
                <c:pt idx="2540">
                  <c:v>3.68</c:v>
                </c:pt>
                <c:pt idx="2541">
                  <c:v>3.73</c:v>
                </c:pt>
                <c:pt idx="2542">
                  <c:v>3.73</c:v>
                </c:pt>
                <c:pt idx="2543">
                  <c:v>3.74</c:v>
                </c:pt>
                <c:pt idx="2544">
                  <c:v>3.72</c:v>
                </c:pt>
                <c:pt idx="2545">
                  <c:v>3.64</c:v>
                </c:pt>
                <c:pt idx="2546">
                  <c:v>3.65</c:v>
                </c:pt>
                <c:pt idx="2547">
                  <c:v>3.6</c:v>
                </c:pt>
                <c:pt idx="2548">
                  <c:v>3.51</c:v>
                </c:pt>
                <c:pt idx="2549">
                  <c:v>3.45</c:v>
                </c:pt>
                <c:pt idx="2550">
                  <c:v>3.47</c:v>
                </c:pt>
                <c:pt idx="2551">
                  <c:v>3.49</c:v>
                </c:pt>
                <c:pt idx="2552">
                  <c:v>3.45</c:v>
                </c:pt>
                <c:pt idx="2553">
                  <c:v>3.29</c:v>
                </c:pt>
                <c:pt idx="2554">
                  <c:v>3.36</c:v>
                </c:pt>
                <c:pt idx="2555">
                  <c:v>3.65</c:v>
                </c:pt>
                <c:pt idx="2556">
                  <c:v>3.5</c:v>
                </c:pt>
                <c:pt idx="2557">
                  <c:v>3.33</c:v>
                </c:pt>
                <c:pt idx="2558">
                  <c:v>3.33</c:v>
                </c:pt>
                <c:pt idx="2559">
                  <c:v>3.31</c:v>
                </c:pt>
                <c:pt idx="2560">
                  <c:v>3.33</c:v>
                </c:pt>
                <c:pt idx="2561">
                  <c:v>3.23</c:v>
                </c:pt>
                <c:pt idx="2562">
                  <c:v>3.26</c:v>
                </c:pt>
                <c:pt idx="2563">
                  <c:v>3.28</c:v>
                </c:pt>
                <c:pt idx="2564">
                  <c:v>3.24</c:v>
                </c:pt>
                <c:pt idx="2565">
                  <c:v>3.15</c:v>
                </c:pt>
                <c:pt idx="2566">
                  <c:v>3.18</c:v>
                </c:pt>
                <c:pt idx="2567">
                  <c:v>3.21</c:v>
                </c:pt>
                <c:pt idx="2568">
                  <c:v>3.13</c:v>
                </c:pt>
                <c:pt idx="2569">
                  <c:v>3.13</c:v>
                </c:pt>
                <c:pt idx="2570">
                  <c:v>3.07</c:v>
                </c:pt>
                <c:pt idx="2571">
                  <c:v>3.03</c:v>
                </c:pt>
                <c:pt idx="2572">
                  <c:v>2.98</c:v>
                </c:pt>
                <c:pt idx="2573">
                  <c:v>3.01</c:v>
                </c:pt>
                <c:pt idx="2574">
                  <c:v>2.99</c:v>
                </c:pt>
                <c:pt idx="2575">
                  <c:v>2.88</c:v>
                </c:pt>
                <c:pt idx="2576">
                  <c:v>2.96</c:v>
                </c:pt>
                <c:pt idx="2577">
                  <c:v>2.99</c:v>
                </c:pt>
                <c:pt idx="2578">
                  <c:v>2.91</c:v>
                </c:pt>
                <c:pt idx="2579">
                  <c:v>2.93</c:v>
                </c:pt>
                <c:pt idx="2580">
                  <c:v>2.86</c:v>
                </c:pt>
                <c:pt idx="2581">
                  <c:v>2.87</c:v>
                </c:pt>
                <c:pt idx="2582">
                  <c:v>2.9</c:v>
                </c:pt>
                <c:pt idx="2583">
                  <c:v>2.88</c:v>
                </c:pt>
                <c:pt idx="2584">
                  <c:v>2.87</c:v>
                </c:pt>
                <c:pt idx="2585">
                  <c:v>2.81</c:v>
                </c:pt>
                <c:pt idx="2586">
                  <c:v>2.8</c:v>
                </c:pt>
                <c:pt idx="2587">
                  <c:v>2.81</c:v>
                </c:pt>
                <c:pt idx="2588">
                  <c:v>2.78</c:v>
                </c:pt>
                <c:pt idx="2589">
                  <c:v>2.84</c:v>
                </c:pt>
                <c:pt idx="2590">
                  <c:v>2.72</c:v>
                </c:pt>
                <c:pt idx="2591">
                  <c:v>2.72</c:v>
                </c:pt>
                <c:pt idx="2592">
                  <c:v>2.71</c:v>
                </c:pt>
                <c:pt idx="2593">
                  <c:v>2.71</c:v>
                </c:pt>
                <c:pt idx="2594">
                  <c:v>2.67</c:v>
                </c:pt>
                <c:pt idx="2595">
                  <c:v>2.66</c:v>
                </c:pt>
                <c:pt idx="2596">
                  <c:v>2.67</c:v>
                </c:pt>
                <c:pt idx="2597">
                  <c:v>2.65</c:v>
                </c:pt>
                <c:pt idx="2598">
                  <c:v>2.79</c:v>
                </c:pt>
                <c:pt idx="2599">
                  <c:v>2.77</c:v>
                </c:pt>
                <c:pt idx="2600">
                  <c:v>2.73</c:v>
                </c:pt>
                <c:pt idx="2601">
                  <c:v>2.73</c:v>
                </c:pt>
                <c:pt idx="2602">
                  <c:v>2.73</c:v>
                </c:pt>
                <c:pt idx="2603">
                  <c:v>2.81</c:v>
                </c:pt>
                <c:pt idx="2604">
                  <c:v>2.97</c:v>
                </c:pt>
                <c:pt idx="2605">
                  <c:v>3.02</c:v>
                </c:pt>
                <c:pt idx="2606">
                  <c:v>3.05</c:v>
                </c:pt>
                <c:pt idx="2607">
                  <c:v>3.09</c:v>
                </c:pt>
                <c:pt idx="2608">
                  <c:v>3.17</c:v>
                </c:pt>
                <c:pt idx="2609">
                  <c:v>3.18</c:v>
                </c:pt>
                <c:pt idx="2610">
                  <c:v>3.13</c:v>
                </c:pt>
                <c:pt idx="2611">
                  <c:v>3.04</c:v>
                </c:pt>
                <c:pt idx="2612">
                  <c:v>2.97</c:v>
                </c:pt>
                <c:pt idx="2613">
                  <c:v>2.98</c:v>
                </c:pt>
                <c:pt idx="2614">
                  <c:v>2.96</c:v>
                </c:pt>
                <c:pt idx="2615">
                  <c:v>2.94</c:v>
                </c:pt>
                <c:pt idx="2616">
                  <c:v>3</c:v>
                </c:pt>
                <c:pt idx="2617">
                  <c:v>2.95</c:v>
                </c:pt>
                <c:pt idx="2618">
                  <c:v>2.99</c:v>
                </c:pt>
                <c:pt idx="2619">
                  <c:v>2.96</c:v>
                </c:pt>
                <c:pt idx="2620">
                  <c:v>2.93</c:v>
                </c:pt>
                <c:pt idx="2621">
                  <c:v>3.02</c:v>
                </c:pt>
                <c:pt idx="2622">
                  <c:v>2.98</c:v>
                </c:pt>
                <c:pt idx="2623">
                  <c:v>2.9</c:v>
                </c:pt>
                <c:pt idx="2624">
                  <c:v>2.88</c:v>
                </c:pt>
                <c:pt idx="2625">
                  <c:v>2.78</c:v>
                </c:pt>
                <c:pt idx="2626">
                  <c:v>2.8</c:v>
                </c:pt>
                <c:pt idx="2627">
                  <c:v>2.77</c:v>
                </c:pt>
                <c:pt idx="2628">
                  <c:v>2.87</c:v>
                </c:pt>
                <c:pt idx="2629">
                  <c:v>2.86</c:v>
                </c:pt>
                <c:pt idx="2630">
                  <c:v>2.87</c:v>
                </c:pt>
                <c:pt idx="2631">
                  <c:v>2.87</c:v>
                </c:pt>
                <c:pt idx="2632">
                  <c:v>2.88</c:v>
                </c:pt>
                <c:pt idx="2633">
                  <c:v>2.86</c:v>
                </c:pt>
                <c:pt idx="2634">
                  <c:v>2.88</c:v>
                </c:pt>
                <c:pt idx="2635">
                  <c:v>3.01</c:v>
                </c:pt>
                <c:pt idx="2636">
                  <c:v>2.99</c:v>
                </c:pt>
                <c:pt idx="2637">
                  <c:v>3.05</c:v>
                </c:pt>
                <c:pt idx="2638">
                  <c:v>3.09</c:v>
                </c:pt>
                <c:pt idx="2639">
                  <c:v>3.14</c:v>
                </c:pt>
                <c:pt idx="2640">
                  <c:v>3.09</c:v>
                </c:pt>
                <c:pt idx="2641">
                  <c:v>2.98</c:v>
                </c:pt>
                <c:pt idx="2642">
                  <c:v>3.1</c:v>
                </c:pt>
                <c:pt idx="2643">
                  <c:v>3.1</c:v>
                </c:pt>
                <c:pt idx="2644">
                  <c:v>3.11</c:v>
                </c:pt>
                <c:pt idx="2645">
                  <c:v>3.1</c:v>
                </c:pt>
                <c:pt idx="2646">
                  <c:v>3.12</c:v>
                </c:pt>
                <c:pt idx="2647">
                  <c:v>3.05</c:v>
                </c:pt>
                <c:pt idx="2648">
                  <c:v>3.11</c:v>
                </c:pt>
                <c:pt idx="2649">
                  <c:v>3.22</c:v>
                </c:pt>
                <c:pt idx="2650">
                  <c:v>3.45</c:v>
                </c:pt>
                <c:pt idx="2651">
                  <c:v>3.56</c:v>
                </c:pt>
                <c:pt idx="2652">
                  <c:v>3.55</c:v>
                </c:pt>
                <c:pt idx="2653">
                  <c:v>3.55</c:v>
                </c:pt>
                <c:pt idx="2654">
                  <c:v>3.69</c:v>
                </c:pt>
                <c:pt idx="2655">
                  <c:v>3.92</c:v>
                </c:pt>
                <c:pt idx="2656">
                  <c:v>3.89</c:v>
                </c:pt>
                <c:pt idx="2657">
                  <c:v>3.76</c:v>
                </c:pt>
                <c:pt idx="2658">
                  <c:v>3.85</c:v>
                </c:pt>
                <c:pt idx="2659">
                  <c:v>4.16</c:v>
                </c:pt>
                <c:pt idx="2660">
                  <c:v>4.42</c:v>
                </c:pt>
                <c:pt idx="2661">
                  <c:v>4.67</c:v>
                </c:pt>
                <c:pt idx="2662">
                  <c:v>4.72</c:v>
                </c:pt>
                <c:pt idx="2663">
                  <c:v>5</c:v>
                </c:pt>
                <c:pt idx="2664">
                  <c:v>5.1100000000000003</c:v>
                </c:pt>
                <c:pt idx="2665">
                  <c:v>5.0999999999999996</c:v>
                </c:pt>
                <c:pt idx="2666">
                  <c:v>5.27</c:v>
                </c:pt>
                <c:pt idx="2667">
                  <c:v>5.3</c:v>
                </c:pt>
                <c:pt idx="2668">
                  <c:v>5.25</c:v>
                </c:pt>
                <c:pt idx="2669">
                  <c:v>5.0999999999999996</c:v>
                </c:pt>
                <c:pt idx="2670">
                  <c:v>5.09</c:v>
                </c:pt>
                <c:pt idx="2671">
                  <c:v>5.23</c:v>
                </c:pt>
                <c:pt idx="2672">
                  <c:v>5.78</c:v>
                </c:pt>
                <c:pt idx="2673">
                  <c:v>5.81</c:v>
                </c:pt>
                <c:pt idx="2674">
                  <c:v>5.7</c:v>
                </c:pt>
                <c:pt idx="2675">
                  <c:v>5.3</c:v>
                </c:pt>
                <c:pt idx="2676">
                  <c:v>5.51</c:v>
                </c:pt>
                <c:pt idx="2677">
                  <c:v>5.54</c:v>
                </c:pt>
                <c:pt idx="2678">
                  <c:v>5.3</c:v>
                </c:pt>
                <c:pt idx="2679">
                  <c:v>4.99</c:v>
                </c:pt>
                <c:pt idx="2680">
                  <c:v>5.22</c:v>
                </c:pt>
                <c:pt idx="2681">
                  <c:v>5.13</c:v>
                </c:pt>
                <c:pt idx="2682">
                  <c:v>5.55</c:v>
                </c:pt>
                <c:pt idx="2683">
                  <c:v>5.66</c:v>
                </c:pt>
                <c:pt idx="2684">
                  <c:v>5.89</c:v>
                </c:pt>
                <c:pt idx="2685">
                  <c:v>6.02</c:v>
                </c:pt>
                <c:pt idx="2686">
                  <c:v>6.29</c:v>
                </c:pt>
                <c:pt idx="2687">
                  <c:v>6.7</c:v>
                </c:pt>
                <c:pt idx="2688">
                  <c:v>6.66</c:v>
                </c:pt>
                <c:pt idx="2689">
                  <c:v>6.92</c:v>
                </c:pt>
                <c:pt idx="2690">
                  <c:v>6.94</c:v>
                </c:pt>
                <c:pt idx="2691">
                  <c:v>7.08</c:v>
                </c:pt>
                <c:pt idx="2692">
                  <c:v>6.95</c:v>
                </c:pt>
                <c:pt idx="2693">
                  <c:v>7.08</c:v>
                </c:pt>
                <c:pt idx="2694">
                  <c:v>6.61</c:v>
                </c:pt>
                <c:pt idx="2695">
                  <c:v>6.58</c:v>
                </c:pt>
                <c:pt idx="2696">
                  <c:v>6.49</c:v>
                </c:pt>
                <c:pt idx="2697">
                  <c:v>6.33</c:v>
                </c:pt>
                <c:pt idx="2698">
                  <c:v>6.31</c:v>
                </c:pt>
                <c:pt idx="2699">
                  <c:v>6.27</c:v>
                </c:pt>
                <c:pt idx="2700">
                  <c:v>6.42</c:v>
                </c:pt>
                <c:pt idx="2701">
                  <c:v>6.48</c:v>
                </c:pt>
                <c:pt idx="2702">
                  <c:v>6.33</c:v>
                </c:pt>
                <c:pt idx="2703">
                  <c:v>6.15</c:v>
                </c:pt>
                <c:pt idx="2704">
                  <c:v>6.13</c:v>
                </c:pt>
                <c:pt idx="2705">
                  <c:v>6.09</c:v>
                </c:pt>
                <c:pt idx="2706">
                  <c:v>6.12</c:v>
                </c:pt>
                <c:pt idx="2707">
                  <c:v>6.32</c:v>
                </c:pt>
                <c:pt idx="2708">
                  <c:v>6.5</c:v>
                </c:pt>
                <c:pt idx="2709">
                  <c:v>6.65</c:v>
                </c:pt>
                <c:pt idx="2710">
                  <c:v>6.73</c:v>
                </c:pt>
                <c:pt idx="2711">
                  <c:v>6.6</c:v>
                </c:pt>
                <c:pt idx="2712">
                  <c:v>6.42</c:v>
                </c:pt>
                <c:pt idx="2713">
                  <c:v>6.32</c:v>
                </c:pt>
                <c:pt idx="2714">
                  <c:v>6.28</c:v>
                </c:pt>
                <c:pt idx="2715">
                  <c:v>6.27</c:v>
                </c:pt>
                <c:pt idx="2716">
                  <c:v>6.39</c:v>
                </c:pt>
                <c:pt idx="2717">
                  <c:v>6.43</c:v>
                </c:pt>
                <c:pt idx="2718">
                  <c:v>6.39</c:v>
                </c:pt>
                <c:pt idx="2719">
                  <c:v>6.35</c:v>
                </c:pt>
                <c:pt idx="2720">
                  <c:v>6.39</c:v>
                </c:pt>
                <c:pt idx="2721">
                  <c:v>6.57</c:v>
                </c:pt>
                <c:pt idx="2722">
                  <c:v>6.79</c:v>
                </c:pt>
                <c:pt idx="2723">
                  <c:v>6.71</c:v>
                </c:pt>
                <c:pt idx="2724">
                  <c:v>6.69</c:v>
                </c:pt>
                <c:pt idx="2725">
                  <c:v>6.67</c:v>
                </c:pt>
                <c:pt idx="2726">
                  <c:v>6.71</c:v>
                </c:pt>
                <c:pt idx="2727">
                  <c:v>6.81</c:v>
                </c:pt>
                <c:pt idx="2728">
                  <c:v>6.96</c:v>
                </c:pt>
                <c:pt idx="2729">
                  <c:v>6.78</c:v>
                </c:pt>
                <c:pt idx="2730">
                  <c:v>6.81</c:v>
                </c:pt>
                <c:pt idx="2731">
                  <c:v>6.9</c:v>
                </c:pt>
                <c:pt idx="2732">
                  <c:v>6.96</c:v>
                </c:pt>
                <c:pt idx="2733">
                  <c:v>7.09</c:v>
                </c:pt>
                <c:pt idx="2734">
                  <c:v>7.23</c:v>
                </c:pt>
                <c:pt idx="2735">
                  <c:v>7.18</c:v>
                </c:pt>
                <c:pt idx="2736">
                  <c:v>7.12</c:v>
                </c:pt>
                <c:pt idx="2737">
                  <c:v>7.18</c:v>
                </c:pt>
                <c:pt idx="2738">
                  <c:v>7.19</c:v>
                </c:pt>
                <c:pt idx="2739">
                  <c:v>7.31</c:v>
                </c:pt>
                <c:pt idx="2740">
                  <c:v>7.49</c:v>
                </c:pt>
              </c:numCache>
            </c:numRef>
          </c:val>
          <c:smooth val="0"/>
          <c:extLst>
            <c:ext xmlns:c16="http://schemas.microsoft.com/office/drawing/2014/chart" uri="{C3380CC4-5D6E-409C-BE32-E72D297353CC}">
              <c16:uniqueId val="{00000001-8B02-4B9B-877D-027BD4E5B1CD}"/>
            </c:ext>
          </c:extLst>
        </c:ser>
        <c:dLbls>
          <c:showLegendKey val="0"/>
          <c:showVal val="0"/>
          <c:showCatName val="0"/>
          <c:showSerName val="0"/>
          <c:showPercent val="0"/>
          <c:showBubbleSize val="0"/>
        </c:dLbls>
        <c:marker val="1"/>
        <c:smooth val="0"/>
        <c:axId val="1936395296"/>
        <c:axId val="383267008"/>
      </c:lineChart>
      <c:dateAx>
        <c:axId val="1936395296"/>
        <c:scaling>
          <c:orientation val="minMax"/>
        </c:scaling>
        <c:delete val="0"/>
        <c:axPos val="b"/>
        <c:numFmt formatCode="\'yy" sourceLinked="0"/>
        <c:majorTickMark val="out"/>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383267008"/>
        <c:crosses val="autoZero"/>
        <c:auto val="1"/>
        <c:lblOffset val="100"/>
        <c:baseTimeUnit val="days"/>
        <c:majorUnit val="5"/>
        <c:majorTimeUnit val="years"/>
      </c:dateAx>
      <c:valAx>
        <c:axId val="383267008"/>
        <c:scaling>
          <c:orientation val="minMax"/>
        </c:scaling>
        <c:delete val="0"/>
        <c:axPos val="l"/>
        <c:numFmt formatCode="0" sourceLinked="0"/>
        <c:majorTickMark val="none"/>
        <c:minorTickMark val="none"/>
        <c:tickLblPos val="nextTo"/>
        <c:spPr>
          <a:noFill/>
          <a:ln>
            <a:noFill/>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1936395296"/>
        <c:crosses val="autoZero"/>
        <c:crossBetween val="between"/>
      </c:valAx>
      <c:valAx>
        <c:axId val="1126951056"/>
        <c:scaling>
          <c:orientation val="minMax"/>
          <c:max val="0.51"/>
          <c:min val="0.5"/>
        </c:scaling>
        <c:delete val="0"/>
        <c:axPos val="r"/>
        <c:numFmt formatCode="General" sourceLinked="1"/>
        <c:majorTickMark val="none"/>
        <c:minorTickMark val="none"/>
        <c:tickLblPos val="none"/>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962983600"/>
        <c:crosses val="max"/>
        <c:crossBetween val="between"/>
      </c:valAx>
      <c:dateAx>
        <c:axId val="1962983600"/>
        <c:scaling>
          <c:orientation val="minMax"/>
        </c:scaling>
        <c:delete val="1"/>
        <c:axPos val="b"/>
        <c:numFmt formatCode="yyyy\-mm\-dd" sourceLinked="1"/>
        <c:majorTickMark val="out"/>
        <c:minorTickMark val="none"/>
        <c:tickLblPos val="nextTo"/>
        <c:crossAx val="1126951056"/>
        <c:crosses val="autoZero"/>
        <c:auto val="1"/>
        <c:lblOffset val="100"/>
        <c:baseTimeUnit val="days"/>
      </c:date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solidFill>
      <a:schemeClr val="bg1"/>
    </a:solidFill>
    <a:ln w="9525" cap="flat" cmpd="sng" algn="ctr">
      <a:noFill/>
      <a:round/>
    </a:ln>
    <a:effectLst/>
  </c:spPr>
  <c:txPr>
    <a:bodyPr/>
    <a:lstStyle/>
    <a:p>
      <a:pPr>
        <a:defRPr/>
      </a:pPr>
      <a:endParaRPr lang="en-US"/>
    </a:p>
  </c:txPr>
  <c:externalData r:id="rId3">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spPr>
            <a:solidFill>
              <a:schemeClr val="accent1"/>
            </a:solidFill>
            <a:ln>
              <a:noFill/>
            </a:ln>
            <a:effectLst/>
          </c:spPr>
          <c:invertIfNegative val="0"/>
          <c:dLbls>
            <c:numFmt formatCode="#,##0" sourceLinked="0"/>
            <c:spPr>
              <a:noFill/>
              <a:ln>
                <a:noFill/>
              </a:ln>
              <a:effectLst/>
            </c:spPr>
            <c:txPr>
              <a:bodyPr rot="0" spcFirstLastPara="1" vertOverflow="ellipsis" vert="horz" wrap="square" lIns="38100" tIns="19050" rIns="38100" bIns="19050" anchor="ctr" anchorCtr="1">
                <a:spAutoFit/>
              </a:bodyPr>
              <a:lstStyle/>
              <a:p>
                <a:pPr>
                  <a:defRPr sz="1100" b="0" i="0" u="none" strike="noStrike" kern="1200" baseline="0">
                    <a:solidFill>
                      <a:schemeClr val="tx1"/>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numRef>
              <c:f>'[Q3.2023 Market Outlook.xlsx]Payrolls'!$A$2:$A$11</c:f>
              <c:numCache>
                <c:formatCode>mm/dd/yy</c:formatCode>
                <c:ptCount val="10"/>
                <c:pt idx="0">
                  <c:v>44926</c:v>
                </c:pt>
                <c:pt idx="1">
                  <c:v>44957</c:v>
                </c:pt>
                <c:pt idx="2">
                  <c:v>44985</c:v>
                </c:pt>
                <c:pt idx="3">
                  <c:v>45016</c:v>
                </c:pt>
                <c:pt idx="4">
                  <c:v>45046</c:v>
                </c:pt>
                <c:pt idx="5">
                  <c:v>45077</c:v>
                </c:pt>
                <c:pt idx="6">
                  <c:v>45107</c:v>
                </c:pt>
                <c:pt idx="7">
                  <c:v>45138</c:v>
                </c:pt>
                <c:pt idx="8">
                  <c:v>45169</c:v>
                </c:pt>
                <c:pt idx="9">
                  <c:v>45198</c:v>
                </c:pt>
              </c:numCache>
            </c:numRef>
          </c:cat>
          <c:val>
            <c:numRef>
              <c:f>'[Q3.2023 Market Outlook.xlsx]Payrolls'!$B$2:$B$11</c:f>
              <c:numCache>
                <c:formatCode>#,##0.00</c:formatCode>
                <c:ptCount val="10"/>
                <c:pt idx="0">
                  <c:v>223</c:v>
                </c:pt>
                <c:pt idx="1">
                  <c:v>517</c:v>
                </c:pt>
                <c:pt idx="2">
                  <c:v>311</c:v>
                </c:pt>
                <c:pt idx="3">
                  <c:v>236</c:v>
                </c:pt>
                <c:pt idx="4">
                  <c:v>253</c:v>
                </c:pt>
                <c:pt idx="5">
                  <c:v>339</c:v>
                </c:pt>
                <c:pt idx="6">
                  <c:v>209</c:v>
                </c:pt>
                <c:pt idx="7">
                  <c:v>187</c:v>
                </c:pt>
                <c:pt idx="8">
                  <c:v>187</c:v>
                </c:pt>
                <c:pt idx="9">
                  <c:v>336</c:v>
                </c:pt>
              </c:numCache>
            </c:numRef>
          </c:val>
          <c:extLst>
            <c:ext xmlns:c16="http://schemas.microsoft.com/office/drawing/2014/chart" uri="{C3380CC4-5D6E-409C-BE32-E72D297353CC}">
              <c16:uniqueId val="{00000000-7EB5-4021-BF98-6A79253902A6}"/>
            </c:ext>
          </c:extLst>
        </c:ser>
        <c:dLbls>
          <c:dLblPos val="outEnd"/>
          <c:showLegendKey val="0"/>
          <c:showVal val="1"/>
          <c:showCatName val="0"/>
          <c:showSerName val="0"/>
          <c:showPercent val="0"/>
          <c:showBubbleSize val="0"/>
        </c:dLbls>
        <c:gapWidth val="14"/>
        <c:overlap val="-100"/>
        <c:axId val="1965528368"/>
        <c:axId val="592121024"/>
      </c:barChart>
      <c:dateAx>
        <c:axId val="1965528368"/>
        <c:scaling>
          <c:orientation val="minMax"/>
        </c:scaling>
        <c:delete val="0"/>
        <c:axPos val="b"/>
        <c:numFmt formatCode="mm/dd/yy" sourceLinked="1"/>
        <c:majorTickMark val="out"/>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00" b="0" i="0" u="none" strike="noStrike" kern="1200" baseline="0">
                <a:solidFill>
                  <a:schemeClr val="tx1"/>
                </a:solidFill>
                <a:latin typeface="+mn-lt"/>
                <a:ea typeface="+mn-ea"/>
                <a:cs typeface="+mn-cs"/>
              </a:defRPr>
            </a:pPr>
            <a:endParaRPr lang="en-US"/>
          </a:p>
        </c:txPr>
        <c:crossAx val="592121024"/>
        <c:crosses val="autoZero"/>
        <c:auto val="1"/>
        <c:lblOffset val="100"/>
        <c:baseTimeUnit val="months"/>
      </c:dateAx>
      <c:valAx>
        <c:axId val="592121024"/>
        <c:scaling>
          <c:orientation val="minMax"/>
        </c:scaling>
        <c:delete val="1"/>
        <c:axPos val="l"/>
        <c:numFmt formatCode="#,##0" sourceLinked="0"/>
        <c:majorTickMark val="none"/>
        <c:minorTickMark val="none"/>
        <c:tickLblPos val="nextTo"/>
        <c:crossAx val="1965528368"/>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0.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4.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5.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6.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7.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4.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5.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6.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7.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8.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9.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10.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1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12.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13.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14.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15.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16.xml><?xml version="1.0" encoding="utf-8"?>
<cs:chartStyle xmlns:cs="http://schemas.microsoft.com/office/drawing/2012/chartStyle" xmlns:a="http://schemas.openxmlformats.org/drawingml/2006/main" id="29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17.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4.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5.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6.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7.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8.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9.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handoutMasters/_rels/handoutMaster1.xml.rels><?xml version="1.0" encoding="UTF-8" standalone="yes"?>
<Relationships xmlns="http://schemas.openxmlformats.org/package/2006/relationships"><Relationship Id="rId1" Type="http://schemas.openxmlformats.org/officeDocument/2006/relationships/theme" Target="../theme/theme6.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47D3B431-5546-614F-94B2-997C8D5F0D71}"/>
              </a:ext>
            </a:extLst>
          </p:cNvPr>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a:extLst>
              <a:ext uri="{FF2B5EF4-FFF2-40B4-BE49-F238E27FC236}">
                <a16:creationId xmlns:a16="http://schemas.microsoft.com/office/drawing/2014/main" id="{6D08299F-2921-AA4A-BA7E-9EE976C1C6AC}"/>
              </a:ext>
            </a:extLst>
          </p:cNvPr>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22302FBE-8D61-9B40-A40A-64389D062207}" type="datetimeFigureOut">
              <a:rPr lang="en-US" smtClean="0"/>
              <a:t>10/18/2023</a:t>
            </a:fld>
            <a:endParaRPr lang="en-US"/>
          </a:p>
        </p:txBody>
      </p:sp>
      <p:sp>
        <p:nvSpPr>
          <p:cNvPr id="4" name="Footer Placeholder 3">
            <a:extLst>
              <a:ext uri="{FF2B5EF4-FFF2-40B4-BE49-F238E27FC236}">
                <a16:creationId xmlns:a16="http://schemas.microsoft.com/office/drawing/2014/main" id="{83C18209-ACD1-664D-9938-F68CC610ECFA}"/>
              </a:ext>
            </a:extLst>
          </p:cNvPr>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a:extLst>
              <a:ext uri="{FF2B5EF4-FFF2-40B4-BE49-F238E27FC236}">
                <a16:creationId xmlns:a16="http://schemas.microsoft.com/office/drawing/2014/main" id="{B6717016-E891-454E-A267-AA34937952D9}"/>
              </a:ext>
            </a:extLst>
          </p:cNvPr>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82CC0198-CE56-2F44-B9B7-059FDC2CB637}" type="slidenum">
              <a:rPr lang="en-US" smtClean="0"/>
              <a:t>‹#›</a:t>
            </a:fld>
            <a:endParaRPr lang="en-US"/>
          </a:p>
        </p:txBody>
      </p:sp>
    </p:spTree>
    <p:extLst>
      <p:ext uri="{BB962C8B-B14F-4D97-AF65-F5344CB8AC3E}">
        <p14:creationId xmlns:p14="http://schemas.microsoft.com/office/powerpoint/2010/main" val="330556240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C8DF680-C379-D04D-8584-894F3A3B60ED}" type="datetimeFigureOut">
              <a:rPr lang="en-US" smtClean="0"/>
              <a:t>10/18/2023</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C208A3CE-BE74-B342-8711-F5AD478C04A2}" type="slidenum">
              <a:rPr lang="en-US" smtClean="0"/>
              <a:t>‹#›</a:t>
            </a:fld>
            <a:endParaRPr lang="en-US"/>
          </a:p>
        </p:txBody>
      </p:sp>
    </p:spTree>
    <p:extLst>
      <p:ext uri="{BB962C8B-B14F-4D97-AF65-F5344CB8AC3E}">
        <p14:creationId xmlns:p14="http://schemas.microsoft.com/office/powerpoint/2010/main" val="1481007530"/>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83465286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13790171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13682709"/>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2</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00699217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b="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756108644"/>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97659792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362100062"/>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493806522"/>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7</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14670827"/>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latin typeface="+mn-lt"/>
            </a:endParaRP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09742683"/>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a:spcBef>
                <a:spcPts val="0"/>
              </a:spcBef>
              <a:spcAft>
                <a:spcPts val="0"/>
              </a:spcAft>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a:spcBef>
                <a:spcPts val="0"/>
              </a:spcBef>
              <a:spcAft>
                <a:spcPts val="0"/>
              </a:spcAft>
            </a:pPr>
            <a:r>
              <a:rPr lang="en-US" sz="1800" kern="100">
                <a:effectLst/>
                <a:latin typeface="Courier New" panose="02070309020205020404" pitchFamily="49" charset="0"/>
                <a:ea typeface="Calibri" panose="020F0502020204030204" pitchFamily="34" charset="0"/>
                <a:cs typeface="Times New Roman" panose="02020603050405020304" pitchFamily="18" charset="0"/>
              </a:rPr>
              <a:t> </a:t>
            </a: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endParaRPr lang="en-US"/>
          </a:p>
        </p:txBody>
      </p:sp>
      <p:sp>
        <p:nvSpPr>
          <p:cNvPr id="4" name="Slide Number Placeholder 3"/>
          <p:cNvSpPr>
            <a:spLocks noGrp="1"/>
          </p:cNvSpPr>
          <p:nvPr>
            <p:ph type="sldNum" sz="quarter" idx="5"/>
          </p:nvPr>
        </p:nvSpPr>
        <p:spPr/>
        <p:txBody>
          <a:bodyPr/>
          <a:lstStyle/>
          <a:p>
            <a:fld id="{C208A3CE-BE74-B342-8711-F5AD478C04A2}" type="slidenum">
              <a:rPr lang="en-US" smtClean="0"/>
              <a:t>19</a:t>
            </a:fld>
            <a:endParaRPr lang="en-US"/>
          </a:p>
        </p:txBody>
      </p:sp>
    </p:spTree>
    <p:extLst>
      <p:ext uri="{BB962C8B-B14F-4D97-AF65-F5344CB8AC3E}">
        <p14:creationId xmlns:p14="http://schemas.microsoft.com/office/powerpoint/2010/main" val="349462648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021651504"/>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spcBef>
                <a:spcPts val="0"/>
              </a:spcBef>
              <a:spcAft>
                <a:spcPts val="0"/>
              </a:spcAft>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a:spcBef>
                <a:spcPts val="0"/>
              </a:spcBef>
              <a:spcAft>
                <a:spcPts val="0"/>
              </a:spcAft>
            </a:pPr>
            <a:r>
              <a:rPr lang="en-US" sz="1800" kern="100">
                <a:effectLst/>
                <a:latin typeface="Courier New" panose="02070309020205020404" pitchFamily="49" charset="0"/>
                <a:ea typeface="Calibri" panose="020F0502020204030204" pitchFamily="34" charset="0"/>
                <a:cs typeface="Times New Roman" panose="02020603050405020304" pitchFamily="18" charset="0"/>
              </a:rPr>
              <a:t> </a:t>
            </a: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endParaRPr lang="en-US"/>
          </a:p>
        </p:txBody>
      </p:sp>
      <p:sp>
        <p:nvSpPr>
          <p:cNvPr id="4" name="Slide Number Placeholder 3"/>
          <p:cNvSpPr>
            <a:spLocks noGrp="1"/>
          </p:cNvSpPr>
          <p:nvPr>
            <p:ph type="sldNum" sz="quarter" idx="5"/>
          </p:nvPr>
        </p:nvSpPr>
        <p:spPr/>
        <p:txBody>
          <a:bodyPr/>
          <a:lstStyle/>
          <a:p>
            <a:fld id="{C208A3CE-BE74-B342-8711-F5AD478C04A2}" type="slidenum">
              <a:rPr lang="en-US" smtClean="0"/>
              <a:t>21</a:t>
            </a:fld>
            <a:endParaRPr lang="en-US"/>
          </a:p>
        </p:txBody>
      </p:sp>
    </p:spTree>
    <p:extLst>
      <p:ext uri="{BB962C8B-B14F-4D97-AF65-F5344CB8AC3E}">
        <p14:creationId xmlns:p14="http://schemas.microsoft.com/office/powerpoint/2010/main" val="771813644"/>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C208A3CE-BE74-B342-8711-F5AD478C04A2}" type="slidenum">
              <a:rPr lang="en-US" smtClean="0"/>
              <a:t>22</a:t>
            </a:fld>
            <a:endParaRPr lang="en-US"/>
          </a:p>
        </p:txBody>
      </p:sp>
    </p:spTree>
    <p:extLst>
      <p:ext uri="{BB962C8B-B14F-4D97-AF65-F5344CB8AC3E}">
        <p14:creationId xmlns:p14="http://schemas.microsoft.com/office/powerpoint/2010/main" val="96302687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a:latin typeface="+mn-lt"/>
            </a:endParaRP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3</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379165850"/>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latin typeface="+mn-lt"/>
            </a:endParaRP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4</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293813164"/>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endParaRPr lang="en-US"/>
          </a:p>
        </p:txBody>
      </p:sp>
      <p:sp>
        <p:nvSpPr>
          <p:cNvPr id="4" name="Slide Number Placeholder 3"/>
          <p:cNvSpPr>
            <a:spLocks noGrp="1"/>
          </p:cNvSpPr>
          <p:nvPr>
            <p:ph type="sldNum" sz="quarter" idx="5"/>
          </p:nvPr>
        </p:nvSpPr>
        <p:spPr/>
        <p:txBody>
          <a:bodyPr/>
          <a:lstStyle/>
          <a:p>
            <a:fld id="{C208A3CE-BE74-B342-8711-F5AD478C04A2}" type="slidenum">
              <a:rPr lang="en-US" smtClean="0"/>
              <a:t>25</a:t>
            </a:fld>
            <a:endParaRPr lang="en-US"/>
          </a:p>
        </p:txBody>
      </p:sp>
    </p:spTree>
    <p:extLst>
      <p:ext uri="{BB962C8B-B14F-4D97-AF65-F5344CB8AC3E}">
        <p14:creationId xmlns:p14="http://schemas.microsoft.com/office/powerpoint/2010/main" val="1746361431"/>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spcBef>
                <a:spcPts val="0"/>
              </a:spcBef>
              <a:spcAft>
                <a:spcPts val="0"/>
              </a:spcAft>
            </a:pPr>
            <a:r>
              <a:rPr lang="en-US" sz="1800" kern="100">
                <a:effectLst/>
                <a:latin typeface="Courier New" panose="02070309020205020404" pitchFamily="49" charset="0"/>
                <a:ea typeface="Calibri" panose="020F0502020204030204" pitchFamily="34" charset="0"/>
                <a:cs typeface="Times New Roman" panose="02020603050405020304" pitchFamily="18" charset="0"/>
              </a:rPr>
              <a:t> </a:t>
            </a: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a:spcBef>
                <a:spcPts val="0"/>
              </a:spcBef>
              <a:spcAft>
                <a:spcPts val="0"/>
              </a:spcAft>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a:spcBef>
                <a:spcPts val="0"/>
              </a:spcBef>
              <a:spcAft>
                <a:spcPts val="0"/>
              </a:spcAft>
            </a:pPr>
            <a:r>
              <a:rPr lang="en-US" sz="1800" kern="100">
                <a:effectLst/>
                <a:latin typeface="Courier New" panose="02070309020205020404" pitchFamily="49" charset="0"/>
                <a:ea typeface="Calibri" panose="020F0502020204030204" pitchFamily="34" charset="0"/>
                <a:cs typeface="Times New Roman" panose="02020603050405020304" pitchFamily="18" charset="0"/>
              </a:rPr>
              <a:t> </a:t>
            </a: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a:spcBef>
                <a:spcPts val="0"/>
              </a:spcBef>
              <a:spcAft>
                <a:spcPts val="0"/>
              </a:spcAft>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a:spcBef>
                <a:spcPts val="0"/>
              </a:spcBef>
              <a:spcAft>
                <a:spcPts val="0"/>
              </a:spcAft>
            </a:pPr>
            <a:r>
              <a:rPr lang="en-US" sz="1800" kern="100">
                <a:effectLst/>
                <a:latin typeface="Courier New" panose="02070309020205020404" pitchFamily="49" charset="0"/>
                <a:ea typeface="Calibri" panose="020F0502020204030204" pitchFamily="34" charset="0"/>
                <a:cs typeface="Times New Roman" panose="02020603050405020304" pitchFamily="18" charset="0"/>
              </a:rPr>
              <a:t> </a:t>
            </a: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a:spcBef>
                <a:spcPts val="0"/>
              </a:spcBef>
              <a:spcAft>
                <a:spcPts val="0"/>
              </a:spcAft>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marR="0">
              <a:spcBef>
                <a:spcPts val="0"/>
              </a:spcBef>
              <a:spcAft>
                <a:spcPts val="0"/>
              </a:spcAft>
            </a:pPr>
            <a:r>
              <a:rPr lang="en-US" sz="1800" kern="100">
                <a:effectLst/>
                <a:latin typeface="Courier New" panose="02070309020205020404" pitchFamily="49" charset="0"/>
                <a:ea typeface="Calibri" panose="020F0502020204030204" pitchFamily="34" charset="0"/>
                <a:cs typeface="Times New Roman" panose="02020603050405020304" pitchFamily="18" charset="0"/>
              </a:rPr>
              <a:t> </a:t>
            </a: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endParaRPr lang="en-US"/>
          </a:p>
        </p:txBody>
      </p:sp>
      <p:sp>
        <p:nvSpPr>
          <p:cNvPr id="4" name="Slide Number Placeholder 3"/>
          <p:cNvSpPr>
            <a:spLocks noGrp="1"/>
          </p:cNvSpPr>
          <p:nvPr>
            <p:ph type="sldNum" sz="quarter" idx="5"/>
          </p:nvPr>
        </p:nvSpPr>
        <p:spPr/>
        <p:txBody>
          <a:bodyPr/>
          <a:lstStyle/>
          <a:p>
            <a:fld id="{C208A3CE-BE74-B342-8711-F5AD478C04A2}" type="slidenum">
              <a:rPr lang="en-US" smtClean="0"/>
              <a:t>26</a:t>
            </a:fld>
            <a:endParaRPr lang="en-US"/>
          </a:p>
        </p:txBody>
      </p:sp>
    </p:spTree>
    <p:extLst>
      <p:ext uri="{BB962C8B-B14F-4D97-AF65-F5344CB8AC3E}">
        <p14:creationId xmlns:p14="http://schemas.microsoft.com/office/powerpoint/2010/main" val="4130515230"/>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7</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716483188"/>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spcBef>
                <a:spcPts val="0"/>
              </a:spcBef>
              <a:spcAft>
                <a:spcPts val="0"/>
              </a:spcAft>
            </a:pPr>
            <a:r>
              <a:rPr lang="en-US" sz="1800" kern="100">
                <a:effectLst/>
                <a:latin typeface="Courier New" panose="02070309020205020404" pitchFamily="49" charset="0"/>
                <a:ea typeface="Calibri" panose="020F0502020204030204" pitchFamily="34" charset="0"/>
                <a:cs typeface="Times New Roman" panose="02020603050405020304" pitchFamily="18" charset="0"/>
              </a:rPr>
              <a:t> </a:t>
            </a: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endParaRPr lang="en-US"/>
          </a:p>
        </p:txBody>
      </p:sp>
      <p:sp>
        <p:nvSpPr>
          <p:cNvPr id="4" name="Slide Number Placeholder 3"/>
          <p:cNvSpPr>
            <a:spLocks noGrp="1"/>
          </p:cNvSpPr>
          <p:nvPr>
            <p:ph type="sldNum" sz="quarter" idx="5"/>
          </p:nvPr>
        </p:nvSpPr>
        <p:spPr/>
        <p:txBody>
          <a:bodyPr/>
          <a:lstStyle/>
          <a:p>
            <a:fld id="{C208A3CE-BE74-B342-8711-F5AD478C04A2}" type="slidenum">
              <a:rPr lang="en-US" smtClean="0"/>
              <a:t>28</a:t>
            </a:fld>
            <a:endParaRPr lang="en-US"/>
          </a:p>
        </p:txBody>
      </p:sp>
    </p:spTree>
    <p:extLst>
      <p:ext uri="{BB962C8B-B14F-4D97-AF65-F5344CB8AC3E}">
        <p14:creationId xmlns:p14="http://schemas.microsoft.com/office/powerpoint/2010/main" val="1076630288"/>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9</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90815116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29051243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5129050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39362881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p>
        </p:txBody>
      </p:sp>
      <p:sp>
        <p:nvSpPr>
          <p:cNvPr id="4" name="Slide Number Placeholder 3"/>
          <p:cNvSpPr>
            <a:spLocks noGrp="1"/>
          </p:cNvSpPr>
          <p:nvPr>
            <p:ph type="sldNum" sz="quarter" idx="5"/>
          </p:nvPr>
        </p:nvSpPr>
        <p:spPr/>
        <p:txBody>
          <a:bodyPr/>
          <a:lstStyle/>
          <a:p>
            <a:pPr marL="0" marR="0" lvl="0" indent="0" algn="r" defTabSz="966612"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a:ln>
                  <a:noFill/>
                </a:ln>
                <a:solidFill>
                  <a:prstClr val="black"/>
                </a:solidFill>
                <a:effectLst/>
                <a:uLnTx/>
                <a:uFillTx/>
                <a:latin typeface="Calibri" panose="020F0502020204030204"/>
                <a:ea typeface="+mn-ea"/>
                <a:cs typeface="+mn-cs"/>
              </a:rPr>
              <a:pPr marL="0" marR="0" lvl="0" indent="0" algn="r" defTabSz="966612" rtl="0" eaLnBrk="1" fontAlgn="auto" latinLnBrk="0" hangingPunct="1">
                <a:lnSpc>
                  <a:spcPct val="100000"/>
                </a:lnSpc>
                <a:spcBef>
                  <a:spcPts val="0"/>
                </a:spcBef>
                <a:spcAft>
                  <a:spcPts val="0"/>
                </a:spcAft>
                <a:buClrTx/>
                <a:buSzTx/>
                <a:buFontTx/>
                <a:buNone/>
                <a:tabLst/>
                <a:defRPr/>
              </a:pPr>
              <a:t>6</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8860207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latin typeface="+mn-lt"/>
            </a:endParaRP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57357455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indent="0">
              <a:buFontTx/>
              <a:buNone/>
            </a:pPr>
            <a:endParaRPr lang="en-US" b="0">
              <a:cs typeface="Calibri"/>
            </a:endParaRP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05768592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b="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900488477"/>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10.png"/><Relationship Id="rId1" Type="http://schemas.openxmlformats.org/officeDocument/2006/relationships/slideMaster" Target="../slideMasters/slideMaster2.xml"/><Relationship Id="rId4" Type="http://schemas.openxmlformats.org/officeDocument/2006/relationships/image" Target="../media/image9.emf"/></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9.emf"/><Relationship Id="rId2" Type="http://schemas.openxmlformats.org/officeDocument/2006/relationships/image" Target="../media/image11.png"/><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9.emf"/><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9.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10.png"/><Relationship Id="rId1" Type="http://schemas.openxmlformats.org/officeDocument/2006/relationships/slideMaster" Target="../slideMasters/slideMaster2.xml"/><Relationship Id="rId4" Type="http://schemas.openxmlformats.org/officeDocument/2006/relationships/image" Target="../media/image9.emf"/></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2.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10.png"/><Relationship Id="rId1" Type="http://schemas.openxmlformats.org/officeDocument/2006/relationships/slideMaster" Target="../slideMasters/slideMaster3.xml"/><Relationship Id="rId4" Type="http://schemas.openxmlformats.org/officeDocument/2006/relationships/image" Target="../media/image9.emf"/></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9.emf"/><Relationship Id="rId2" Type="http://schemas.openxmlformats.org/officeDocument/2006/relationships/image" Target="../media/image11.png"/><Relationship Id="rId1" Type="http://schemas.openxmlformats.org/officeDocument/2006/relationships/slideMaster" Target="../slideMasters/slideMaster3.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9.emf"/><Relationship Id="rId1" Type="http://schemas.openxmlformats.org/officeDocument/2006/relationships/slideMaster" Target="../slideMasters/slideMaster3.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3.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3.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jpeg"/><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10.png"/><Relationship Id="rId1" Type="http://schemas.openxmlformats.org/officeDocument/2006/relationships/slideMaster" Target="../slideMasters/slideMaster3.xml"/><Relationship Id="rId4" Type="http://schemas.openxmlformats.org/officeDocument/2006/relationships/image" Target="../media/image9.emf"/></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3.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10.png"/><Relationship Id="rId1" Type="http://schemas.openxmlformats.org/officeDocument/2006/relationships/slideMaster" Target="../slideMasters/slideMaster4.xml"/><Relationship Id="rId4" Type="http://schemas.openxmlformats.org/officeDocument/2006/relationships/image" Target="../media/image9.emf"/></Relationships>
</file>

<file path=ppt/slideLayouts/_rels/slideLayout64.xml.rels><?xml version="1.0" encoding="UTF-8" standalone="yes"?>
<Relationships xmlns="http://schemas.openxmlformats.org/package/2006/relationships"><Relationship Id="rId3" Type="http://schemas.openxmlformats.org/officeDocument/2006/relationships/image" Target="../media/image9.emf"/><Relationship Id="rId2" Type="http://schemas.openxmlformats.org/officeDocument/2006/relationships/image" Target="../media/image14.png"/><Relationship Id="rId1" Type="http://schemas.openxmlformats.org/officeDocument/2006/relationships/slideMaster" Target="../slideMasters/slideMaster4.xml"/></Relationships>
</file>

<file path=ppt/slideLayouts/_rels/slideLayout65.xml.rels><?xml version="1.0" encoding="UTF-8" standalone="yes"?>
<Relationships xmlns="http://schemas.openxmlformats.org/package/2006/relationships"><Relationship Id="rId2" Type="http://schemas.openxmlformats.org/officeDocument/2006/relationships/image" Target="../media/image9.emf"/><Relationship Id="rId1" Type="http://schemas.openxmlformats.org/officeDocument/2006/relationships/slideMaster" Target="../slideMasters/slideMaster4.xml"/></Relationships>
</file>

<file path=ppt/slideLayouts/_rels/slideLayout66.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4.xml"/></Relationships>
</file>

<file path=ppt/slideLayouts/_rels/slideLayout67.xml.rels><?xml version="1.0" encoding="UTF-8" standalone="yes"?>
<Relationships xmlns="http://schemas.openxmlformats.org/package/2006/relationships"><Relationship Id="rId3" Type="http://schemas.openxmlformats.org/officeDocument/2006/relationships/image" Target="../media/image9.emf"/><Relationship Id="rId2" Type="http://schemas.openxmlformats.org/officeDocument/2006/relationships/image" Target="../media/image15.png"/><Relationship Id="rId1" Type="http://schemas.openxmlformats.org/officeDocument/2006/relationships/slideMaster" Target="../slideMasters/slideMaster4.xml"/></Relationships>
</file>

<file path=ppt/slideLayouts/_rels/slideLayout68.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4.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2.xml.rels><?xml version="1.0" encoding="UTF-8" standalone="yes"?>
<Relationships xmlns="http://schemas.openxmlformats.org/package/2006/relationships"><Relationship Id="rId3" Type="http://schemas.openxmlformats.org/officeDocument/2006/relationships/image" Target="../media/image9.emf"/><Relationship Id="rId2" Type="http://schemas.openxmlformats.org/officeDocument/2006/relationships/image" Target="../media/image14.png"/><Relationship Id="rId1" Type="http://schemas.openxmlformats.org/officeDocument/2006/relationships/slideMaster" Target="../slideMasters/slideMaster4.xml"/></Relationships>
</file>

<file path=ppt/slideLayouts/_rels/slideLayout83.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10.png"/><Relationship Id="rId1" Type="http://schemas.openxmlformats.org/officeDocument/2006/relationships/slideMaster" Target="../slideMasters/slideMaster4.xml"/><Relationship Id="rId4" Type="http://schemas.openxmlformats.org/officeDocument/2006/relationships/image" Target="../media/image9.emf"/></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5.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4.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Master" Target="../slideMasters/slideMaster4.xml"/></Relationships>
</file>

<file path=ppt/slideLayouts/_rels/slideLayout87.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jpeg"/><Relationship Id="rId1" Type="http://schemas.openxmlformats.org/officeDocument/2006/relationships/slideMaster" Target="../slideMasters/slideMaster4.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4.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3" Type="http://schemas.openxmlformats.org/officeDocument/2006/relationships/image" Target="../media/image21.jpeg"/><Relationship Id="rId2" Type="http://schemas.openxmlformats.org/officeDocument/2006/relationships/image" Target="../media/image20.jpeg"/><Relationship Id="rId1" Type="http://schemas.openxmlformats.org/officeDocument/2006/relationships/slideMaster" Target="../slideMasters/slideMaster4.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_A">
    <p:bg>
      <p:bgPr>
        <a:solidFill>
          <a:schemeClr val="bg1"/>
        </a:solidFill>
        <a:effectLst/>
      </p:bgPr>
    </p:bg>
    <p:spTree>
      <p:nvGrpSpPr>
        <p:cNvPr id="1" name=""/>
        <p:cNvGrpSpPr/>
        <p:nvPr/>
      </p:nvGrpSpPr>
      <p:grpSpPr>
        <a:xfrm>
          <a:off x="0" y="0"/>
          <a:ext cx="0" cy="0"/>
          <a:chOff x="0" y="0"/>
          <a:chExt cx="0" cy="0"/>
        </a:xfrm>
      </p:grpSpPr>
      <p:pic>
        <p:nvPicPr>
          <p:cNvPr id="4" name="Picture 3">
            <a:extLst>
              <a:ext uri="{FF2B5EF4-FFF2-40B4-BE49-F238E27FC236}">
                <a16:creationId xmlns:a16="http://schemas.microsoft.com/office/drawing/2014/main" id="{F89F7AB7-9A99-3547-B898-0B82EF23423B}"/>
              </a:ext>
            </a:extLst>
          </p:cNvPr>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0" y="1"/>
            <a:ext cx="12192000" cy="6824032"/>
          </a:xfrm>
          <a:prstGeom prst="rect">
            <a:avLst/>
          </a:prstGeom>
        </p:spPr>
      </p:pic>
      <p:sp>
        <p:nvSpPr>
          <p:cNvPr id="13" name="Rectangle 12">
            <a:extLst>
              <a:ext uri="{FF2B5EF4-FFF2-40B4-BE49-F238E27FC236}">
                <a16:creationId xmlns:a16="http://schemas.microsoft.com/office/drawing/2014/main" id="{30C0F60E-7B41-3948-8E1F-17F11FDD0AEC}"/>
              </a:ext>
            </a:extLst>
          </p:cNvPr>
          <p:cNvSpPr/>
          <p:nvPr userDrawn="1"/>
        </p:nvSpPr>
        <p:spPr>
          <a:xfrm>
            <a:off x="0" y="2273715"/>
            <a:ext cx="8028512" cy="2412169"/>
          </a:xfrm>
          <a:prstGeom prst="rect">
            <a:avLst/>
          </a:prstGeom>
          <a:solidFill>
            <a:schemeClr val="accent1">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2" name="Title 1">
            <a:extLst>
              <a:ext uri="{FF2B5EF4-FFF2-40B4-BE49-F238E27FC236}">
                <a16:creationId xmlns:a16="http://schemas.microsoft.com/office/drawing/2014/main" id="{AE5C023A-4F7D-E44F-BF44-82EA01C9972B}"/>
              </a:ext>
            </a:extLst>
          </p:cNvPr>
          <p:cNvSpPr>
            <a:spLocks noGrp="1"/>
          </p:cNvSpPr>
          <p:nvPr>
            <p:ph type="title" hasCustomPrompt="1"/>
          </p:nvPr>
        </p:nvSpPr>
        <p:spPr>
          <a:xfrm>
            <a:off x="633186" y="2273715"/>
            <a:ext cx="7075714" cy="2412169"/>
          </a:xfrm>
          <a:effectLst/>
        </p:spPr>
        <p:txBody>
          <a:bodyPr rIns="0" bIns="0" anchor="ctr" anchorCtr="0">
            <a:noAutofit/>
          </a:bodyPr>
          <a:lstStyle>
            <a:lvl1pP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14" name="Text Placeholder 11">
            <a:extLst>
              <a:ext uri="{FF2B5EF4-FFF2-40B4-BE49-F238E27FC236}">
                <a16:creationId xmlns:a16="http://schemas.microsoft.com/office/drawing/2014/main" id="{5BF48927-DEA3-554C-9AC1-B6D346BF1034}"/>
              </a:ext>
            </a:extLst>
          </p:cNvPr>
          <p:cNvSpPr>
            <a:spLocks noGrp="1"/>
          </p:cNvSpPr>
          <p:nvPr>
            <p:ph type="body" sz="quarter" idx="13" hasCustomPrompt="1"/>
          </p:nvPr>
        </p:nvSpPr>
        <p:spPr>
          <a:xfrm>
            <a:off x="633186" y="5066431"/>
            <a:ext cx="7075714" cy="549935"/>
          </a:xfrm>
        </p:spPr>
        <p:txBody>
          <a:bodyPr lIns="0">
            <a:noAutofit/>
          </a:bodyPr>
          <a:lstStyle>
            <a:lvl1pPr marL="0" indent="0">
              <a:buNone/>
              <a:defRPr sz="2400" b="0" i="0">
                <a:solidFill>
                  <a:schemeClr val="bg1"/>
                </a:solidFill>
                <a:latin typeface="Avenir Medium"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0" name="Rectangle 9">
            <a:extLst>
              <a:ext uri="{FF2B5EF4-FFF2-40B4-BE49-F238E27FC236}">
                <a16:creationId xmlns:a16="http://schemas.microsoft.com/office/drawing/2014/main" id="{2723C2A4-78CC-8C4D-BEB0-CE5CAE1F2439}"/>
              </a:ext>
            </a:extLst>
          </p:cNvPr>
          <p:cNvSpPr/>
          <p:nvPr userDrawn="1"/>
        </p:nvSpPr>
        <p:spPr>
          <a:xfrm>
            <a:off x="8255001" y="2273715"/>
            <a:ext cx="3937000" cy="2412169"/>
          </a:xfrm>
          <a:prstGeom prst="rect">
            <a:avLst/>
          </a:prstGeom>
          <a:solidFill>
            <a:schemeClr val="bg1">
              <a:alpha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a:extLst>
              <a:ext uri="{FF2B5EF4-FFF2-40B4-BE49-F238E27FC236}">
                <a16:creationId xmlns:a16="http://schemas.microsoft.com/office/drawing/2014/main" id="{B2C02520-7538-574F-A556-8CE47C63606D}"/>
              </a:ext>
            </a:extLst>
          </p:cNvPr>
          <p:cNvSpPr/>
          <p:nvPr userDrawn="1"/>
        </p:nvSpPr>
        <p:spPr>
          <a:xfrm>
            <a:off x="0" y="6240132"/>
            <a:ext cx="12192000" cy="617867"/>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xt Placeholder 11">
            <a:extLst>
              <a:ext uri="{FF2B5EF4-FFF2-40B4-BE49-F238E27FC236}">
                <a16:creationId xmlns:a16="http://schemas.microsoft.com/office/drawing/2014/main" id="{6C5410A8-41C7-FA45-A6AD-2BD7ADC71235}"/>
              </a:ext>
            </a:extLst>
          </p:cNvPr>
          <p:cNvSpPr>
            <a:spLocks noGrp="1"/>
          </p:cNvSpPr>
          <p:nvPr>
            <p:ph type="body" sz="quarter" idx="15" hasCustomPrompt="1"/>
          </p:nvPr>
        </p:nvSpPr>
        <p:spPr>
          <a:xfrm>
            <a:off x="633186" y="6274098"/>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2" name="TextBox 1">
            <a:extLst>
              <a:ext uri="{FF2B5EF4-FFF2-40B4-BE49-F238E27FC236}">
                <a16:creationId xmlns:a16="http://schemas.microsoft.com/office/drawing/2014/main" id="{CA1E44E3-D5C2-3048-80D2-D9BCDF5C69EB}"/>
              </a:ext>
            </a:extLst>
          </p:cNvPr>
          <p:cNvSpPr txBox="1"/>
          <p:nvPr userDrawn="1"/>
        </p:nvSpPr>
        <p:spPr>
          <a:xfrm>
            <a:off x="7073900" y="6274098"/>
            <a:ext cx="4508500" cy="549934"/>
          </a:xfrm>
          <a:prstGeom prst="rect">
            <a:avLst/>
          </a:prstGeom>
        </p:spPr>
        <p:txBody>
          <a:bodyPr vert="horz" lIns="0" tIns="0" rIns="0" bIns="0" rtlCol="0" anchor="ctr" anchorCtr="0">
            <a:noAutofit/>
          </a:bodyPr>
          <a:lstStyle>
            <a:lvl1pPr lvl="0" indent="0" algn="r">
              <a:lnSpc>
                <a:spcPct val="110000"/>
              </a:lnSpc>
              <a:spcBef>
                <a:spcPts val="1000"/>
              </a:spcBef>
              <a:buClr>
                <a:schemeClr val="tx2"/>
              </a:buClr>
              <a:buSzPct val="90000"/>
              <a:buFont typeface="Arial" panose="020B0604020202020204" pitchFamily="34" charset="0"/>
              <a:buNone/>
              <a:defRPr lang="en-US" sz="1600" b="0" i="0" dirty="0">
                <a:solidFill>
                  <a:schemeClr val="bg1"/>
                </a:solidFill>
                <a:latin typeface="Georgia" panose="02040502050405020303" pitchFamily="18" charset="0"/>
                <a:ea typeface="Verdana" panose="020B0604030504040204" pitchFamily="34" charset="0"/>
                <a:cs typeface="Rubik" pitchFamily="2" charset="-79"/>
              </a:defRPr>
            </a:lvl1pPr>
            <a:lvl2pPr marL="685800" indent="-228600">
              <a:lnSpc>
                <a:spcPct val="110000"/>
              </a:lnSpc>
              <a:spcBef>
                <a:spcPts val="500"/>
              </a:spcBef>
              <a:buClr>
                <a:schemeClr val="tx2"/>
              </a:buClr>
              <a:buSzPct val="100000"/>
              <a:buFont typeface="Arial" panose="020B0604020202020204" pitchFamily="34" charset="0"/>
              <a:buChar char="•"/>
              <a:defRPr lang="en-US" sz="1600" b="0" i="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nSpc>
                <a:spcPct val="90000"/>
              </a:lnSpc>
              <a:spcBef>
                <a:spcPts val="500"/>
              </a:spcBef>
              <a:buFont typeface="Arial" panose="020B0604020202020204" pitchFamily="34" charset="0"/>
              <a:buChar char="•"/>
            </a:lvl6pPr>
            <a:lvl7pPr marL="2971800" indent="-228600">
              <a:lnSpc>
                <a:spcPct val="90000"/>
              </a:lnSpc>
              <a:spcBef>
                <a:spcPts val="500"/>
              </a:spcBef>
              <a:buFont typeface="Arial" panose="020B0604020202020204" pitchFamily="34" charset="0"/>
              <a:buChar char="•"/>
            </a:lvl7pPr>
            <a:lvl8pPr marL="3429000" indent="-228600">
              <a:lnSpc>
                <a:spcPct val="90000"/>
              </a:lnSpc>
              <a:spcBef>
                <a:spcPts val="500"/>
              </a:spcBef>
              <a:buFont typeface="Arial" panose="020B0604020202020204" pitchFamily="34" charset="0"/>
              <a:buChar char="•"/>
            </a:lvl8pPr>
            <a:lvl9pPr marL="3886200" indent="-228600">
              <a:lnSpc>
                <a:spcPct val="90000"/>
              </a:lnSpc>
              <a:spcBef>
                <a:spcPts val="500"/>
              </a:spcBef>
              <a:buFont typeface="Arial" panose="020B0604020202020204" pitchFamily="34" charset="0"/>
              <a:buChar char="•"/>
            </a:lvl9pPr>
          </a:lstStyle>
          <a:p>
            <a:pPr lvl="0"/>
            <a:fld id="{A8F752DB-0912-7445-B82A-071A76711F1E}" type="datetime4">
              <a:rPr lang="en-US" smtClean="0"/>
              <a:pPr lvl="0"/>
              <a:t>October 18, 2023</a:t>
            </a:fld>
            <a:endParaRPr lang="en-US"/>
          </a:p>
        </p:txBody>
      </p:sp>
      <p:pic>
        <p:nvPicPr>
          <p:cNvPr id="5" name="Picture 4">
            <a:extLst>
              <a:ext uri="{FF2B5EF4-FFF2-40B4-BE49-F238E27FC236}">
                <a16:creationId xmlns:a16="http://schemas.microsoft.com/office/drawing/2014/main" id="{C7DE784A-8E41-1345-A8A4-5E4C5C1F1B45}"/>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9106398" y="3038742"/>
            <a:ext cx="2234207" cy="882114"/>
          </a:xfrm>
          <a:prstGeom prst="rect">
            <a:avLst/>
          </a:prstGeom>
        </p:spPr>
      </p:pic>
    </p:spTree>
    <p:extLst>
      <p:ext uri="{BB962C8B-B14F-4D97-AF65-F5344CB8AC3E}">
        <p14:creationId xmlns:p14="http://schemas.microsoft.com/office/powerpoint/2010/main" val="246372942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WO_COLUMN">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400"/>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77337"/>
            <a:ext cx="5325578" cy="4045942"/>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AF71D006-89F6-8F49-AC44-D054C5E78799}"/>
              </a:ext>
            </a:extLst>
          </p:cNvPr>
          <p:cNvSpPr>
            <a:spLocks noGrp="1"/>
          </p:cNvSpPr>
          <p:nvPr>
            <p:ph type="title" hasCustomPrompt="1"/>
          </p:nvPr>
        </p:nvSpPr>
        <p:spPr/>
        <p:txBody>
          <a:bodyPr/>
          <a:lstStyle/>
          <a:p>
            <a:r>
              <a:rPr lang="en-US"/>
              <a:t>TWO COLUMN</a:t>
            </a:r>
          </a:p>
        </p:txBody>
      </p:sp>
      <p:sp>
        <p:nvSpPr>
          <p:cNvPr id="10" name="Text Placeholder 8">
            <a:extLst>
              <a:ext uri="{FF2B5EF4-FFF2-40B4-BE49-F238E27FC236}">
                <a16:creationId xmlns:a16="http://schemas.microsoft.com/office/drawing/2014/main" id="{CA6742B0-4B7B-144D-89D3-1E9998902EF9}"/>
              </a:ext>
            </a:extLst>
          </p:cNvPr>
          <p:cNvSpPr>
            <a:spLocks noGrp="1"/>
          </p:cNvSpPr>
          <p:nvPr>
            <p:ph type="body" sz="quarter" idx="15" hasCustomPrompt="1"/>
          </p:nvPr>
        </p:nvSpPr>
        <p:spPr>
          <a:xfrm>
            <a:off x="625888" y="1554480"/>
            <a:ext cx="5295324"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2" name="Text Placeholder 8">
            <a:extLst>
              <a:ext uri="{FF2B5EF4-FFF2-40B4-BE49-F238E27FC236}">
                <a16:creationId xmlns:a16="http://schemas.microsoft.com/office/drawing/2014/main" id="{45A20E53-E60A-D148-ADE3-217B9C0555D8}"/>
              </a:ext>
            </a:extLst>
          </p:cNvPr>
          <p:cNvSpPr>
            <a:spLocks noGrp="1"/>
          </p:cNvSpPr>
          <p:nvPr>
            <p:ph type="body" sz="quarter" idx="16" hasCustomPrompt="1"/>
          </p:nvPr>
        </p:nvSpPr>
        <p:spPr>
          <a:xfrm>
            <a:off x="6233376" y="1554480"/>
            <a:ext cx="5295324"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7" name="Slide Number Placeholder 7">
            <a:extLst>
              <a:ext uri="{FF2B5EF4-FFF2-40B4-BE49-F238E27FC236}">
                <a16:creationId xmlns:a16="http://schemas.microsoft.com/office/drawing/2014/main" id="{B4B2A1AB-E041-DD4B-941F-BBC682B78CD6}"/>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80432816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userDrawn="1">
          <p15:clr>
            <a:srgbClr val="FBAE40"/>
          </p15:clr>
        </p15:guide>
      </p15:sldGuideLst>
    </p:ext>
  </p:extLs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HREE_COLUMN">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8132108-D7DE-3745-A51E-78481AA52BD0}"/>
              </a:ext>
            </a:extLst>
          </p:cNvPr>
          <p:cNvSpPr>
            <a:spLocks noGrp="1"/>
          </p:cNvSpPr>
          <p:nvPr>
            <p:ph type="title" hasCustomPrompt="1"/>
          </p:nvPr>
        </p:nvSpPr>
        <p:spPr/>
        <p:txBody>
          <a:bodyPr/>
          <a:lstStyle/>
          <a:p>
            <a:r>
              <a:rPr lang="en-US"/>
              <a:t>THREE COLUMN</a:t>
            </a:r>
          </a:p>
        </p:txBody>
      </p:sp>
      <p:sp>
        <p:nvSpPr>
          <p:cNvPr id="13" name="Text Placeholder 8">
            <a:extLst>
              <a:ext uri="{FF2B5EF4-FFF2-40B4-BE49-F238E27FC236}">
                <a16:creationId xmlns:a16="http://schemas.microsoft.com/office/drawing/2014/main" id="{E18894EB-AE11-3647-98FC-533AEB7F989D}"/>
              </a:ext>
            </a:extLst>
          </p:cNvPr>
          <p:cNvSpPr>
            <a:spLocks noGrp="1"/>
          </p:cNvSpPr>
          <p:nvPr>
            <p:ph type="body" sz="quarter" idx="15" hasCustomPrompt="1"/>
          </p:nvPr>
        </p:nvSpPr>
        <p:spPr>
          <a:xfrm>
            <a:off x="625888" y="1554480"/>
            <a:ext cx="3450811"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4" name="Text Placeholder 8">
            <a:extLst>
              <a:ext uri="{FF2B5EF4-FFF2-40B4-BE49-F238E27FC236}">
                <a16:creationId xmlns:a16="http://schemas.microsoft.com/office/drawing/2014/main" id="{B246D0B6-534F-E143-B944-29D787BAFBCB}"/>
              </a:ext>
            </a:extLst>
          </p:cNvPr>
          <p:cNvSpPr>
            <a:spLocks noGrp="1"/>
          </p:cNvSpPr>
          <p:nvPr>
            <p:ph type="body" sz="quarter" idx="20" hasCustomPrompt="1"/>
          </p:nvPr>
        </p:nvSpPr>
        <p:spPr>
          <a:xfrm>
            <a:off x="4370594" y="1554480"/>
            <a:ext cx="3450811"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5" name="Text Placeholder 8">
            <a:extLst>
              <a:ext uri="{FF2B5EF4-FFF2-40B4-BE49-F238E27FC236}">
                <a16:creationId xmlns:a16="http://schemas.microsoft.com/office/drawing/2014/main" id="{80A41FA9-4C2C-CC4F-BA42-5FC4D2EEC437}"/>
              </a:ext>
            </a:extLst>
          </p:cNvPr>
          <p:cNvSpPr>
            <a:spLocks noGrp="1"/>
          </p:cNvSpPr>
          <p:nvPr>
            <p:ph type="body" sz="quarter" idx="21" hasCustomPrompt="1"/>
          </p:nvPr>
        </p:nvSpPr>
        <p:spPr>
          <a:xfrm>
            <a:off x="8115300" y="1554480"/>
            <a:ext cx="3450811"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7" name="Content Placeholder 7">
            <a:extLst>
              <a:ext uri="{FF2B5EF4-FFF2-40B4-BE49-F238E27FC236}">
                <a16:creationId xmlns:a16="http://schemas.microsoft.com/office/drawing/2014/main" id="{23979181-A85F-8F46-9F5B-E1434F737C21}"/>
              </a:ext>
            </a:extLst>
          </p:cNvPr>
          <p:cNvSpPr>
            <a:spLocks noGrp="1"/>
          </p:cNvSpPr>
          <p:nvPr>
            <p:ph sz="quarter" idx="13"/>
          </p:nvPr>
        </p:nvSpPr>
        <p:spPr>
          <a:xfrm>
            <a:off x="633046"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Content Placeholder 7">
            <a:extLst>
              <a:ext uri="{FF2B5EF4-FFF2-40B4-BE49-F238E27FC236}">
                <a16:creationId xmlns:a16="http://schemas.microsoft.com/office/drawing/2014/main" id="{FCE0BBCF-20B0-F742-A2BD-CD8019EEC1E1}"/>
              </a:ext>
            </a:extLst>
          </p:cNvPr>
          <p:cNvSpPr>
            <a:spLocks noGrp="1"/>
          </p:cNvSpPr>
          <p:nvPr>
            <p:ph sz="quarter" idx="22"/>
          </p:nvPr>
        </p:nvSpPr>
        <p:spPr>
          <a:xfrm>
            <a:off x="4382317"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Content Placeholder 7">
            <a:extLst>
              <a:ext uri="{FF2B5EF4-FFF2-40B4-BE49-F238E27FC236}">
                <a16:creationId xmlns:a16="http://schemas.microsoft.com/office/drawing/2014/main" id="{D1E55806-061F-134A-B860-D1AB41F66F07}"/>
              </a:ext>
            </a:extLst>
          </p:cNvPr>
          <p:cNvSpPr>
            <a:spLocks noGrp="1"/>
          </p:cNvSpPr>
          <p:nvPr>
            <p:ph sz="quarter" idx="23"/>
          </p:nvPr>
        </p:nvSpPr>
        <p:spPr>
          <a:xfrm>
            <a:off x="8131589"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Slide Number Placeholder 7">
            <a:extLst>
              <a:ext uri="{FF2B5EF4-FFF2-40B4-BE49-F238E27FC236}">
                <a16:creationId xmlns:a16="http://schemas.microsoft.com/office/drawing/2014/main" id="{30E17351-DB81-8049-9C24-01A0B8DE2F1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00300197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userDrawn="1">
          <p15:clr>
            <a:srgbClr val="FBAE40"/>
          </p15:clr>
        </p15:guide>
      </p15:sldGuideLst>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MULTI_INFO">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399"/>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57399"/>
            <a:ext cx="5325578"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8996A88E-9D0D-6E4C-AB61-620BD700301D}"/>
              </a:ext>
            </a:extLst>
          </p:cNvPr>
          <p:cNvSpPr>
            <a:spLocks noGrp="1"/>
          </p:cNvSpPr>
          <p:nvPr>
            <p:ph type="title" hasCustomPrompt="1"/>
          </p:nvPr>
        </p:nvSpPr>
        <p:spPr/>
        <p:txBody>
          <a:bodyPr/>
          <a:lstStyle/>
          <a:p>
            <a:r>
              <a:rPr lang="en-US"/>
              <a:t>MULTI-INFORMATION</a:t>
            </a:r>
          </a:p>
        </p:txBody>
      </p:sp>
      <p:sp>
        <p:nvSpPr>
          <p:cNvPr id="11" name="Text Placeholder 8">
            <a:extLst>
              <a:ext uri="{FF2B5EF4-FFF2-40B4-BE49-F238E27FC236}">
                <a16:creationId xmlns:a16="http://schemas.microsoft.com/office/drawing/2014/main" id="{FD6499FC-E424-D24C-A3F8-CB853586C77A}"/>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smtClean="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Various Information including charts, graphs, and tables</a:t>
            </a:r>
          </a:p>
        </p:txBody>
      </p:sp>
      <p:sp>
        <p:nvSpPr>
          <p:cNvPr id="6" name="Slide Number Placeholder 7">
            <a:extLst>
              <a:ext uri="{FF2B5EF4-FFF2-40B4-BE49-F238E27FC236}">
                <a16:creationId xmlns:a16="http://schemas.microsoft.com/office/drawing/2014/main" id="{C9A1AB9A-650F-0449-B4D3-7C25C0933DD0}"/>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2320286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userDrawn="1">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STATEM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09600" y="3071944"/>
            <a:ext cx="5029202" cy="714106"/>
          </a:xfrm>
        </p:spPr>
        <p:txBody>
          <a:bodyPr wrap="square" lIns="0" rIns="0" anchor="ctr">
            <a:spAutoFit/>
          </a:bodyPr>
          <a:lstStyle>
            <a:lvl1pPr marL="0" indent="0">
              <a:lnSpc>
                <a:spcPct val="110000"/>
              </a:lnSpc>
              <a:buNone/>
              <a:defRPr sz="2000" b="0" i="0">
                <a:solidFill>
                  <a:schemeClr val="accent2"/>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33046" y="457200"/>
            <a:ext cx="5339129" cy="781049"/>
          </a:xfrm>
        </p:spPr>
        <p:txBody>
          <a:bodyPr/>
          <a:lstStyle/>
          <a:p>
            <a:r>
              <a:rPr lang="en-US"/>
              <a:t>IMAGE &amp; STATEMENT</a:t>
            </a:r>
            <a:br>
              <a:rPr lang="en-US"/>
            </a:br>
            <a:r>
              <a:rPr lang="en-US"/>
              <a:t>LEFT</a:t>
            </a:r>
          </a:p>
        </p:txBody>
      </p:sp>
    </p:spTree>
    <p:extLst>
      <p:ext uri="{BB962C8B-B14F-4D97-AF65-F5344CB8AC3E}">
        <p14:creationId xmlns:p14="http://schemas.microsoft.com/office/powerpoint/2010/main" val="310416221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userDrawn="1">
          <p15:clr>
            <a:srgbClr val="FBAE40"/>
          </p15:clr>
        </p15:guide>
      </p15:sldGuideLst>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STATEM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515100" y="3071944"/>
            <a:ext cx="5067300" cy="714106"/>
          </a:xfrm>
        </p:spPr>
        <p:txBody>
          <a:bodyPr wrap="square" lIns="0" rIns="0" anchor="ctr">
            <a:spAutoFit/>
          </a:bodyPr>
          <a:lstStyle>
            <a:lvl1pPr marL="0" indent="0">
              <a:lnSpc>
                <a:spcPct val="110000"/>
              </a:lnSpc>
              <a:buNone/>
              <a:defRPr sz="2000" b="0" i="0">
                <a:solidFill>
                  <a:schemeClr val="accent2"/>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515101" y="457200"/>
            <a:ext cx="5067300" cy="781049"/>
          </a:xfrm>
        </p:spPr>
        <p:txBody>
          <a:bodyPr/>
          <a:lstStyle/>
          <a:p>
            <a:r>
              <a:rPr lang="en-US"/>
              <a:t>IMAGE &amp; STATEMENT</a:t>
            </a:r>
            <a:br>
              <a:rPr lang="en-US"/>
            </a:br>
            <a:r>
              <a:rPr lang="en-US"/>
              <a:t>RIGHT</a:t>
            </a:r>
          </a:p>
        </p:txBody>
      </p:sp>
      <p:sp>
        <p:nvSpPr>
          <p:cNvPr id="6" name="Slide Number Placeholder 7">
            <a:extLst>
              <a:ext uri="{FF2B5EF4-FFF2-40B4-BE49-F238E27FC236}">
                <a16:creationId xmlns:a16="http://schemas.microsoft.com/office/drawing/2014/main" id="{E3BB7671-82CD-9449-99ED-A88617E0797A}"/>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17499653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userDrawn="1">
          <p15:clr>
            <a:srgbClr val="FBAE40"/>
          </p15:clr>
        </p15:guide>
      </p15:sldGuideLst>
    </p:ext>
  </p:extLs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ONT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33046" y="457201"/>
            <a:ext cx="5262929" cy="809624"/>
          </a:xfrm>
        </p:spPr>
        <p:txBody>
          <a:bodyPr/>
          <a:lstStyle/>
          <a:p>
            <a:r>
              <a:rPr lang="en-US"/>
              <a:t>IMAGE &amp; CONTENT</a:t>
            </a:r>
            <a:br>
              <a:rPr lang="en-US"/>
            </a:br>
            <a:r>
              <a:rPr lang="en-US"/>
              <a:t>LEF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33046" y="1925685"/>
            <a:ext cx="5262929"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09421354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userDrawn="1">
          <p15:clr>
            <a:srgbClr val="FBAE40"/>
          </p15:clr>
        </p15:guide>
      </p15:sldGuideLst>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CONT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515101" y="457201"/>
            <a:ext cx="5067300" cy="809624"/>
          </a:xfrm>
        </p:spPr>
        <p:txBody>
          <a:bodyPr/>
          <a:lstStyle/>
          <a:p>
            <a:r>
              <a:rPr lang="en-US"/>
              <a:t>IMAGE &amp; CONTENT</a:t>
            </a:r>
            <a:br>
              <a:rPr lang="en-US"/>
            </a:br>
            <a:r>
              <a:rPr lang="en-US"/>
              <a:t>RIGH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515101" y="1925685"/>
            <a:ext cx="5067300"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7">
            <a:extLst>
              <a:ext uri="{FF2B5EF4-FFF2-40B4-BE49-F238E27FC236}">
                <a16:creationId xmlns:a16="http://schemas.microsoft.com/office/drawing/2014/main" id="{4F57C929-D27A-1545-8FB3-5CED55E5D16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46756651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userDrawn="1">
          <p15:clr>
            <a:srgbClr val="FBAE40"/>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TATEMENT_PHOTO">
    <p:bg>
      <p:bgPr>
        <a:solidFill>
          <a:schemeClr val="accent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B956B44-6459-C147-B05F-9B8A94B3614A}"/>
              </a:ext>
            </a:extLst>
          </p:cNvPr>
          <p:cNvSpPr>
            <a:spLocks noGrp="1"/>
          </p:cNvSpPr>
          <p:nvPr>
            <p:ph type="title" hasCustomPrompt="1"/>
          </p:nvPr>
        </p:nvSpPr>
        <p:spPr>
          <a:xfrm>
            <a:off x="1111955" y="4796153"/>
            <a:ext cx="9968089" cy="1048107"/>
          </a:xfrm>
          <a:effectLst/>
        </p:spPr>
        <p:txBody>
          <a:bodyPr wrap="square" anchor="ctr">
            <a:spAutoFit/>
          </a:bodyPr>
          <a:lstStyle>
            <a:lvl1pPr algn="ctr">
              <a:lnSpc>
                <a:spcPct val="110000"/>
              </a:lnSpc>
              <a:defRPr sz="3000" b="0" i="0">
                <a:solidFill>
                  <a:schemeClr val="bg1"/>
                </a:solidFill>
                <a:latin typeface="Avenir Book" panose="02000503020000020003" pitchFamily="2" charset="0"/>
                <a:ea typeface="Verdana" panose="020B0604030504040204" pitchFamily="34" charset="0"/>
                <a:cs typeface="Rubik" pitchFamily="2" charset="-79"/>
              </a:defRPr>
            </a:lvl1pPr>
          </a:lstStyle>
          <a:p>
            <a:r>
              <a:rPr lang="en-US"/>
              <a:t>Statement slide with a sentence or two here about something important</a:t>
            </a:r>
          </a:p>
        </p:txBody>
      </p:sp>
      <p:sp>
        <p:nvSpPr>
          <p:cNvPr id="6" name="Picture Placeholder 11">
            <a:extLst>
              <a:ext uri="{FF2B5EF4-FFF2-40B4-BE49-F238E27FC236}">
                <a16:creationId xmlns:a16="http://schemas.microsoft.com/office/drawing/2014/main" id="{65B63C78-525F-1248-9C04-E6423D7A4DA1}"/>
              </a:ext>
            </a:extLst>
          </p:cNvPr>
          <p:cNvSpPr>
            <a:spLocks noGrp="1"/>
          </p:cNvSpPr>
          <p:nvPr>
            <p:ph type="pic" sz="quarter" idx="13"/>
          </p:nvPr>
        </p:nvSpPr>
        <p:spPr>
          <a:xfrm>
            <a:off x="1" y="0"/>
            <a:ext cx="12192000" cy="3855155"/>
          </a:xfrm>
          <a:solidFill>
            <a:schemeClr val="tx2"/>
          </a:solidFill>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Tree>
    <p:extLst>
      <p:ext uri="{BB962C8B-B14F-4D97-AF65-F5344CB8AC3E}">
        <p14:creationId xmlns:p14="http://schemas.microsoft.com/office/powerpoint/2010/main" val="425050494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FULL_PHOTO_STATEMENT">
    <p:bg>
      <p:bgPr>
        <a:solidFill>
          <a:schemeClr val="tx1"/>
        </a:solidFill>
        <a:effectLst/>
      </p:bgPr>
    </p:bg>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2"/>
            <a:ext cx="12192000" cy="6858001"/>
          </a:xfrm>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1677343" y="2574916"/>
            <a:ext cx="8837312" cy="1708160"/>
          </a:xfrm>
        </p:spPr>
        <p:txBody>
          <a:bodyPr wrap="square" lIns="457200" rIns="457200" anchor="ctr">
            <a:spAutoFit/>
          </a:bodyPr>
          <a:lstStyle>
            <a:lvl1pPr marL="0" indent="0" algn="ctr">
              <a:lnSpc>
                <a:spcPct val="100000"/>
              </a:lnSpc>
              <a:buNone/>
              <a:defRPr sz="3600" b="0" i="0">
                <a:solidFill>
                  <a:schemeClr val="bg1"/>
                </a:solidFill>
                <a:effectLst>
                  <a:outerShdw blurRad="520700" dist="38100" dir="2700000" algn="tl" rotWithShape="0">
                    <a:schemeClr val="tx1">
                      <a:alpha val="40000"/>
                    </a:schemeClr>
                  </a:outerShdw>
                </a:effectLst>
                <a:latin typeface="Avenir Book" panose="02000503020000020003" pitchFamily="2" charset="0"/>
                <a:ea typeface="Verdana" panose="020B0604030504040204" pitchFamily="34" charset="0"/>
                <a:cs typeface="Rubik" pitchFamily="2" charset="-79"/>
              </a:defRPr>
            </a:lvl1pPr>
          </a:lstStyle>
          <a:p>
            <a:pPr lvl="0"/>
            <a:r>
              <a:rPr lang="en-US"/>
              <a:t>Some brief copy, no more than a few sentences long, making a concise statement about something important.</a:t>
            </a:r>
          </a:p>
        </p:txBody>
      </p:sp>
    </p:spTree>
    <p:extLst>
      <p:ext uri="{BB962C8B-B14F-4D97-AF65-F5344CB8AC3E}">
        <p14:creationId xmlns:p14="http://schemas.microsoft.com/office/powerpoint/2010/main" val="194220131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THANKYOU">
    <p:bg>
      <p:bgPr>
        <a:solidFill>
          <a:schemeClr val="tx2"/>
        </a:solidFill>
        <a:effectLst/>
      </p:bgPr>
    </p:bg>
    <p:spTree>
      <p:nvGrpSpPr>
        <p:cNvPr id="1" name=""/>
        <p:cNvGrpSpPr/>
        <p:nvPr/>
      </p:nvGrpSpPr>
      <p:grpSpPr>
        <a:xfrm>
          <a:off x="0" y="0"/>
          <a:ext cx="0" cy="0"/>
          <a:chOff x="0" y="0"/>
          <a:chExt cx="0" cy="0"/>
        </a:xfrm>
      </p:grpSpPr>
      <p:pic>
        <p:nvPicPr>
          <p:cNvPr id="20" name="Picture 19">
            <a:extLst>
              <a:ext uri="{FF2B5EF4-FFF2-40B4-BE49-F238E27FC236}">
                <a16:creationId xmlns:a16="http://schemas.microsoft.com/office/drawing/2014/main" id="{A9D22CDF-DE3E-0D45-95C5-6531C5734A75}"/>
              </a:ext>
            </a:extLst>
          </p:cNvPr>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16" name="Rectangle 15">
            <a:extLst>
              <a:ext uri="{FF2B5EF4-FFF2-40B4-BE49-F238E27FC236}">
                <a16:creationId xmlns:a16="http://schemas.microsoft.com/office/drawing/2014/main" id="{CD96EEAF-8CEA-2441-8F71-C2685CA25923}"/>
              </a:ext>
            </a:extLst>
          </p:cNvPr>
          <p:cNvSpPr/>
          <p:nvPr userDrawn="1"/>
        </p:nvSpPr>
        <p:spPr>
          <a:xfrm>
            <a:off x="0" y="2661920"/>
            <a:ext cx="8028512" cy="2412169"/>
          </a:xfrm>
          <a:prstGeom prst="rect">
            <a:avLst/>
          </a:prstGeom>
          <a:solidFill>
            <a:schemeClr val="accent1">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Rectangle 16">
            <a:extLst>
              <a:ext uri="{FF2B5EF4-FFF2-40B4-BE49-F238E27FC236}">
                <a16:creationId xmlns:a16="http://schemas.microsoft.com/office/drawing/2014/main" id="{D5761815-63B9-6044-B96B-2084A33E2485}"/>
              </a:ext>
            </a:extLst>
          </p:cNvPr>
          <p:cNvSpPr/>
          <p:nvPr userDrawn="1"/>
        </p:nvSpPr>
        <p:spPr>
          <a:xfrm>
            <a:off x="8255001" y="2661920"/>
            <a:ext cx="3937000" cy="2412169"/>
          </a:xfrm>
          <a:prstGeom prst="rect">
            <a:avLst/>
          </a:prstGeom>
          <a:solidFill>
            <a:schemeClr val="bg1">
              <a:alpha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8" name="Picture 17">
            <a:extLst>
              <a:ext uri="{FF2B5EF4-FFF2-40B4-BE49-F238E27FC236}">
                <a16:creationId xmlns:a16="http://schemas.microsoft.com/office/drawing/2014/main" id="{BE8D87F2-EE4A-4847-A486-34584CE6CB98}"/>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9247267" y="3483287"/>
            <a:ext cx="1952469" cy="712598"/>
          </a:xfrm>
          <a:prstGeom prst="rect">
            <a:avLst/>
          </a:prstGeom>
        </p:spPr>
      </p:pic>
    </p:spTree>
    <p:extLst>
      <p:ext uri="{BB962C8B-B14F-4D97-AF65-F5344CB8AC3E}">
        <p14:creationId xmlns:p14="http://schemas.microsoft.com/office/powerpoint/2010/main" val="245467625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_B">
    <p:bg>
      <p:bgPr>
        <a:solidFill>
          <a:schemeClr val="tx1"/>
        </a:solidFill>
        <a:effectLst/>
      </p:bgPr>
    </p:bg>
    <p:spTree>
      <p:nvGrpSpPr>
        <p:cNvPr id="1" name=""/>
        <p:cNvGrpSpPr/>
        <p:nvPr/>
      </p:nvGrpSpPr>
      <p:grpSpPr>
        <a:xfrm>
          <a:off x="0" y="0"/>
          <a:ext cx="0" cy="0"/>
          <a:chOff x="0" y="0"/>
          <a:chExt cx="0" cy="0"/>
        </a:xfrm>
      </p:grpSpPr>
      <p:pic>
        <p:nvPicPr>
          <p:cNvPr id="6" name="Picture 5">
            <a:extLst>
              <a:ext uri="{FF2B5EF4-FFF2-40B4-BE49-F238E27FC236}">
                <a16:creationId xmlns:a16="http://schemas.microsoft.com/office/drawing/2014/main" id="{1059DF35-7A36-4E4B-AFD0-EB9C35242EB9}"/>
              </a:ext>
            </a:extLst>
          </p:cNvPr>
          <p:cNvPicPr>
            <a:picLocks noChangeAspect="1"/>
          </p:cNvPicPr>
          <p:nvPr userDrawn="1"/>
        </p:nvPicPr>
        <p:blipFill rotWithShape="1">
          <a:blip r:embed="rId2" cstate="screen">
            <a:alphaModFix amt="50000"/>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33" name="Rectangle 32">
            <a:extLst>
              <a:ext uri="{FF2B5EF4-FFF2-40B4-BE49-F238E27FC236}">
                <a16:creationId xmlns:a16="http://schemas.microsoft.com/office/drawing/2014/main" id="{469916E8-2632-4341-A632-E641B4508087}"/>
              </a:ext>
            </a:extLst>
          </p:cNvPr>
          <p:cNvSpPr/>
          <p:nvPr userDrawn="1"/>
        </p:nvSpPr>
        <p:spPr>
          <a:xfrm>
            <a:off x="0" y="5355772"/>
            <a:ext cx="12192000" cy="150222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8" name="TextBox 37">
            <a:extLst>
              <a:ext uri="{FF2B5EF4-FFF2-40B4-BE49-F238E27FC236}">
                <a16:creationId xmlns:a16="http://schemas.microsoft.com/office/drawing/2014/main" id="{5AF313AD-A8E3-C846-B27C-4754A821D612}"/>
              </a:ext>
            </a:extLst>
          </p:cNvPr>
          <p:cNvSpPr txBox="1"/>
          <p:nvPr userDrawn="1"/>
        </p:nvSpPr>
        <p:spPr>
          <a:xfrm>
            <a:off x="633186" y="6230377"/>
            <a:ext cx="5462814" cy="324671"/>
          </a:xfrm>
          <a:prstGeom prst="rect">
            <a:avLst/>
          </a:prstGeom>
        </p:spPr>
        <p:txBody>
          <a:bodyPr vert="horz" lIns="0" tIns="0" rIns="0" bIns="0" rtlCol="0" anchor="ctr" anchorCtr="0">
            <a:noAutofit/>
          </a:bodyPr>
          <a:lstStyle>
            <a:lvl1pPr lvl="0" indent="0" algn="r">
              <a:lnSpc>
                <a:spcPct val="110000"/>
              </a:lnSpc>
              <a:spcBef>
                <a:spcPts val="1000"/>
              </a:spcBef>
              <a:buClr>
                <a:schemeClr val="tx2"/>
              </a:buClr>
              <a:buSzPct val="90000"/>
              <a:buFont typeface="Arial" panose="020B0604020202020204" pitchFamily="34" charset="0"/>
              <a:buNone/>
              <a:defRPr lang="en-US" sz="1600" b="0" i="0" dirty="0">
                <a:solidFill>
                  <a:schemeClr val="bg1"/>
                </a:solidFill>
                <a:latin typeface="Georgia" panose="02040502050405020303" pitchFamily="18" charset="0"/>
                <a:ea typeface="Verdana" panose="020B0604030504040204" pitchFamily="34" charset="0"/>
                <a:cs typeface="Rubik" pitchFamily="2" charset="-79"/>
              </a:defRPr>
            </a:lvl1pPr>
            <a:lvl2pPr marL="685800" indent="-228600">
              <a:lnSpc>
                <a:spcPct val="110000"/>
              </a:lnSpc>
              <a:spcBef>
                <a:spcPts val="500"/>
              </a:spcBef>
              <a:buClr>
                <a:schemeClr val="tx2"/>
              </a:buClr>
              <a:buSzPct val="100000"/>
              <a:buFont typeface="Arial" panose="020B0604020202020204" pitchFamily="34" charset="0"/>
              <a:buChar char="•"/>
              <a:defRPr lang="en-US" sz="1600" b="0" i="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nSpc>
                <a:spcPct val="90000"/>
              </a:lnSpc>
              <a:spcBef>
                <a:spcPts val="500"/>
              </a:spcBef>
              <a:buFont typeface="Arial" panose="020B0604020202020204" pitchFamily="34" charset="0"/>
              <a:buChar char="•"/>
            </a:lvl6pPr>
            <a:lvl7pPr marL="2971800" indent="-228600">
              <a:lnSpc>
                <a:spcPct val="90000"/>
              </a:lnSpc>
              <a:spcBef>
                <a:spcPts val="500"/>
              </a:spcBef>
              <a:buFont typeface="Arial" panose="020B0604020202020204" pitchFamily="34" charset="0"/>
              <a:buChar char="•"/>
            </a:lvl7pPr>
            <a:lvl8pPr marL="3429000" indent="-228600">
              <a:lnSpc>
                <a:spcPct val="90000"/>
              </a:lnSpc>
              <a:spcBef>
                <a:spcPts val="500"/>
              </a:spcBef>
              <a:buFont typeface="Arial" panose="020B0604020202020204" pitchFamily="34" charset="0"/>
              <a:buChar char="•"/>
            </a:lvl8pPr>
            <a:lvl9pPr marL="3886200" indent="-228600">
              <a:lnSpc>
                <a:spcPct val="90000"/>
              </a:lnSpc>
              <a:spcBef>
                <a:spcPts val="500"/>
              </a:spcBef>
              <a:buFont typeface="Arial" panose="020B0604020202020204" pitchFamily="34" charset="0"/>
              <a:buChar char="•"/>
            </a:lvl9pPr>
          </a:lstStyle>
          <a:p>
            <a:pPr lvl="0" algn="l"/>
            <a:endParaRPr lang="en-US" sz="1400">
              <a:solidFill>
                <a:schemeClr val="tx2"/>
              </a:solidFill>
            </a:endParaRPr>
          </a:p>
        </p:txBody>
      </p:sp>
      <p:sp>
        <p:nvSpPr>
          <p:cNvPr id="43" name="Rectangle 42">
            <a:extLst>
              <a:ext uri="{FF2B5EF4-FFF2-40B4-BE49-F238E27FC236}">
                <a16:creationId xmlns:a16="http://schemas.microsoft.com/office/drawing/2014/main" id="{B4BEDFBA-CA6E-CC49-8D44-10A021EF44EF}"/>
              </a:ext>
            </a:extLst>
          </p:cNvPr>
          <p:cNvSpPr/>
          <p:nvPr userDrawn="1"/>
        </p:nvSpPr>
        <p:spPr>
          <a:xfrm>
            <a:off x="0" y="5288591"/>
            <a:ext cx="12192000" cy="889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Title 1">
            <a:extLst>
              <a:ext uri="{FF2B5EF4-FFF2-40B4-BE49-F238E27FC236}">
                <a16:creationId xmlns:a16="http://schemas.microsoft.com/office/drawing/2014/main" id="{DC953B8A-F30F-9F43-83BC-944D5E2EB7FB}"/>
              </a:ext>
            </a:extLst>
          </p:cNvPr>
          <p:cNvSpPr>
            <a:spLocks noGrp="1"/>
          </p:cNvSpPr>
          <p:nvPr>
            <p:ph type="title" hasCustomPrompt="1"/>
          </p:nvPr>
        </p:nvSpPr>
        <p:spPr>
          <a:xfrm>
            <a:off x="1315396" y="1825644"/>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46" name="Text Placeholder 11">
            <a:extLst>
              <a:ext uri="{FF2B5EF4-FFF2-40B4-BE49-F238E27FC236}">
                <a16:creationId xmlns:a16="http://schemas.microsoft.com/office/drawing/2014/main" id="{F8A5FBE9-A511-0745-A462-3AE501D168CD}"/>
              </a:ext>
            </a:extLst>
          </p:cNvPr>
          <p:cNvSpPr>
            <a:spLocks noGrp="1"/>
          </p:cNvSpPr>
          <p:nvPr>
            <p:ph type="body" sz="quarter" idx="13" hasCustomPrompt="1"/>
          </p:nvPr>
        </p:nvSpPr>
        <p:spPr>
          <a:xfrm>
            <a:off x="2558142" y="3159667"/>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Tree>
    <p:extLst>
      <p:ext uri="{BB962C8B-B14F-4D97-AF65-F5344CB8AC3E}">
        <p14:creationId xmlns:p14="http://schemas.microsoft.com/office/powerpoint/2010/main" val="227666796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7">
            <a:extLst>
              <a:ext uri="{FF2B5EF4-FFF2-40B4-BE49-F238E27FC236}">
                <a16:creationId xmlns:a16="http://schemas.microsoft.com/office/drawing/2014/main" id="{9A6A9EFD-3B62-4E4F-91EB-F9F1A4E57EB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46869308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TITLE_A">
    <p:bg>
      <p:bgPr>
        <a:solidFill>
          <a:schemeClr val="bg1"/>
        </a:solidFill>
        <a:effectLst/>
      </p:bgPr>
    </p:bg>
    <p:spTree>
      <p:nvGrpSpPr>
        <p:cNvPr id="1" name=""/>
        <p:cNvGrpSpPr/>
        <p:nvPr/>
      </p:nvGrpSpPr>
      <p:grpSpPr>
        <a:xfrm>
          <a:off x="0" y="0"/>
          <a:ext cx="0" cy="0"/>
          <a:chOff x="0" y="0"/>
          <a:chExt cx="0" cy="0"/>
        </a:xfrm>
      </p:grpSpPr>
      <p:pic>
        <p:nvPicPr>
          <p:cNvPr id="5" name="Picture 4" descr="A picture containing outdoor, sky, city, several&#10;&#10;Description automatically generated">
            <a:extLst>
              <a:ext uri="{FF2B5EF4-FFF2-40B4-BE49-F238E27FC236}">
                <a16:creationId xmlns:a16="http://schemas.microsoft.com/office/drawing/2014/main" id="{C260BB60-97A7-F940-B661-1FA0100F3DD5}"/>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3" name="Rectangle 12">
            <a:extLst>
              <a:ext uri="{FF2B5EF4-FFF2-40B4-BE49-F238E27FC236}">
                <a16:creationId xmlns:a16="http://schemas.microsoft.com/office/drawing/2014/main" id="{30C0F60E-7B41-3948-8E1F-17F11FDD0AEC}"/>
              </a:ext>
            </a:extLst>
          </p:cNvPr>
          <p:cNvSpPr/>
          <p:nvPr userDrawn="1"/>
        </p:nvSpPr>
        <p:spPr>
          <a:xfrm>
            <a:off x="0" y="2638862"/>
            <a:ext cx="8028512" cy="2412169"/>
          </a:xfrm>
          <a:prstGeom prst="rect">
            <a:avLst/>
          </a:prstGeom>
          <a:solidFill>
            <a:schemeClr val="accent5">
              <a:alpha val="95867"/>
            </a:schemeClr>
          </a:solidFill>
          <a:ln>
            <a:solidFill>
              <a:srgbClr val="2B475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2" name="Title 1">
            <a:extLst>
              <a:ext uri="{FF2B5EF4-FFF2-40B4-BE49-F238E27FC236}">
                <a16:creationId xmlns:a16="http://schemas.microsoft.com/office/drawing/2014/main" id="{AE5C023A-4F7D-E44F-BF44-82EA01C9972B}"/>
              </a:ext>
            </a:extLst>
          </p:cNvPr>
          <p:cNvSpPr>
            <a:spLocks noGrp="1"/>
          </p:cNvSpPr>
          <p:nvPr>
            <p:ph type="title" hasCustomPrompt="1"/>
          </p:nvPr>
        </p:nvSpPr>
        <p:spPr>
          <a:xfrm>
            <a:off x="633186" y="2742914"/>
            <a:ext cx="7075714" cy="1701824"/>
          </a:xfrm>
          <a:effectLst/>
        </p:spPr>
        <p:txBody>
          <a:bodyPr rIns="0" bIns="0" anchor="ctr" anchorCtr="0">
            <a:noAutofit/>
          </a:bodyPr>
          <a:lstStyle>
            <a:lvl1pPr>
              <a:defRPr sz="44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14" name="Text Placeholder 11">
            <a:extLst>
              <a:ext uri="{FF2B5EF4-FFF2-40B4-BE49-F238E27FC236}">
                <a16:creationId xmlns:a16="http://schemas.microsoft.com/office/drawing/2014/main" id="{5BF48927-DEA3-554C-9AC1-B6D346BF1034}"/>
              </a:ext>
            </a:extLst>
          </p:cNvPr>
          <p:cNvSpPr>
            <a:spLocks noGrp="1"/>
          </p:cNvSpPr>
          <p:nvPr>
            <p:ph type="body" sz="quarter" idx="13" hasCustomPrompt="1"/>
          </p:nvPr>
        </p:nvSpPr>
        <p:spPr>
          <a:xfrm>
            <a:off x="633186" y="4543007"/>
            <a:ext cx="7075714" cy="409754"/>
          </a:xfrm>
        </p:spPr>
        <p:txBody>
          <a:bodyPr lIns="0">
            <a:noAutofit/>
          </a:bodyPr>
          <a:lstStyle>
            <a:lvl1pPr marL="0" indent="0">
              <a:buNone/>
              <a:defRPr sz="2400" b="0" i="0">
                <a:solidFill>
                  <a:schemeClr val="bg1"/>
                </a:solidFill>
                <a:latin typeface="Avenir Medium"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0" name="Rectangle 9">
            <a:extLst>
              <a:ext uri="{FF2B5EF4-FFF2-40B4-BE49-F238E27FC236}">
                <a16:creationId xmlns:a16="http://schemas.microsoft.com/office/drawing/2014/main" id="{2723C2A4-78CC-8C4D-BEB0-CE5CAE1F2439}"/>
              </a:ext>
            </a:extLst>
          </p:cNvPr>
          <p:cNvSpPr/>
          <p:nvPr userDrawn="1"/>
        </p:nvSpPr>
        <p:spPr>
          <a:xfrm>
            <a:off x="8255001" y="2638862"/>
            <a:ext cx="3937000" cy="2412169"/>
          </a:xfrm>
          <a:prstGeom prst="rect">
            <a:avLst/>
          </a:prstGeom>
          <a:solidFill>
            <a:schemeClr val="bg1">
              <a:alpha val="93113"/>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a:extLst>
              <a:ext uri="{FF2B5EF4-FFF2-40B4-BE49-F238E27FC236}">
                <a16:creationId xmlns:a16="http://schemas.microsoft.com/office/drawing/2014/main" id="{B2C02520-7538-574F-A556-8CE47C63606D}"/>
              </a:ext>
            </a:extLst>
          </p:cNvPr>
          <p:cNvSpPr/>
          <p:nvPr userDrawn="1"/>
        </p:nvSpPr>
        <p:spPr>
          <a:xfrm>
            <a:off x="-1" y="6240133"/>
            <a:ext cx="12192000" cy="617867"/>
          </a:xfrm>
          <a:prstGeom prst="rect">
            <a:avLst/>
          </a:prstGeom>
          <a:solidFill>
            <a:schemeClr val="accent6">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xt Placeholder 11">
            <a:extLst>
              <a:ext uri="{FF2B5EF4-FFF2-40B4-BE49-F238E27FC236}">
                <a16:creationId xmlns:a16="http://schemas.microsoft.com/office/drawing/2014/main" id="{6C5410A8-41C7-FA45-A6AD-2BD7ADC71235}"/>
              </a:ext>
            </a:extLst>
          </p:cNvPr>
          <p:cNvSpPr>
            <a:spLocks noGrp="1"/>
          </p:cNvSpPr>
          <p:nvPr>
            <p:ph type="body" sz="quarter" idx="15" hasCustomPrompt="1"/>
          </p:nvPr>
        </p:nvSpPr>
        <p:spPr>
          <a:xfrm>
            <a:off x="633186" y="6274098"/>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pic>
        <p:nvPicPr>
          <p:cNvPr id="3" name="Picture 2">
            <a:extLst>
              <a:ext uri="{FF2B5EF4-FFF2-40B4-BE49-F238E27FC236}">
                <a16:creationId xmlns:a16="http://schemas.microsoft.com/office/drawing/2014/main" id="{D78A4E70-AFE5-5944-8B6F-CE4D2046CB19}"/>
              </a:ext>
            </a:extLst>
          </p:cNvPr>
          <p:cNvPicPr>
            <a:picLocks noChangeAspect="1"/>
          </p:cNvPicPr>
          <p:nvPr userDrawn="1"/>
        </p:nvPicPr>
        <p:blipFill>
          <a:blip r:embed="rId4"/>
          <a:stretch>
            <a:fillRect/>
          </a:stretch>
        </p:blipFill>
        <p:spPr>
          <a:xfrm>
            <a:off x="9094839" y="3314038"/>
            <a:ext cx="2326319" cy="1130699"/>
          </a:xfrm>
          <a:prstGeom prst="rect">
            <a:avLst/>
          </a:prstGeom>
        </p:spPr>
      </p:pic>
    </p:spTree>
    <p:extLst>
      <p:ext uri="{BB962C8B-B14F-4D97-AF65-F5344CB8AC3E}">
        <p14:creationId xmlns:p14="http://schemas.microsoft.com/office/powerpoint/2010/main" val="187084580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TITLE_B">
    <p:bg>
      <p:bgPr>
        <a:solidFill>
          <a:schemeClr val="tx1"/>
        </a:solidFill>
        <a:effectLst/>
      </p:bgPr>
    </p:bg>
    <p:spTree>
      <p:nvGrpSpPr>
        <p:cNvPr id="1" name=""/>
        <p:cNvGrpSpPr/>
        <p:nvPr/>
      </p:nvGrpSpPr>
      <p:grpSpPr>
        <a:xfrm>
          <a:off x="0" y="0"/>
          <a:ext cx="0" cy="0"/>
          <a:chOff x="0" y="0"/>
          <a:chExt cx="0" cy="0"/>
        </a:xfrm>
      </p:grpSpPr>
      <p:pic>
        <p:nvPicPr>
          <p:cNvPr id="7" name="Picture 6" descr="A picture containing sky, city, outdoor, water&#10;&#10;Description automatically generated">
            <a:extLst>
              <a:ext uri="{FF2B5EF4-FFF2-40B4-BE49-F238E27FC236}">
                <a16:creationId xmlns:a16="http://schemas.microsoft.com/office/drawing/2014/main" id="{F98E785E-AF9E-3747-B91B-27CB8DFE538D}"/>
              </a:ext>
            </a:extLst>
          </p:cNvPr>
          <p:cNvPicPr>
            <a:picLocks noChangeAspect="1"/>
          </p:cNvPicPr>
          <p:nvPr userDrawn="1"/>
        </p:nvPicPr>
        <p:blipFill>
          <a:blip r:embed="rId2">
            <a:alphaModFix amt="35000"/>
          </a:blip>
          <a:stretch>
            <a:fillRect/>
          </a:stretch>
        </p:blipFill>
        <p:spPr>
          <a:xfrm>
            <a:off x="0" y="0"/>
            <a:ext cx="12192000" cy="6858000"/>
          </a:xfrm>
          <a:prstGeom prst="rect">
            <a:avLst/>
          </a:prstGeom>
        </p:spPr>
      </p:pic>
      <p:sp>
        <p:nvSpPr>
          <p:cNvPr id="33" name="Rectangle 32">
            <a:extLst>
              <a:ext uri="{FF2B5EF4-FFF2-40B4-BE49-F238E27FC236}">
                <a16:creationId xmlns:a16="http://schemas.microsoft.com/office/drawing/2014/main" id="{469916E8-2632-4341-A632-E641B4508087}"/>
              </a:ext>
            </a:extLst>
          </p:cNvPr>
          <p:cNvSpPr/>
          <p:nvPr userDrawn="1"/>
        </p:nvSpPr>
        <p:spPr>
          <a:xfrm>
            <a:off x="0" y="5355772"/>
            <a:ext cx="12192000" cy="150222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7" name="Text Placeholder 11">
            <a:extLst>
              <a:ext uri="{FF2B5EF4-FFF2-40B4-BE49-F238E27FC236}">
                <a16:creationId xmlns:a16="http://schemas.microsoft.com/office/drawing/2014/main" id="{7AE4D771-17A0-BD4B-9876-793245893F88}"/>
              </a:ext>
            </a:extLst>
          </p:cNvPr>
          <p:cNvSpPr>
            <a:spLocks noGrp="1"/>
          </p:cNvSpPr>
          <p:nvPr>
            <p:ph type="body" sz="quarter" idx="15" hasCustomPrompt="1"/>
          </p:nvPr>
        </p:nvSpPr>
        <p:spPr>
          <a:xfrm>
            <a:off x="633186" y="5680443"/>
            <a:ext cx="5462814" cy="549935"/>
          </a:xfrm>
        </p:spPr>
        <p:txBody>
          <a:bodyPr lIns="0" bIns="0" anchor="ctr" anchorCtr="0">
            <a:noAutofit/>
          </a:bodyPr>
          <a:lstStyle>
            <a:lvl1pPr marL="0" indent="0">
              <a:buNone/>
              <a:defRPr sz="1800" b="0" i="0">
                <a:solidFill>
                  <a:schemeClr val="accent5"/>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43" name="Rectangle 42">
            <a:extLst>
              <a:ext uri="{FF2B5EF4-FFF2-40B4-BE49-F238E27FC236}">
                <a16:creationId xmlns:a16="http://schemas.microsoft.com/office/drawing/2014/main" id="{B4BEDFBA-CA6E-CC49-8D44-10A021EF44EF}"/>
              </a:ext>
            </a:extLst>
          </p:cNvPr>
          <p:cNvSpPr/>
          <p:nvPr userDrawn="1"/>
        </p:nvSpPr>
        <p:spPr>
          <a:xfrm>
            <a:off x="0" y="5288591"/>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accent5"/>
              </a:solidFill>
              <a:highlight>
                <a:srgbClr val="2B4751"/>
              </a:highlight>
            </a:endParaRPr>
          </a:p>
        </p:txBody>
      </p:sp>
      <p:sp>
        <p:nvSpPr>
          <p:cNvPr id="45" name="Title 1">
            <a:extLst>
              <a:ext uri="{FF2B5EF4-FFF2-40B4-BE49-F238E27FC236}">
                <a16:creationId xmlns:a16="http://schemas.microsoft.com/office/drawing/2014/main" id="{DC953B8A-F30F-9F43-83BC-944D5E2EB7FB}"/>
              </a:ext>
            </a:extLst>
          </p:cNvPr>
          <p:cNvSpPr>
            <a:spLocks noGrp="1"/>
          </p:cNvSpPr>
          <p:nvPr>
            <p:ph type="title" hasCustomPrompt="1"/>
          </p:nvPr>
        </p:nvSpPr>
        <p:spPr>
          <a:xfrm>
            <a:off x="1315396" y="1825644"/>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46" name="Text Placeholder 11">
            <a:extLst>
              <a:ext uri="{FF2B5EF4-FFF2-40B4-BE49-F238E27FC236}">
                <a16:creationId xmlns:a16="http://schemas.microsoft.com/office/drawing/2014/main" id="{F8A5FBE9-A511-0745-A462-3AE501D168CD}"/>
              </a:ext>
            </a:extLst>
          </p:cNvPr>
          <p:cNvSpPr>
            <a:spLocks noGrp="1"/>
          </p:cNvSpPr>
          <p:nvPr>
            <p:ph type="body" sz="quarter" idx="13" hasCustomPrompt="1"/>
          </p:nvPr>
        </p:nvSpPr>
        <p:spPr>
          <a:xfrm>
            <a:off x="2558142" y="3159667"/>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pic>
        <p:nvPicPr>
          <p:cNvPr id="2" name="Picture 1">
            <a:extLst>
              <a:ext uri="{FF2B5EF4-FFF2-40B4-BE49-F238E27FC236}">
                <a16:creationId xmlns:a16="http://schemas.microsoft.com/office/drawing/2014/main" id="{44A9602D-A1EF-8940-AC6B-B9E8A224C6F8}"/>
              </a:ext>
            </a:extLst>
          </p:cNvPr>
          <p:cNvPicPr>
            <a:picLocks noChangeAspect="1"/>
          </p:cNvPicPr>
          <p:nvPr userDrawn="1"/>
        </p:nvPicPr>
        <p:blipFill>
          <a:blip r:embed="rId3"/>
          <a:stretch>
            <a:fillRect/>
          </a:stretch>
        </p:blipFill>
        <p:spPr>
          <a:xfrm>
            <a:off x="10109801" y="5769552"/>
            <a:ext cx="1533602" cy="745402"/>
          </a:xfrm>
          <a:prstGeom prst="rect">
            <a:avLst/>
          </a:prstGeom>
        </p:spPr>
      </p:pic>
    </p:spTree>
    <p:extLst>
      <p:ext uri="{BB962C8B-B14F-4D97-AF65-F5344CB8AC3E}">
        <p14:creationId xmlns:p14="http://schemas.microsoft.com/office/powerpoint/2010/main" val="423952775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TITLE_PLAIN_A">
    <p:bg>
      <p:bgPr>
        <a:gradFill>
          <a:gsLst>
            <a:gs pos="0">
              <a:schemeClr val="bg1"/>
            </a:gs>
            <a:gs pos="100000">
              <a:schemeClr val="bg2"/>
            </a:gs>
          </a:gsLst>
          <a:lin ang="5400000" scaled="1"/>
        </a:gradFill>
        <a:effectLst/>
      </p:bgPr>
    </p:bg>
    <p:spTree>
      <p:nvGrpSpPr>
        <p:cNvPr id="1" name=""/>
        <p:cNvGrpSpPr/>
        <p:nvPr/>
      </p:nvGrpSpPr>
      <p:grpSpPr>
        <a:xfrm>
          <a:off x="0" y="0"/>
          <a:ext cx="0" cy="0"/>
          <a:chOff x="0" y="0"/>
          <a:chExt cx="0" cy="0"/>
        </a:xfrm>
      </p:grpSpPr>
      <p:sp>
        <p:nvSpPr>
          <p:cNvPr id="19" name="Title 1">
            <a:extLst>
              <a:ext uri="{FF2B5EF4-FFF2-40B4-BE49-F238E27FC236}">
                <a16:creationId xmlns:a16="http://schemas.microsoft.com/office/drawing/2014/main" id="{87C8B462-FABC-CB48-BE55-7B4F2073908D}"/>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accent5"/>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20" name="Text Placeholder 11">
            <a:extLst>
              <a:ext uri="{FF2B5EF4-FFF2-40B4-BE49-F238E27FC236}">
                <a16:creationId xmlns:a16="http://schemas.microsoft.com/office/drawing/2014/main" id="{1DE95BE1-7D71-5F45-952D-BE77A009DEB7}"/>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accent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21" name="Text Placeholder 11">
            <a:extLst>
              <a:ext uri="{FF2B5EF4-FFF2-40B4-BE49-F238E27FC236}">
                <a16:creationId xmlns:a16="http://schemas.microsoft.com/office/drawing/2014/main" id="{1845ED5E-BA24-9940-AEB9-AD7DA5601CD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23" name="Frame 22">
            <a:extLst>
              <a:ext uri="{FF2B5EF4-FFF2-40B4-BE49-F238E27FC236}">
                <a16:creationId xmlns:a16="http://schemas.microsoft.com/office/drawing/2014/main" id="{BCA1FC43-D679-8641-A7B6-37FD6B2F1472}"/>
              </a:ext>
            </a:extLst>
          </p:cNvPr>
          <p:cNvSpPr/>
          <p:nvPr userDrawn="1"/>
        </p:nvSpPr>
        <p:spPr>
          <a:xfrm>
            <a:off x="230124" y="228600"/>
            <a:ext cx="11731752" cy="6400800"/>
          </a:xfrm>
          <a:prstGeom prst="frame">
            <a:avLst>
              <a:gd name="adj1" fmla="val 591"/>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pic>
        <p:nvPicPr>
          <p:cNvPr id="2" name="Picture 1">
            <a:extLst>
              <a:ext uri="{FF2B5EF4-FFF2-40B4-BE49-F238E27FC236}">
                <a16:creationId xmlns:a16="http://schemas.microsoft.com/office/drawing/2014/main" id="{5956E8FE-5CB0-8D49-A451-22E2FE8B291B}"/>
              </a:ext>
            </a:extLst>
          </p:cNvPr>
          <p:cNvPicPr>
            <a:picLocks noChangeAspect="1"/>
          </p:cNvPicPr>
          <p:nvPr userDrawn="1"/>
        </p:nvPicPr>
        <p:blipFill>
          <a:blip r:embed="rId2"/>
          <a:stretch>
            <a:fillRect/>
          </a:stretch>
        </p:blipFill>
        <p:spPr>
          <a:xfrm>
            <a:off x="5055373" y="971998"/>
            <a:ext cx="2081251" cy="1011585"/>
          </a:xfrm>
          <a:prstGeom prst="rect">
            <a:avLst/>
          </a:prstGeom>
        </p:spPr>
      </p:pic>
    </p:spTree>
    <p:extLst>
      <p:ext uri="{BB962C8B-B14F-4D97-AF65-F5344CB8AC3E}">
        <p14:creationId xmlns:p14="http://schemas.microsoft.com/office/powerpoint/2010/main" val="301443317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TITLE_PLAIN_B">
    <p:bg>
      <p:bgPr>
        <a:gradFill>
          <a:gsLst>
            <a:gs pos="0">
              <a:schemeClr val="accent5">
                <a:lumMod val="60000"/>
                <a:lumOff val="40000"/>
              </a:schemeClr>
            </a:gs>
            <a:gs pos="40000">
              <a:srgbClr val="426574"/>
            </a:gs>
            <a:gs pos="78000">
              <a:schemeClr val="accent5"/>
            </a:gs>
          </a:gsLst>
          <a:lin ang="5400000" scaled="1"/>
        </a:grad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F4B711F5-9634-F34F-9543-7CA1F3B94330}"/>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5" name="Text Placeholder 11">
            <a:extLst>
              <a:ext uri="{FF2B5EF4-FFF2-40B4-BE49-F238E27FC236}">
                <a16:creationId xmlns:a16="http://schemas.microsoft.com/office/drawing/2014/main" id="{B9186E4A-3860-9B45-BD14-856EBC3001FF}"/>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2" name="Text Placeholder 11">
            <a:extLst>
              <a:ext uri="{FF2B5EF4-FFF2-40B4-BE49-F238E27FC236}">
                <a16:creationId xmlns:a16="http://schemas.microsoft.com/office/drawing/2014/main" id="{E49819EE-851D-AC46-BBDA-5CBE75B4995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9" name="Frame 8">
            <a:extLst>
              <a:ext uri="{FF2B5EF4-FFF2-40B4-BE49-F238E27FC236}">
                <a16:creationId xmlns:a16="http://schemas.microsoft.com/office/drawing/2014/main" id="{B14725CC-3998-E045-9086-4F2572F56010}"/>
              </a:ext>
            </a:extLst>
          </p:cNvPr>
          <p:cNvSpPr/>
          <p:nvPr userDrawn="1"/>
        </p:nvSpPr>
        <p:spPr>
          <a:xfrm>
            <a:off x="230124" y="228600"/>
            <a:ext cx="11731752" cy="6400800"/>
          </a:xfrm>
          <a:prstGeom prst="frame">
            <a:avLst>
              <a:gd name="adj1" fmla="val 591"/>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pic>
        <p:nvPicPr>
          <p:cNvPr id="3" name="Picture 2">
            <a:extLst>
              <a:ext uri="{FF2B5EF4-FFF2-40B4-BE49-F238E27FC236}">
                <a16:creationId xmlns:a16="http://schemas.microsoft.com/office/drawing/2014/main" id="{FF762F61-C52F-BD40-959F-C1129E91C4CC}"/>
              </a:ext>
            </a:extLst>
          </p:cNvPr>
          <p:cNvPicPr>
            <a:picLocks noChangeAspect="1"/>
          </p:cNvPicPr>
          <p:nvPr userDrawn="1"/>
        </p:nvPicPr>
        <p:blipFill>
          <a:blip r:embed="rId2"/>
          <a:stretch>
            <a:fillRect/>
          </a:stretch>
        </p:blipFill>
        <p:spPr>
          <a:xfrm>
            <a:off x="4782760" y="671153"/>
            <a:ext cx="2626479" cy="1575887"/>
          </a:xfrm>
          <a:prstGeom prst="rect">
            <a:avLst/>
          </a:prstGeom>
        </p:spPr>
      </p:pic>
    </p:spTree>
    <p:extLst>
      <p:ext uri="{BB962C8B-B14F-4D97-AF65-F5344CB8AC3E}">
        <p14:creationId xmlns:p14="http://schemas.microsoft.com/office/powerpoint/2010/main" val="61491442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DIVIDER">
    <p:spTree>
      <p:nvGrpSpPr>
        <p:cNvPr id="1" name=""/>
        <p:cNvGrpSpPr/>
        <p:nvPr/>
      </p:nvGrpSpPr>
      <p:grpSpPr>
        <a:xfrm>
          <a:off x="0" y="0"/>
          <a:ext cx="0" cy="0"/>
          <a:chOff x="0" y="0"/>
          <a:chExt cx="0" cy="0"/>
        </a:xfrm>
      </p:grpSpPr>
      <p:sp>
        <p:nvSpPr>
          <p:cNvPr id="9" name="Rectangle 8">
            <a:extLst>
              <a:ext uri="{FF2B5EF4-FFF2-40B4-BE49-F238E27FC236}">
                <a16:creationId xmlns:a16="http://schemas.microsoft.com/office/drawing/2014/main" id="{98C677D6-9F08-804C-8FA5-6B79A74098EA}"/>
              </a:ext>
            </a:extLst>
          </p:cNvPr>
          <p:cNvSpPr/>
          <p:nvPr userDrawn="1"/>
        </p:nvSpPr>
        <p:spPr>
          <a:xfrm>
            <a:off x="1" y="0"/>
            <a:ext cx="5262879" cy="68580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Text Placeholder 9">
            <a:extLst>
              <a:ext uri="{FF2B5EF4-FFF2-40B4-BE49-F238E27FC236}">
                <a16:creationId xmlns:a16="http://schemas.microsoft.com/office/drawing/2014/main" id="{030A4C09-A4CB-3A4E-957A-0309611FE07A}"/>
              </a:ext>
            </a:extLst>
          </p:cNvPr>
          <p:cNvSpPr>
            <a:spLocks noGrp="1"/>
          </p:cNvSpPr>
          <p:nvPr>
            <p:ph type="body" sz="quarter" idx="13" hasCustomPrompt="1"/>
          </p:nvPr>
        </p:nvSpPr>
        <p:spPr>
          <a:xfrm>
            <a:off x="609601" y="2108200"/>
            <a:ext cx="3898899" cy="2400300"/>
          </a:xfrm>
          <a:solidFill>
            <a:schemeClr val="accent5"/>
          </a:solidFill>
        </p:spPr>
        <p:txBody>
          <a:bodyPr anchor="ctr">
            <a:noAutofit/>
          </a:bodyPr>
          <a:lstStyle>
            <a:lvl1pPr marL="0" indent="0" algn="l">
              <a:lnSpc>
                <a:spcPct val="90000"/>
              </a:lnSpc>
              <a:buNone/>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DIVIDER SLIDE</a:t>
            </a:r>
          </a:p>
        </p:txBody>
      </p:sp>
      <p:sp>
        <p:nvSpPr>
          <p:cNvPr id="12" name="Rectangle 11">
            <a:extLst>
              <a:ext uri="{FF2B5EF4-FFF2-40B4-BE49-F238E27FC236}">
                <a16:creationId xmlns:a16="http://schemas.microsoft.com/office/drawing/2014/main" id="{D669C363-66A5-8947-8C32-FCF9310C433F}"/>
              </a:ext>
            </a:extLst>
          </p:cNvPr>
          <p:cNvSpPr/>
          <p:nvPr userDrawn="1"/>
        </p:nvSpPr>
        <p:spPr>
          <a:xfrm>
            <a:off x="0" y="0"/>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descr="Text&#10;&#10;Description automatically generated">
            <a:extLst>
              <a:ext uri="{FF2B5EF4-FFF2-40B4-BE49-F238E27FC236}">
                <a16:creationId xmlns:a16="http://schemas.microsoft.com/office/drawing/2014/main" id="{9FE5CDDB-BD89-9241-B669-5C3A53DB7330}"/>
              </a:ext>
            </a:extLst>
          </p:cNvPr>
          <p:cNvPicPr>
            <a:picLocks noChangeAspect="1"/>
          </p:cNvPicPr>
          <p:nvPr userDrawn="1"/>
        </p:nvPicPr>
        <p:blipFill>
          <a:blip r:embed="rId2"/>
          <a:stretch>
            <a:fillRect/>
          </a:stretch>
        </p:blipFill>
        <p:spPr>
          <a:xfrm>
            <a:off x="482355" y="5995282"/>
            <a:ext cx="1305344" cy="783207"/>
          </a:xfrm>
          <a:prstGeom prst="rect">
            <a:avLst/>
          </a:prstGeom>
        </p:spPr>
      </p:pic>
      <p:sp>
        <p:nvSpPr>
          <p:cNvPr id="2" name="Slide Number Placeholder 1">
            <a:extLst>
              <a:ext uri="{FF2B5EF4-FFF2-40B4-BE49-F238E27FC236}">
                <a16:creationId xmlns:a16="http://schemas.microsoft.com/office/drawing/2014/main" id="{AFABC3C1-7F4B-49C5-9BD6-03E4CE57F195}"/>
              </a:ext>
            </a:extLst>
          </p:cNvPr>
          <p:cNvSpPr>
            <a:spLocks noGrp="1"/>
          </p:cNvSpPr>
          <p:nvPr>
            <p:ph type="sldNum" sz="quarter" idx="14"/>
          </p:nvPr>
        </p:nvSpPr>
        <p:spPr/>
        <p:txBody>
          <a:body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09851935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BULLETS">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1093430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0" y="457201"/>
            <a:ext cx="10972800" cy="484324"/>
          </a:xfrm>
        </p:spPr>
        <p:txBody>
          <a:bodyPr/>
          <a:lstStyle>
            <a:lvl1pPr>
              <a:defRPr>
                <a:solidFill>
                  <a:schemeClr val="accent5"/>
                </a:solidFill>
              </a:defRPr>
            </a:lvl1pPr>
          </a:lstStyle>
          <a:p>
            <a:r>
              <a:rPr lang="en-US"/>
              <a:t>SIMPLE BULLETS</a:t>
            </a:r>
          </a:p>
        </p:txBody>
      </p:sp>
      <p:sp>
        <p:nvSpPr>
          <p:cNvPr id="5" name="Slide Number Placeholder 7">
            <a:extLst>
              <a:ext uri="{FF2B5EF4-FFF2-40B4-BE49-F238E27FC236}">
                <a16:creationId xmlns:a16="http://schemas.microsoft.com/office/drawing/2014/main" id="{38646C8C-E7B6-FD4F-81A8-6887E4EA7061}"/>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10501373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BULLETS_SIDEBAR">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747657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9" y="972439"/>
            <a:ext cx="7477417"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1" y="457201"/>
            <a:ext cx="7495106" cy="484324"/>
          </a:xfrm>
        </p:spPr>
        <p:txBody>
          <a:bodyPr/>
          <a:lstStyle>
            <a:lvl1pPr>
              <a:defRPr>
                <a:solidFill>
                  <a:schemeClr val="accent5"/>
                </a:solidFill>
              </a:defRPr>
            </a:lvl1pPr>
          </a:lstStyle>
          <a:p>
            <a:r>
              <a:rPr lang="en-US"/>
              <a:t>SIMPLE BULLETS W/ SIDEBAR</a:t>
            </a:r>
          </a:p>
        </p:txBody>
      </p:sp>
      <p:sp>
        <p:nvSpPr>
          <p:cNvPr id="5" name="Rectangle 4">
            <a:extLst>
              <a:ext uri="{FF2B5EF4-FFF2-40B4-BE49-F238E27FC236}">
                <a16:creationId xmlns:a16="http://schemas.microsoft.com/office/drawing/2014/main" id="{812BE659-F3F1-3846-B541-0E49FACFE934}"/>
              </a:ext>
            </a:extLst>
          </p:cNvPr>
          <p:cNvSpPr/>
          <p:nvPr userDrawn="1"/>
        </p:nvSpPr>
        <p:spPr>
          <a:xfrm>
            <a:off x="8392617" y="0"/>
            <a:ext cx="3799383" cy="68580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xt Placeholder 8">
            <a:extLst>
              <a:ext uri="{FF2B5EF4-FFF2-40B4-BE49-F238E27FC236}">
                <a16:creationId xmlns:a16="http://schemas.microsoft.com/office/drawing/2014/main" id="{BEDE81C3-E9C9-3D4E-B3E0-37024B77CF10}"/>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4" name="Text Placeholder 3">
            <a:extLst>
              <a:ext uri="{FF2B5EF4-FFF2-40B4-BE49-F238E27FC236}">
                <a16:creationId xmlns:a16="http://schemas.microsoft.com/office/drawing/2014/main" id="{6E24E1C7-9FB0-3044-B3D9-FC682B233086}"/>
              </a:ext>
            </a:extLst>
          </p:cNvPr>
          <p:cNvSpPr>
            <a:spLocks noGrp="1"/>
          </p:cNvSpPr>
          <p:nvPr>
            <p:ph type="body" sz="quarter" idx="19"/>
          </p:nvPr>
        </p:nvSpPr>
        <p:spPr>
          <a:xfrm>
            <a:off x="8839200" y="1396303"/>
            <a:ext cx="2743200" cy="4726976"/>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9" name="Slide Number Placeholder 7">
            <a:extLst>
              <a:ext uri="{FF2B5EF4-FFF2-40B4-BE49-F238E27FC236}">
                <a16:creationId xmlns:a16="http://schemas.microsoft.com/office/drawing/2014/main" id="{A10F0E0A-122E-534D-8D09-B217016CA69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109210577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TEXT">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1093393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p:txBody>
          <a:bodyPr/>
          <a:lstStyle>
            <a:lvl1pPr>
              <a:defRPr>
                <a:solidFill>
                  <a:schemeClr val="accent5"/>
                </a:solidFill>
              </a:defRPr>
            </a:lvl1pPr>
          </a:lstStyle>
          <a:p>
            <a:r>
              <a:rPr lang="en-US"/>
              <a:t>ONE COLUMN</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5" name="Slide Number Placeholder 7">
            <a:extLst>
              <a:ext uri="{FF2B5EF4-FFF2-40B4-BE49-F238E27FC236}">
                <a16:creationId xmlns:a16="http://schemas.microsoft.com/office/drawing/2014/main" id="{74553E29-B355-2A41-B33F-166C3A5E1698}"/>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3657992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TEXT_SIDEBAR">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749458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a:xfrm>
            <a:off x="633046" y="457201"/>
            <a:ext cx="7494588" cy="484324"/>
          </a:xfrm>
        </p:spPr>
        <p:txBody>
          <a:bodyPr/>
          <a:lstStyle>
            <a:lvl1pPr>
              <a:defRPr>
                <a:solidFill>
                  <a:schemeClr val="accent5"/>
                </a:solidFill>
              </a:defRPr>
            </a:lvl1pPr>
          </a:lstStyle>
          <a:p>
            <a:r>
              <a:rPr lang="en-US"/>
              <a:t>ONE COLUMN W/ SIDEBAR</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7499488"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2" name="Rectangle 1">
            <a:extLst>
              <a:ext uri="{FF2B5EF4-FFF2-40B4-BE49-F238E27FC236}">
                <a16:creationId xmlns:a16="http://schemas.microsoft.com/office/drawing/2014/main" id="{1855C55C-AFC0-DC4A-8FE2-00E160DA13B5}"/>
              </a:ext>
            </a:extLst>
          </p:cNvPr>
          <p:cNvSpPr/>
          <p:nvPr userDrawn="1"/>
        </p:nvSpPr>
        <p:spPr>
          <a:xfrm>
            <a:off x="8392250" y="68826"/>
            <a:ext cx="3799750" cy="6789174"/>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xt Placeholder 8">
            <a:extLst>
              <a:ext uri="{FF2B5EF4-FFF2-40B4-BE49-F238E27FC236}">
                <a16:creationId xmlns:a16="http://schemas.microsoft.com/office/drawing/2014/main" id="{9DF4F0AC-DF2F-2440-8588-A3E43C984E98}"/>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15" name="Text Placeholder 3">
            <a:extLst>
              <a:ext uri="{FF2B5EF4-FFF2-40B4-BE49-F238E27FC236}">
                <a16:creationId xmlns:a16="http://schemas.microsoft.com/office/drawing/2014/main" id="{7761D298-1DE8-B948-BEF3-6E35C08C77C6}"/>
              </a:ext>
            </a:extLst>
          </p:cNvPr>
          <p:cNvSpPr>
            <a:spLocks noGrp="1"/>
          </p:cNvSpPr>
          <p:nvPr>
            <p:ph type="body" sz="quarter" idx="19"/>
          </p:nvPr>
        </p:nvSpPr>
        <p:spPr>
          <a:xfrm>
            <a:off x="8839200" y="1396302"/>
            <a:ext cx="2743200" cy="4744391"/>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8" name="Slide Number Placeholder 7">
            <a:extLst>
              <a:ext uri="{FF2B5EF4-FFF2-40B4-BE49-F238E27FC236}">
                <a16:creationId xmlns:a16="http://schemas.microsoft.com/office/drawing/2014/main" id="{CE0A601D-D624-EB4D-9003-B1E4ADE20A1E}"/>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187557855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TITLE_PLAIN_A">
    <p:bg>
      <p:bgPr>
        <a:gradFill>
          <a:gsLst>
            <a:gs pos="0">
              <a:schemeClr val="bg1"/>
            </a:gs>
            <a:gs pos="100000">
              <a:schemeClr val="bg2"/>
            </a:gs>
          </a:gsLst>
          <a:lin ang="5400000" scaled="1"/>
        </a:gradFill>
        <a:effectLst/>
      </p:bgPr>
    </p:bg>
    <p:spTree>
      <p:nvGrpSpPr>
        <p:cNvPr id="1" name=""/>
        <p:cNvGrpSpPr/>
        <p:nvPr/>
      </p:nvGrpSpPr>
      <p:grpSpPr>
        <a:xfrm>
          <a:off x="0" y="0"/>
          <a:ext cx="0" cy="0"/>
          <a:chOff x="0" y="0"/>
          <a:chExt cx="0" cy="0"/>
        </a:xfrm>
      </p:grpSpPr>
      <p:pic>
        <p:nvPicPr>
          <p:cNvPr id="14" name="Picture 13">
            <a:extLst>
              <a:ext uri="{FF2B5EF4-FFF2-40B4-BE49-F238E27FC236}">
                <a16:creationId xmlns:a16="http://schemas.microsoft.com/office/drawing/2014/main" id="{7A57A6BB-E5B9-8A48-BD15-0435C45E14E4}"/>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4978896" y="912024"/>
            <a:ext cx="2234207" cy="882114"/>
          </a:xfrm>
          <a:prstGeom prst="rect">
            <a:avLst/>
          </a:prstGeom>
        </p:spPr>
      </p:pic>
      <p:sp>
        <p:nvSpPr>
          <p:cNvPr id="19" name="Title 1">
            <a:extLst>
              <a:ext uri="{FF2B5EF4-FFF2-40B4-BE49-F238E27FC236}">
                <a16:creationId xmlns:a16="http://schemas.microsoft.com/office/drawing/2014/main" id="{87C8B462-FABC-CB48-BE55-7B4F2073908D}"/>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accent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20" name="Text Placeholder 11">
            <a:extLst>
              <a:ext uri="{FF2B5EF4-FFF2-40B4-BE49-F238E27FC236}">
                <a16:creationId xmlns:a16="http://schemas.microsoft.com/office/drawing/2014/main" id="{1DE95BE1-7D71-5F45-952D-BE77A009DEB7}"/>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accent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21" name="Text Placeholder 11">
            <a:extLst>
              <a:ext uri="{FF2B5EF4-FFF2-40B4-BE49-F238E27FC236}">
                <a16:creationId xmlns:a16="http://schemas.microsoft.com/office/drawing/2014/main" id="{1845ED5E-BA24-9940-AEB9-AD7DA5601CD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22" name="TextBox 21">
            <a:extLst>
              <a:ext uri="{FF2B5EF4-FFF2-40B4-BE49-F238E27FC236}">
                <a16:creationId xmlns:a16="http://schemas.microsoft.com/office/drawing/2014/main" id="{2001CEC2-2080-1040-B4EE-93D9AA155CE1}"/>
              </a:ext>
            </a:extLst>
          </p:cNvPr>
          <p:cNvSpPr txBox="1"/>
          <p:nvPr userDrawn="1"/>
        </p:nvSpPr>
        <p:spPr>
          <a:xfrm>
            <a:off x="7073900" y="5878823"/>
            <a:ext cx="4508500" cy="549934"/>
          </a:xfrm>
          <a:prstGeom prst="rect">
            <a:avLst/>
          </a:prstGeom>
        </p:spPr>
        <p:txBody>
          <a:bodyPr vert="horz" lIns="0" tIns="0" rIns="0" bIns="0" rtlCol="0" anchor="ctr" anchorCtr="0">
            <a:noAutofit/>
          </a:bodyPr>
          <a:lstStyle>
            <a:lvl1pPr lvl="0" indent="0" algn="r">
              <a:lnSpc>
                <a:spcPct val="110000"/>
              </a:lnSpc>
              <a:spcBef>
                <a:spcPts val="1000"/>
              </a:spcBef>
              <a:buClr>
                <a:schemeClr val="tx2"/>
              </a:buClr>
              <a:buSzPct val="90000"/>
              <a:buFont typeface="Arial" panose="020B0604020202020204" pitchFamily="34" charset="0"/>
              <a:buNone/>
              <a:defRPr lang="en-US" sz="1600" b="0" i="0" dirty="0">
                <a:solidFill>
                  <a:schemeClr val="bg1"/>
                </a:solidFill>
                <a:latin typeface="Georgia" panose="02040502050405020303" pitchFamily="18" charset="0"/>
                <a:ea typeface="Verdana" panose="020B0604030504040204" pitchFamily="34" charset="0"/>
                <a:cs typeface="Rubik" pitchFamily="2" charset="-79"/>
              </a:defRPr>
            </a:lvl1pPr>
            <a:lvl2pPr marL="685800" indent="-228600">
              <a:lnSpc>
                <a:spcPct val="110000"/>
              </a:lnSpc>
              <a:spcBef>
                <a:spcPts val="500"/>
              </a:spcBef>
              <a:buClr>
                <a:schemeClr val="tx2"/>
              </a:buClr>
              <a:buSzPct val="100000"/>
              <a:buFont typeface="Arial" panose="020B0604020202020204" pitchFamily="34" charset="0"/>
              <a:buChar char="•"/>
              <a:defRPr lang="en-US" sz="1600" b="0" i="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nSpc>
                <a:spcPct val="90000"/>
              </a:lnSpc>
              <a:spcBef>
                <a:spcPts val="500"/>
              </a:spcBef>
              <a:buFont typeface="Arial" panose="020B0604020202020204" pitchFamily="34" charset="0"/>
              <a:buChar char="•"/>
            </a:lvl6pPr>
            <a:lvl7pPr marL="2971800" indent="-228600">
              <a:lnSpc>
                <a:spcPct val="90000"/>
              </a:lnSpc>
              <a:spcBef>
                <a:spcPts val="500"/>
              </a:spcBef>
              <a:buFont typeface="Arial" panose="020B0604020202020204" pitchFamily="34" charset="0"/>
              <a:buChar char="•"/>
            </a:lvl7pPr>
            <a:lvl8pPr marL="3429000" indent="-228600">
              <a:lnSpc>
                <a:spcPct val="90000"/>
              </a:lnSpc>
              <a:spcBef>
                <a:spcPts val="500"/>
              </a:spcBef>
              <a:buFont typeface="Arial" panose="020B0604020202020204" pitchFamily="34" charset="0"/>
              <a:buChar char="•"/>
            </a:lvl8pPr>
            <a:lvl9pPr marL="3886200" indent="-228600">
              <a:lnSpc>
                <a:spcPct val="90000"/>
              </a:lnSpc>
              <a:spcBef>
                <a:spcPts val="500"/>
              </a:spcBef>
              <a:buFont typeface="Arial" panose="020B0604020202020204" pitchFamily="34" charset="0"/>
              <a:buChar char="•"/>
            </a:lvl9pPr>
          </a:lstStyle>
          <a:p>
            <a:pPr lvl="0"/>
            <a:fld id="{A8F752DB-0912-7445-B82A-071A76711F1E}" type="datetime4">
              <a:rPr lang="en-US" smtClean="0">
                <a:solidFill>
                  <a:schemeClr val="tx2"/>
                </a:solidFill>
              </a:rPr>
              <a:pPr lvl="0"/>
              <a:t>October 18, 2023</a:t>
            </a:fld>
            <a:endParaRPr lang="en-US">
              <a:solidFill>
                <a:schemeClr val="tx2"/>
              </a:solidFill>
            </a:endParaRPr>
          </a:p>
        </p:txBody>
      </p:sp>
      <p:sp>
        <p:nvSpPr>
          <p:cNvPr id="23" name="Frame 22">
            <a:extLst>
              <a:ext uri="{FF2B5EF4-FFF2-40B4-BE49-F238E27FC236}">
                <a16:creationId xmlns:a16="http://schemas.microsoft.com/office/drawing/2014/main" id="{BCA1FC43-D679-8641-A7B6-37FD6B2F1472}"/>
              </a:ext>
            </a:extLst>
          </p:cNvPr>
          <p:cNvSpPr/>
          <p:nvPr userDrawn="1"/>
        </p:nvSpPr>
        <p:spPr>
          <a:xfrm>
            <a:off x="230124" y="228600"/>
            <a:ext cx="11731752" cy="6400800"/>
          </a:xfrm>
          <a:prstGeom prst="frame">
            <a:avLst>
              <a:gd name="adj1" fmla="val 591"/>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Tree>
    <p:extLst>
      <p:ext uri="{BB962C8B-B14F-4D97-AF65-F5344CB8AC3E}">
        <p14:creationId xmlns:p14="http://schemas.microsoft.com/office/powerpoint/2010/main" val="68401041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TWO_COLUMN">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400"/>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77337"/>
            <a:ext cx="5325578" cy="4045942"/>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AF71D006-89F6-8F49-AC44-D054C5E78799}"/>
              </a:ext>
            </a:extLst>
          </p:cNvPr>
          <p:cNvSpPr>
            <a:spLocks noGrp="1"/>
          </p:cNvSpPr>
          <p:nvPr>
            <p:ph type="title" hasCustomPrompt="1"/>
          </p:nvPr>
        </p:nvSpPr>
        <p:spPr/>
        <p:txBody>
          <a:bodyPr/>
          <a:lstStyle>
            <a:lvl1pPr>
              <a:defRPr>
                <a:solidFill>
                  <a:schemeClr val="accent5"/>
                </a:solidFill>
              </a:defRPr>
            </a:lvl1pPr>
          </a:lstStyle>
          <a:p>
            <a:r>
              <a:rPr lang="en-US"/>
              <a:t>TWO COLUMN</a:t>
            </a:r>
          </a:p>
        </p:txBody>
      </p:sp>
      <p:sp>
        <p:nvSpPr>
          <p:cNvPr id="10" name="Text Placeholder 8">
            <a:extLst>
              <a:ext uri="{FF2B5EF4-FFF2-40B4-BE49-F238E27FC236}">
                <a16:creationId xmlns:a16="http://schemas.microsoft.com/office/drawing/2014/main" id="{CA6742B0-4B7B-144D-89D3-1E9998902EF9}"/>
              </a:ext>
            </a:extLst>
          </p:cNvPr>
          <p:cNvSpPr>
            <a:spLocks noGrp="1"/>
          </p:cNvSpPr>
          <p:nvPr>
            <p:ph type="body" sz="quarter" idx="15" hasCustomPrompt="1"/>
          </p:nvPr>
        </p:nvSpPr>
        <p:spPr>
          <a:xfrm>
            <a:off x="625888" y="1554480"/>
            <a:ext cx="5295324"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2" name="Text Placeholder 8">
            <a:extLst>
              <a:ext uri="{FF2B5EF4-FFF2-40B4-BE49-F238E27FC236}">
                <a16:creationId xmlns:a16="http://schemas.microsoft.com/office/drawing/2014/main" id="{45A20E53-E60A-D148-ADE3-217B9C0555D8}"/>
              </a:ext>
            </a:extLst>
          </p:cNvPr>
          <p:cNvSpPr>
            <a:spLocks noGrp="1"/>
          </p:cNvSpPr>
          <p:nvPr>
            <p:ph type="body" sz="quarter" idx="16" hasCustomPrompt="1"/>
          </p:nvPr>
        </p:nvSpPr>
        <p:spPr>
          <a:xfrm>
            <a:off x="6233376" y="1554480"/>
            <a:ext cx="5295324"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7" name="Slide Number Placeholder 7">
            <a:extLst>
              <a:ext uri="{FF2B5EF4-FFF2-40B4-BE49-F238E27FC236}">
                <a16:creationId xmlns:a16="http://schemas.microsoft.com/office/drawing/2014/main" id="{B4B2A1AB-E041-DD4B-941F-BBC682B78CD6}"/>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69277308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THREE_COLUMN">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8132108-D7DE-3745-A51E-78481AA52BD0}"/>
              </a:ext>
            </a:extLst>
          </p:cNvPr>
          <p:cNvSpPr>
            <a:spLocks noGrp="1"/>
          </p:cNvSpPr>
          <p:nvPr>
            <p:ph type="title" hasCustomPrompt="1"/>
          </p:nvPr>
        </p:nvSpPr>
        <p:spPr/>
        <p:txBody>
          <a:bodyPr/>
          <a:lstStyle>
            <a:lvl1pPr>
              <a:defRPr>
                <a:solidFill>
                  <a:schemeClr val="accent5"/>
                </a:solidFill>
              </a:defRPr>
            </a:lvl1pPr>
          </a:lstStyle>
          <a:p>
            <a:r>
              <a:rPr lang="en-US"/>
              <a:t>THREE COLUMN</a:t>
            </a:r>
          </a:p>
        </p:txBody>
      </p:sp>
      <p:sp>
        <p:nvSpPr>
          <p:cNvPr id="13" name="Text Placeholder 8">
            <a:extLst>
              <a:ext uri="{FF2B5EF4-FFF2-40B4-BE49-F238E27FC236}">
                <a16:creationId xmlns:a16="http://schemas.microsoft.com/office/drawing/2014/main" id="{E18894EB-AE11-3647-98FC-533AEB7F989D}"/>
              </a:ext>
            </a:extLst>
          </p:cNvPr>
          <p:cNvSpPr>
            <a:spLocks noGrp="1"/>
          </p:cNvSpPr>
          <p:nvPr>
            <p:ph type="body" sz="quarter" idx="15" hasCustomPrompt="1"/>
          </p:nvPr>
        </p:nvSpPr>
        <p:spPr>
          <a:xfrm>
            <a:off x="625888"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4" name="Text Placeholder 8">
            <a:extLst>
              <a:ext uri="{FF2B5EF4-FFF2-40B4-BE49-F238E27FC236}">
                <a16:creationId xmlns:a16="http://schemas.microsoft.com/office/drawing/2014/main" id="{B246D0B6-534F-E143-B944-29D787BAFBCB}"/>
              </a:ext>
            </a:extLst>
          </p:cNvPr>
          <p:cNvSpPr>
            <a:spLocks noGrp="1"/>
          </p:cNvSpPr>
          <p:nvPr>
            <p:ph type="body" sz="quarter" idx="20" hasCustomPrompt="1"/>
          </p:nvPr>
        </p:nvSpPr>
        <p:spPr>
          <a:xfrm>
            <a:off x="4370594"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5" name="Text Placeholder 8">
            <a:extLst>
              <a:ext uri="{FF2B5EF4-FFF2-40B4-BE49-F238E27FC236}">
                <a16:creationId xmlns:a16="http://schemas.microsoft.com/office/drawing/2014/main" id="{80A41FA9-4C2C-CC4F-BA42-5FC4D2EEC437}"/>
              </a:ext>
            </a:extLst>
          </p:cNvPr>
          <p:cNvSpPr>
            <a:spLocks noGrp="1"/>
          </p:cNvSpPr>
          <p:nvPr>
            <p:ph type="body" sz="quarter" idx="21" hasCustomPrompt="1"/>
          </p:nvPr>
        </p:nvSpPr>
        <p:spPr>
          <a:xfrm>
            <a:off x="8115300"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7" name="Content Placeholder 7">
            <a:extLst>
              <a:ext uri="{FF2B5EF4-FFF2-40B4-BE49-F238E27FC236}">
                <a16:creationId xmlns:a16="http://schemas.microsoft.com/office/drawing/2014/main" id="{23979181-A85F-8F46-9F5B-E1434F737C21}"/>
              </a:ext>
            </a:extLst>
          </p:cNvPr>
          <p:cNvSpPr>
            <a:spLocks noGrp="1"/>
          </p:cNvSpPr>
          <p:nvPr>
            <p:ph sz="quarter" idx="13"/>
          </p:nvPr>
        </p:nvSpPr>
        <p:spPr>
          <a:xfrm>
            <a:off x="633046"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Content Placeholder 7">
            <a:extLst>
              <a:ext uri="{FF2B5EF4-FFF2-40B4-BE49-F238E27FC236}">
                <a16:creationId xmlns:a16="http://schemas.microsoft.com/office/drawing/2014/main" id="{FCE0BBCF-20B0-F742-A2BD-CD8019EEC1E1}"/>
              </a:ext>
            </a:extLst>
          </p:cNvPr>
          <p:cNvSpPr>
            <a:spLocks noGrp="1"/>
          </p:cNvSpPr>
          <p:nvPr>
            <p:ph sz="quarter" idx="22"/>
          </p:nvPr>
        </p:nvSpPr>
        <p:spPr>
          <a:xfrm>
            <a:off x="4382317"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Content Placeholder 7">
            <a:extLst>
              <a:ext uri="{FF2B5EF4-FFF2-40B4-BE49-F238E27FC236}">
                <a16:creationId xmlns:a16="http://schemas.microsoft.com/office/drawing/2014/main" id="{D1E55806-061F-134A-B860-D1AB41F66F07}"/>
              </a:ext>
            </a:extLst>
          </p:cNvPr>
          <p:cNvSpPr>
            <a:spLocks noGrp="1"/>
          </p:cNvSpPr>
          <p:nvPr>
            <p:ph sz="quarter" idx="23"/>
          </p:nvPr>
        </p:nvSpPr>
        <p:spPr>
          <a:xfrm>
            <a:off x="8131589"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Slide Number Placeholder 7">
            <a:extLst>
              <a:ext uri="{FF2B5EF4-FFF2-40B4-BE49-F238E27FC236}">
                <a16:creationId xmlns:a16="http://schemas.microsoft.com/office/drawing/2014/main" id="{30E17351-DB81-8049-9C24-01A0B8DE2F1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62647021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MULTI_INFO">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399"/>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57399"/>
            <a:ext cx="5325578"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8996A88E-9D0D-6E4C-AB61-620BD700301D}"/>
              </a:ext>
            </a:extLst>
          </p:cNvPr>
          <p:cNvSpPr>
            <a:spLocks noGrp="1"/>
          </p:cNvSpPr>
          <p:nvPr>
            <p:ph type="title" hasCustomPrompt="1"/>
          </p:nvPr>
        </p:nvSpPr>
        <p:spPr/>
        <p:txBody>
          <a:bodyPr/>
          <a:lstStyle>
            <a:lvl1pPr>
              <a:defRPr>
                <a:solidFill>
                  <a:schemeClr val="accent5"/>
                </a:solidFill>
              </a:defRPr>
            </a:lvl1pPr>
          </a:lstStyle>
          <a:p>
            <a:r>
              <a:rPr lang="en-US"/>
              <a:t>MULTI-INFORMATION</a:t>
            </a:r>
          </a:p>
        </p:txBody>
      </p:sp>
      <p:sp>
        <p:nvSpPr>
          <p:cNvPr id="11" name="Text Placeholder 8">
            <a:extLst>
              <a:ext uri="{FF2B5EF4-FFF2-40B4-BE49-F238E27FC236}">
                <a16:creationId xmlns:a16="http://schemas.microsoft.com/office/drawing/2014/main" id="{FD6499FC-E424-D24C-A3F8-CB853586C77A}"/>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smtClean="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Various Information including charts, graphs, and tables</a:t>
            </a:r>
          </a:p>
        </p:txBody>
      </p:sp>
      <p:sp>
        <p:nvSpPr>
          <p:cNvPr id="6" name="Slide Number Placeholder 7">
            <a:extLst>
              <a:ext uri="{FF2B5EF4-FFF2-40B4-BE49-F238E27FC236}">
                <a16:creationId xmlns:a16="http://schemas.microsoft.com/office/drawing/2014/main" id="{C9A1AB9A-650F-0449-B4D3-7C25C0933DD0}"/>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21400101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STATEM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09600" y="3071944"/>
            <a:ext cx="5029202" cy="714106"/>
          </a:xfrm>
        </p:spPr>
        <p:txBody>
          <a:bodyPr wrap="square" lIns="0" rIns="0" anchor="ctr">
            <a:spAutoFit/>
          </a:bodyPr>
          <a:lstStyle>
            <a:lvl1pPr marL="0" indent="0">
              <a:lnSpc>
                <a:spcPct val="110000"/>
              </a:lnSpc>
              <a:buNone/>
              <a:defRPr sz="2000" b="0" i="0">
                <a:solidFill>
                  <a:schemeClr val="accent1"/>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33046" y="457200"/>
            <a:ext cx="5339129" cy="781049"/>
          </a:xfrm>
        </p:spPr>
        <p:txBody>
          <a:bodyPr/>
          <a:lstStyle>
            <a:lvl1pPr>
              <a:defRPr>
                <a:solidFill>
                  <a:schemeClr val="accent5"/>
                </a:solidFill>
              </a:defRPr>
            </a:lvl1pPr>
          </a:lstStyle>
          <a:p>
            <a:r>
              <a:rPr lang="en-US"/>
              <a:t>IMAGE &amp; STATEMENT</a:t>
            </a:r>
            <a:br>
              <a:rPr lang="en-US"/>
            </a:br>
            <a:r>
              <a:rPr lang="en-US"/>
              <a:t>LEFT</a:t>
            </a:r>
          </a:p>
        </p:txBody>
      </p:sp>
    </p:spTree>
    <p:extLst>
      <p:ext uri="{BB962C8B-B14F-4D97-AF65-F5344CB8AC3E}">
        <p14:creationId xmlns:p14="http://schemas.microsoft.com/office/powerpoint/2010/main" val="117065560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STATEM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515100" y="3071944"/>
            <a:ext cx="5067300" cy="714106"/>
          </a:xfrm>
        </p:spPr>
        <p:txBody>
          <a:bodyPr wrap="square" lIns="0" rIns="0" anchor="ctr">
            <a:spAutoFit/>
          </a:bodyPr>
          <a:lstStyle>
            <a:lvl1pPr marL="0" indent="0">
              <a:lnSpc>
                <a:spcPct val="110000"/>
              </a:lnSpc>
              <a:buNone/>
              <a:defRPr sz="2000" b="0" i="0">
                <a:solidFill>
                  <a:schemeClr val="tx1">
                    <a:lumMod val="50000"/>
                    <a:lumOff val="50000"/>
                  </a:schemeClr>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515101" y="457200"/>
            <a:ext cx="5067300" cy="781049"/>
          </a:xfrm>
        </p:spPr>
        <p:txBody>
          <a:bodyPr/>
          <a:lstStyle>
            <a:lvl1pPr>
              <a:defRPr>
                <a:solidFill>
                  <a:schemeClr val="accent5"/>
                </a:solidFill>
              </a:defRPr>
            </a:lvl1pPr>
          </a:lstStyle>
          <a:p>
            <a:r>
              <a:rPr lang="en-US"/>
              <a:t>IMAGE &amp; STATEMENT</a:t>
            </a:r>
            <a:br>
              <a:rPr lang="en-US"/>
            </a:br>
            <a:r>
              <a:rPr lang="en-US"/>
              <a:t>RIGHT</a:t>
            </a:r>
          </a:p>
        </p:txBody>
      </p:sp>
      <p:sp>
        <p:nvSpPr>
          <p:cNvPr id="6" name="Slide Number Placeholder 7">
            <a:extLst>
              <a:ext uri="{FF2B5EF4-FFF2-40B4-BE49-F238E27FC236}">
                <a16:creationId xmlns:a16="http://schemas.microsoft.com/office/drawing/2014/main" id="{E3BB7671-82CD-9449-99ED-A88617E0797A}"/>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17911549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CONT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33046" y="457201"/>
            <a:ext cx="5262929" cy="809624"/>
          </a:xfrm>
        </p:spPr>
        <p:txBody>
          <a:bodyPr/>
          <a:lstStyle>
            <a:lvl1pPr>
              <a:defRPr>
                <a:solidFill>
                  <a:schemeClr val="accent5"/>
                </a:solidFill>
              </a:defRPr>
            </a:lvl1pPr>
          </a:lstStyle>
          <a:p>
            <a:r>
              <a:rPr lang="en-US"/>
              <a:t>IMAGE &amp; CONTENT</a:t>
            </a:r>
            <a:br>
              <a:rPr lang="en-US"/>
            </a:br>
            <a:r>
              <a:rPr lang="en-US"/>
              <a:t>LEF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33046" y="1925685"/>
            <a:ext cx="5262929"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26334914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CONT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515101" y="457201"/>
            <a:ext cx="5067300" cy="809624"/>
          </a:xfrm>
        </p:spPr>
        <p:txBody>
          <a:bodyPr/>
          <a:lstStyle>
            <a:lvl1pPr>
              <a:defRPr>
                <a:solidFill>
                  <a:schemeClr val="accent5"/>
                </a:solidFill>
              </a:defRPr>
            </a:lvl1pPr>
          </a:lstStyle>
          <a:p>
            <a:r>
              <a:rPr lang="en-US"/>
              <a:t>IMAGE &amp; CONTENT</a:t>
            </a:r>
            <a:br>
              <a:rPr lang="en-US"/>
            </a:br>
            <a:r>
              <a:rPr lang="en-US"/>
              <a:t>RIGH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515101" y="1925685"/>
            <a:ext cx="5067300"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7">
            <a:extLst>
              <a:ext uri="{FF2B5EF4-FFF2-40B4-BE49-F238E27FC236}">
                <a16:creationId xmlns:a16="http://schemas.microsoft.com/office/drawing/2014/main" id="{4F57C929-D27A-1545-8FB3-5CED55E5D16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67124039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STATEMENT_PHOTO">
    <p:bg>
      <p:bgPr>
        <a:solidFill>
          <a:schemeClr val="accent5"/>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B956B44-6459-C147-B05F-9B8A94B3614A}"/>
              </a:ext>
            </a:extLst>
          </p:cNvPr>
          <p:cNvSpPr>
            <a:spLocks noGrp="1"/>
          </p:cNvSpPr>
          <p:nvPr>
            <p:ph type="title" hasCustomPrompt="1"/>
          </p:nvPr>
        </p:nvSpPr>
        <p:spPr>
          <a:xfrm>
            <a:off x="1111955" y="4796153"/>
            <a:ext cx="9968089" cy="1048107"/>
          </a:xfrm>
          <a:effectLst/>
        </p:spPr>
        <p:txBody>
          <a:bodyPr wrap="square" anchor="ctr">
            <a:spAutoFit/>
          </a:bodyPr>
          <a:lstStyle>
            <a:lvl1pPr algn="ctr">
              <a:lnSpc>
                <a:spcPct val="110000"/>
              </a:lnSpc>
              <a:defRPr sz="3000" b="0" i="0">
                <a:solidFill>
                  <a:schemeClr val="bg1"/>
                </a:solidFill>
                <a:latin typeface="Avenir Book" panose="02000503020000020003" pitchFamily="2" charset="0"/>
                <a:ea typeface="Verdana" panose="020B0604030504040204" pitchFamily="34" charset="0"/>
                <a:cs typeface="Rubik" pitchFamily="2" charset="-79"/>
              </a:defRPr>
            </a:lvl1pPr>
          </a:lstStyle>
          <a:p>
            <a:r>
              <a:rPr lang="en-US"/>
              <a:t>Statement slide with a sentence or two here about something important</a:t>
            </a:r>
          </a:p>
        </p:txBody>
      </p:sp>
      <p:sp>
        <p:nvSpPr>
          <p:cNvPr id="6" name="Picture Placeholder 11">
            <a:extLst>
              <a:ext uri="{FF2B5EF4-FFF2-40B4-BE49-F238E27FC236}">
                <a16:creationId xmlns:a16="http://schemas.microsoft.com/office/drawing/2014/main" id="{65B63C78-525F-1248-9C04-E6423D7A4DA1}"/>
              </a:ext>
            </a:extLst>
          </p:cNvPr>
          <p:cNvSpPr>
            <a:spLocks noGrp="1"/>
          </p:cNvSpPr>
          <p:nvPr>
            <p:ph type="pic" sz="quarter" idx="13"/>
          </p:nvPr>
        </p:nvSpPr>
        <p:spPr>
          <a:xfrm>
            <a:off x="-1" y="0"/>
            <a:ext cx="12192000" cy="3855155"/>
          </a:xfrm>
          <a:solidFill>
            <a:schemeClr val="tx2"/>
          </a:solidFill>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Tree>
    <p:extLst>
      <p:ext uri="{BB962C8B-B14F-4D97-AF65-F5344CB8AC3E}">
        <p14:creationId xmlns:p14="http://schemas.microsoft.com/office/powerpoint/2010/main" val="325059060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FULL_PHOTO_STATEMENT">
    <p:bg>
      <p:bgPr>
        <a:solidFill>
          <a:schemeClr val="tx1"/>
        </a:solidFill>
        <a:effectLst/>
      </p:bgPr>
    </p:bg>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2"/>
            <a:ext cx="12192000" cy="6858001"/>
          </a:xfrm>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1677343" y="2574916"/>
            <a:ext cx="8837312" cy="1708160"/>
          </a:xfrm>
        </p:spPr>
        <p:txBody>
          <a:bodyPr wrap="square" lIns="457200" rIns="457200" anchor="ctr">
            <a:spAutoFit/>
          </a:bodyPr>
          <a:lstStyle>
            <a:lvl1pPr marL="0" indent="0" algn="ctr">
              <a:lnSpc>
                <a:spcPct val="100000"/>
              </a:lnSpc>
              <a:buNone/>
              <a:defRPr sz="3600" b="0" i="0">
                <a:solidFill>
                  <a:schemeClr val="bg1"/>
                </a:solidFill>
                <a:effectLst>
                  <a:outerShdw blurRad="520700" dist="38100" dir="2700000" algn="tl" rotWithShape="0">
                    <a:schemeClr val="tx1">
                      <a:alpha val="40000"/>
                    </a:schemeClr>
                  </a:outerShdw>
                </a:effectLst>
                <a:latin typeface="Avenir Book" panose="02000503020000020003" pitchFamily="2" charset="0"/>
                <a:ea typeface="Verdana" panose="020B0604030504040204" pitchFamily="34" charset="0"/>
                <a:cs typeface="Rubik" pitchFamily="2" charset="-79"/>
              </a:defRPr>
            </a:lvl1pPr>
          </a:lstStyle>
          <a:p>
            <a:pPr lvl="0"/>
            <a:r>
              <a:rPr lang="en-US"/>
              <a:t>Some brief copy, no more than a few sentences long, making a concise statement about something important.</a:t>
            </a:r>
          </a:p>
        </p:txBody>
      </p:sp>
    </p:spTree>
    <p:extLst>
      <p:ext uri="{BB962C8B-B14F-4D97-AF65-F5344CB8AC3E}">
        <p14:creationId xmlns:p14="http://schemas.microsoft.com/office/powerpoint/2010/main" val="65700897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THANKYOU">
    <p:bg>
      <p:bgPr>
        <a:solidFill>
          <a:schemeClr val="tx2"/>
        </a:solidFill>
        <a:effectLst/>
      </p:bgPr>
    </p:bg>
    <p:spTree>
      <p:nvGrpSpPr>
        <p:cNvPr id="1" name=""/>
        <p:cNvGrpSpPr/>
        <p:nvPr/>
      </p:nvGrpSpPr>
      <p:grpSpPr>
        <a:xfrm>
          <a:off x="0" y="0"/>
          <a:ext cx="0" cy="0"/>
          <a:chOff x="0" y="0"/>
          <a:chExt cx="0" cy="0"/>
        </a:xfrm>
      </p:grpSpPr>
      <p:pic>
        <p:nvPicPr>
          <p:cNvPr id="6" name="Picture 5" descr="A picture containing outdoor, sky, city, several&#10;&#10;Description automatically generated">
            <a:extLst>
              <a:ext uri="{FF2B5EF4-FFF2-40B4-BE49-F238E27FC236}">
                <a16:creationId xmlns:a16="http://schemas.microsoft.com/office/drawing/2014/main" id="{4C8B518B-BF4D-E442-AFDA-A512C13610CE}"/>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6" name="Rectangle 15">
            <a:extLst>
              <a:ext uri="{FF2B5EF4-FFF2-40B4-BE49-F238E27FC236}">
                <a16:creationId xmlns:a16="http://schemas.microsoft.com/office/drawing/2014/main" id="{CD96EEAF-8CEA-2441-8F71-C2685CA25923}"/>
              </a:ext>
            </a:extLst>
          </p:cNvPr>
          <p:cNvSpPr/>
          <p:nvPr userDrawn="1"/>
        </p:nvSpPr>
        <p:spPr>
          <a:xfrm>
            <a:off x="0" y="2787805"/>
            <a:ext cx="8028512" cy="2486722"/>
          </a:xfrm>
          <a:prstGeom prst="rect">
            <a:avLst/>
          </a:prstGeom>
          <a:solidFill>
            <a:schemeClr val="accent5">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Rectangle 16">
            <a:extLst>
              <a:ext uri="{FF2B5EF4-FFF2-40B4-BE49-F238E27FC236}">
                <a16:creationId xmlns:a16="http://schemas.microsoft.com/office/drawing/2014/main" id="{D5761815-63B9-6044-B96B-2084A33E2485}"/>
              </a:ext>
            </a:extLst>
          </p:cNvPr>
          <p:cNvSpPr/>
          <p:nvPr userDrawn="1"/>
        </p:nvSpPr>
        <p:spPr>
          <a:xfrm>
            <a:off x="8255001" y="2787805"/>
            <a:ext cx="3937000" cy="2486722"/>
          </a:xfrm>
          <a:prstGeom prst="rect">
            <a:avLst/>
          </a:prstGeom>
          <a:solidFill>
            <a:schemeClr val="bg1">
              <a:alpha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2" name="Picture 1">
            <a:extLst>
              <a:ext uri="{FF2B5EF4-FFF2-40B4-BE49-F238E27FC236}">
                <a16:creationId xmlns:a16="http://schemas.microsoft.com/office/drawing/2014/main" id="{EDE65CAD-FBB0-7F4A-A1A1-23CB52C3477B}"/>
              </a:ext>
            </a:extLst>
          </p:cNvPr>
          <p:cNvPicPr>
            <a:picLocks noChangeAspect="1"/>
          </p:cNvPicPr>
          <p:nvPr userDrawn="1"/>
        </p:nvPicPr>
        <p:blipFill>
          <a:blip r:embed="rId4"/>
          <a:stretch>
            <a:fillRect/>
          </a:stretch>
        </p:blipFill>
        <p:spPr>
          <a:xfrm>
            <a:off x="9118412" y="3429000"/>
            <a:ext cx="2359370" cy="1146764"/>
          </a:xfrm>
          <a:prstGeom prst="rect">
            <a:avLst/>
          </a:prstGeom>
        </p:spPr>
      </p:pic>
    </p:spTree>
    <p:extLst>
      <p:ext uri="{BB962C8B-B14F-4D97-AF65-F5344CB8AC3E}">
        <p14:creationId xmlns:p14="http://schemas.microsoft.com/office/powerpoint/2010/main" val="39546288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TITLE_PLAIN_B">
    <p:bg>
      <p:bgPr>
        <a:gradFill>
          <a:gsLst>
            <a:gs pos="0">
              <a:schemeClr val="accent1"/>
            </a:gs>
            <a:gs pos="100000">
              <a:schemeClr val="accent5"/>
            </a:gs>
          </a:gsLst>
          <a:lin ang="5400000" scaled="1"/>
        </a:grad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F4B711F5-9634-F34F-9543-7CA1F3B94330}"/>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5" name="Text Placeholder 11">
            <a:extLst>
              <a:ext uri="{FF2B5EF4-FFF2-40B4-BE49-F238E27FC236}">
                <a16:creationId xmlns:a16="http://schemas.microsoft.com/office/drawing/2014/main" id="{B9186E4A-3860-9B45-BD14-856EBC3001FF}"/>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2" name="Text Placeholder 11">
            <a:extLst>
              <a:ext uri="{FF2B5EF4-FFF2-40B4-BE49-F238E27FC236}">
                <a16:creationId xmlns:a16="http://schemas.microsoft.com/office/drawing/2014/main" id="{E49819EE-851D-AC46-BBDA-5CBE75B4995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13" name="TextBox 12">
            <a:extLst>
              <a:ext uri="{FF2B5EF4-FFF2-40B4-BE49-F238E27FC236}">
                <a16:creationId xmlns:a16="http://schemas.microsoft.com/office/drawing/2014/main" id="{8A0BDD98-8216-E346-8A0A-405E241F849D}"/>
              </a:ext>
            </a:extLst>
          </p:cNvPr>
          <p:cNvSpPr txBox="1"/>
          <p:nvPr userDrawn="1"/>
        </p:nvSpPr>
        <p:spPr>
          <a:xfrm>
            <a:off x="7073900" y="5878823"/>
            <a:ext cx="4508500" cy="549934"/>
          </a:xfrm>
          <a:prstGeom prst="rect">
            <a:avLst/>
          </a:prstGeom>
        </p:spPr>
        <p:txBody>
          <a:bodyPr vert="horz" lIns="0" tIns="0" rIns="0" bIns="0" rtlCol="0" anchor="ctr" anchorCtr="0">
            <a:noAutofit/>
          </a:bodyPr>
          <a:lstStyle>
            <a:lvl1pPr lvl="0" indent="0" algn="r">
              <a:lnSpc>
                <a:spcPct val="110000"/>
              </a:lnSpc>
              <a:spcBef>
                <a:spcPts val="1000"/>
              </a:spcBef>
              <a:buClr>
                <a:schemeClr val="tx2"/>
              </a:buClr>
              <a:buSzPct val="90000"/>
              <a:buFont typeface="Arial" panose="020B0604020202020204" pitchFamily="34" charset="0"/>
              <a:buNone/>
              <a:defRPr lang="en-US" sz="1600" b="0" i="0" dirty="0">
                <a:solidFill>
                  <a:schemeClr val="bg1"/>
                </a:solidFill>
                <a:latin typeface="Georgia" panose="02040502050405020303" pitchFamily="18" charset="0"/>
                <a:ea typeface="Verdana" panose="020B0604030504040204" pitchFamily="34" charset="0"/>
                <a:cs typeface="Rubik" pitchFamily="2" charset="-79"/>
              </a:defRPr>
            </a:lvl1pPr>
            <a:lvl2pPr marL="685800" indent="-228600">
              <a:lnSpc>
                <a:spcPct val="110000"/>
              </a:lnSpc>
              <a:spcBef>
                <a:spcPts val="500"/>
              </a:spcBef>
              <a:buClr>
                <a:schemeClr val="tx2"/>
              </a:buClr>
              <a:buSzPct val="100000"/>
              <a:buFont typeface="Arial" panose="020B0604020202020204" pitchFamily="34" charset="0"/>
              <a:buChar char="•"/>
              <a:defRPr lang="en-US" sz="1600" b="0" i="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nSpc>
                <a:spcPct val="90000"/>
              </a:lnSpc>
              <a:spcBef>
                <a:spcPts val="500"/>
              </a:spcBef>
              <a:buFont typeface="Arial" panose="020B0604020202020204" pitchFamily="34" charset="0"/>
              <a:buChar char="•"/>
            </a:lvl6pPr>
            <a:lvl7pPr marL="2971800" indent="-228600">
              <a:lnSpc>
                <a:spcPct val="90000"/>
              </a:lnSpc>
              <a:spcBef>
                <a:spcPts val="500"/>
              </a:spcBef>
              <a:buFont typeface="Arial" panose="020B0604020202020204" pitchFamily="34" charset="0"/>
              <a:buChar char="•"/>
            </a:lvl7pPr>
            <a:lvl8pPr marL="3429000" indent="-228600">
              <a:lnSpc>
                <a:spcPct val="90000"/>
              </a:lnSpc>
              <a:spcBef>
                <a:spcPts val="500"/>
              </a:spcBef>
              <a:buFont typeface="Arial" panose="020B0604020202020204" pitchFamily="34" charset="0"/>
              <a:buChar char="•"/>
            </a:lvl8pPr>
            <a:lvl9pPr marL="3886200" indent="-228600">
              <a:lnSpc>
                <a:spcPct val="90000"/>
              </a:lnSpc>
              <a:spcBef>
                <a:spcPts val="500"/>
              </a:spcBef>
              <a:buFont typeface="Arial" panose="020B0604020202020204" pitchFamily="34" charset="0"/>
              <a:buChar char="•"/>
            </a:lvl9pPr>
          </a:lstStyle>
          <a:p>
            <a:pPr lvl="0"/>
            <a:fld id="{A8F752DB-0912-7445-B82A-071A76711F1E}" type="datetime4">
              <a:rPr lang="en-US" smtClean="0">
                <a:solidFill>
                  <a:schemeClr val="bg1"/>
                </a:solidFill>
              </a:rPr>
              <a:pPr lvl="0"/>
              <a:t>October 18, 2023</a:t>
            </a:fld>
            <a:endParaRPr lang="en-US">
              <a:solidFill>
                <a:schemeClr val="bg1"/>
              </a:solidFill>
            </a:endParaRPr>
          </a:p>
        </p:txBody>
      </p:sp>
      <p:pic>
        <p:nvPicPr>
          <p:cNvPr id="14" name="Picture 13">
            <a:extLst>
              <a:ext uri="{FF2B5EF4-FFF2-40B4-BE49-F238E27FC236}">
                <a16:creationId xmlns:a16="http://schemas.microsoft.com/office/drawing/2014/main" id="{7A57A6BB-E5B9-8A48-BD15-0435C45E14E4}"/>
              </a:ext>
            </a:extLst>
          </p:cNvPr>
          <p:cNvPicPr>
            <a:picLocks noChangeAspect="1"/>
          </p:cNvPicPr>
          <p:nvPr userDrawn="1"/>
        </p:nvPicPr>
        <p:blipFill>
          <a:blip r:embed="rId2" cstate="screen">
            <a:extLst>
              <a:ext uri="{28A0092B-C50C-407E-A947-70E740481C1C}">
                <a14:useLocalDpi xmlns:a14="http://schemas.microsoft.com/office/drawing/2010/main"/>
              </a:ext>
            </a:extLst>
          </a:blip>
          <a:srcRect/>
          <a:stretch/>
        </p:blipFill>
        <p:spPr>
          <a:xfrm>
            <a:off x="4978896" y="912024"/>
            <a:ext cx="2234206" cy="882114"/>
          </a:xfrm>
          <a:prstGeom prst="rect">
            <a:avLst/>
          </a:prstGeom>
        </p:spPr>
      </p:pic>
      <p:sp>
        <p:nvSpPr>
          <p:cNvPr id="9" name="Frame 8">
            <a:extLst>
              <a:ext uri="{FF2B5EF4-FFF2-40B4-BE49-F238E27FC236}">
                <a16:creationId xmlns:a16="http://schemas.microsoft.com/office/drawing/2014/main" id="{B14725CC-3998-E045-9086-4F2572F56010}"/>
              </a:ext>
            </a:extLst>
          </p:cNvPr>
          <p:cNvSpPr/>
          <p:nvPr userDrawn="1"/>
        </p:nvSpPr>
        <p:spPr>
          <a:xfrm>
            <a:off x="230124" y="228600"/>
            <a:ext cx="11731752" cy="6400800"/>
          </a:xfrm>
          <a:prstGeom prst="frame">
            <a:avLst>
              <a:gd name="adj1" fmla="val 591"/>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Tree>
    <p:extLst>
      <p:ext uri="{BB962C8B-B14F-4D97-AF65-F5344CB8AC3E}">
        <p14:creationId xmlns:p14="http://schemas.microsoft.com/office/powerpoint/2010/main" val="360834608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7">
            <a:extLst>
              <a:ext uri="{FF2B5EF4-FFF2-40B4-BE49-F238E27FC236}">
                <a16:creationId xmlns:a16="http://schemas.microsoft.com/office/drawing/2014/main" id="{9A6A9EFD-3B62-4E4F-91EB-F9F1A4E57EB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268384919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TITLE_C">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8D349089-8D66-9E40-BF18-90E16FD6AD8C}"/>
              </a:ext>
            </a:extLst>
          </p:cNvPr>
          <p:cNvSpPr/>
          <p:nvPr userDrawn="1"/>
        </p:nvSpPr>
        <p:spPr>
          <a:xfrm>
            <a:off x="367862" y="6011917"/>
            <a:ext cx="1534510" cy="75718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45DB764E-A675-2B42-A883-CFA03F89AD65}"/>
              </a:ext>
            </a:extLst>
          </p:cNvPr>
          <p:cNvSpPr/>
          <p:nvPr userDrawn="1"/>
        </p:nvSpPr>
        <p:spPr>
          <a:xfrm>
            <a:off x="5396366" y="0"/>
            <a:ext cx="6795635" cy="6858000"/>
          </a:xfrm>
          <a:prstGeom prst="rect">
            <a:avLst/>
          </a:prstGeom>
          <a:solidFill>
            <a:srgbClr val="2B465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solidFill>
                <a:schemeClr val="bg1"/>
              </a:solidFill>
              <a:highlight>
                <a:srgbClr val="508EAA"/>
              </a:highlight>
            </a:endParaRPr>
          </a:p>
        </p:txBody>
      </p:sp>
      <p:sp>
        <p:nvSpPr>
          <p:cNvPr id="6" name="Rectangle 5">
            <a:extLst>
              <a:ext uri="{FF2B5EF4-FFF2-40B4-BE49-F238E27FC236}">
                <a16:creationId xmlns:a16="http://schemas.microsoft.com/office/drawing/2014/main" id="{EF5A6E6D-E5D4-9945-8ABD-BBD083014B7C}"/>
              </a:ext>
            </a:extLst>
          </p:cNvPr>
          <p:cNvSpPr/>
          <p:nvPr userDrawn="1"/>
        </p:nvSpPr>
        <p:spPr>
          <a:xfrm>
            <a:off x="0" y="69572"/>
            <a:ext cx="5396365" cy="6788427"/>
          </a:xfrm>
          <a:prstGeom prst="rect">
            <a:avLst/>
          </a:prstGeom>
          <a:solidFill>
            <a:srgbClr val="000000">
              <a:alpha val="4980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p>
        </p:txBody>
      </p:sp>
      <p:sp>
        <p:nvSpPr>
          <p:cNvPr id="7" name="Title 1">
            <a:extLst>
              <a:ext uri="{FF2B5EF4-FFF2-40B4-BE49-F238E27FC236}">
                <a16:creationId xmlns:a16="http://schemas.microsoft.com/office/drawing/2014/main" id="{9BFC4C35-9200-DD4C-B038-39B49776DA41}"/>
              </a:ext>
            </a:extLst>
          </p:cNvPr>
          <p:cNvSpPr>
            <a:spLocks noGrp="1"/>
          </p:cNvSpPr>
          <p:nvPr>
            <p:ph type="ctrTitle"/>
          </p:nvPr>
        </p:nvSpPr>
        <p:spPr>
          <a:xfrm>
            <a:off x="5761668" y="3899674"/>
            <a:ext cx="5670757" cy="1463040"/>
          </a:xfrm>
          <a:prstGeom prst="rect">
            <a:avLst/>
          </a:prstGeom>
        </p:spPr>
        <p:txBody>
          <a:bodyPr lIns="0" tIns="0" rIns="0" bIns="0">
            <a:noAutofit/>
          </a:bodyPr>
          <a:lstStyle>
            <a:lvl1pPr>
              <a:lnSpc>
                <a:spcPts val="3300"/>
              </a:lnSpc>
              <a:defRPr sz="2700">
                <a:solidFill>
                  <a:schemeClr val="bg1">
                    <a:lumMod val="95000"/>
                  </a:schemeClr>
                </a:solidFill>
              </a:defRPr>
            </a:lvl1pPr>
          </a:lstStyle>
          <a:p>
            <a:r>
              <a:rPr lang="en-US"/>
              <a:t>Click to edit Master title style</a:t>
            </a:r>
          </a:p>
        </p:txBody>
      </p:sp>
      <p:sp>
        <p:nvSpPr>
          <p:cNvPr id="8" name="Subtitle 2">
            <a:extLst>
              <a:ext uri="{FF2B5EF4-FFF2-40B4-BE49-F238E27FC236}">
                <a16:creationId xmlns:a16="http://schemas.microsoft.com/office/drawing/2014/main" id="{E5DF5D30-943E-6642-A246-8EE3E9EE2E6C}"/>
              </a:ext>
            </a:extLst>
          </p:cNvPr>
          <p:cNvSpPr>
            <a:spLocks noGrp="1"/>
          </p:cNvSpPr>
          <p:nvPr>
            <p:ph type="subTitle" idx="1"/>
          </p:nvPr>
        </p:nvSpPr>
        <p:spPr>
          <a:xfrm>
            <a:off x="5761668" y="3315001"/>
            <a:ext cx="5670757" cy="484464"/>
          </a:xfrm>
          <a:prstGeom prst="rect">
            <a:avLst/>
          </a:prstGeom>
        </p:spPr>
        <p:txBody>
          <a:bodyPr lIns="0" tIns="0" rIns="0" bIns="0" anchor="b">
            <a:noAutofit/>
          </a:bodyPr>
          <a:lstStyle>
            <a:lvl1pPr marL="0" indent="0" algn="l">
              <a:buNone/>
              <a:defRPr sz="2000" b="0">
                <a:solidFill>
                  <a:schemeClr val="bg1"/>
                </a:solidFill>
                <a:latin typeface="+mn-lt"/>
              </a:defRPr>
            </a:lvl1pPr>
            <a:lvl2pPr marL="609493" indent="0" algn="ctr">
              <a:buNone/>
              <a:defRPr>
                <a:solidFill>
                  <a:schemeClr val="tx1">
                    <a:tint val="75000"/>
                  </a:schemeClr>
                </a:solidFill>
              </a:defRPr>
            </a:lvl2pPr>
            <a:lvl3pPr marL="1218987" indent="0" algn="ctr">
              <a:buNone/>
              <a:defRPr>
                <a:solidFill>
                  <a:schemeClr val="tx1">
                    <a:tint val="75000"/>
                  </a:schemeClr>
                </a:solidFill>
              </a:defRPr>
            </a:lvl3pPr>
            <a:lvl4pPr marL="1828480" indent="0" algn="ctr">
              <a:buNone/>
              <a:defRPr>
                <a:solidFill>
                  <a:schemeClr val="tx1">
                    <a:tint val="75000"/>
                  </a:schemeClr>
                </a:solidFill>
              </a:defRPr>
            </a:lvl4pPr>
            <a:lvl5pPr marL="2437973" indent="0" algn="ctr">
              <a:buNone/>
              <a:defRPr>
                <a:solidFill>
                  <a:schemeClr val="tx1">
                    <a:tint val="75000"/>
                  </a:schemeClr>
                </a:solidFill>
              </a:defRPr>
            </a:lvl5pPr>
            <a:lvl6pPr marL="3047467" indent="0" algn="ctr">
              <a:buNone/>
              <a:defRPr>
                <a:solidFill>
                  <a:schemeClr val="tx1">
                    <a:tint val="75000"/>
                  </a:schemeClr>
                </a:solidFill>
              </a:defRPr>
            </a:lvl6pPr>
            <a:lvl7pPr marL="3656960" indent="0" algn="ctr">
              <a:buNone/>
              <a:defRPr>
                <a:solidFill>
                  <a:schemeClr val="tx1">
                    <a:tint val="75000"/>
                  </a:schemeClr>
                </a:solidFill>
              </a:defRPr>
            </a:lvl7pPr>
            <a:lvl8pPr marL="4266453" indent="0" algn="ctr">
              <a:buNone/>
              <a:defRPr>
                <a:solidFill>
                  <a:schemeClr val="tx1">
                    <a:tint val="75000"/>
                  </a:schemeClr>
                </a:solidFill>
              </a:defRPr>
            </a:lvl8pPr>
            <a:lvl9pPr marL="4875947"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333752136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TITLE_A">
    <p:bg>
      <p:bgPr>
        <a:solidFill>
          <a:schemeClr val="bg1"/>
        </a:solidFill>
        <a:effectLst/>
      </p:bgPr>
    </p:bg>
    <p:spTree>
      <p:nvGrpSpPr>
        <p:cNvPr id="1" name=""/>
        <p:cNvGrpSpPr/>
        <p:nvPr/>
      </p:nvGrpSpPr>
      <p:grpSpPr>
        <a:xfrm>
          <a:off x="0" y="0"/>
          <a:ext cx="0" cy="0"/>
          <a:chOff x="0" y="0"/>
          <a:chExt cx="0" cy="0"/>
        </a:xfrm>
      </p:grpSpPr>
      <p:pic>
        <p:nvPicPr>
          <p:cNvPr id="5" name="Picture 4" descr="A picture containing outdoor, sky, city, several&#10;&#10;Description automatically generated">
            <a:extLst>
              <a:ext uri="{FF2B5EF4-FFF2-40B4-BE49-F238E27FC236}">
                <a16:creationId xmlns:a16="http://schemas.microsoft.com/office/drawing/2014/main" id="{C260BB60-97A7-F940-B661-1FA0100F3DD5}"/>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3" name="Rectangle 12">
            <a:extLst>
              <a:ext uri="{FF2B5EF4-FFF2-40B4-BE49-F238E27FC236}">
                <a16:creationId xmlns:a16="http://schemas.microsoft.com/office/drawing/2014/main" id="{30C0F60E-7B41-3948-8E1F-17F11FDD0AEC}"/>
              </a:ext>
            </a:extLst>
          </p:cNvPr>
          <p:cNvSpPr/>
          <p:nvPr userDrawn="1"/>
        </p:nvSpPr>
        <p:spPr>
          <a:xfrm>
            <a:off x="0" y="2638862"/>
            <a:ext cx="8028512" cy="2412169"/>
          </a:xfrm>
          <a:prstGeom prst="rect">
            <a:avLst/>
          </a:prstGeom>
          <a:solidFill>
            <a:schemeClr val="accent5">
              <a:alpha val="95867"/>
            </a:schemeClr>
          </a:solidFill>
          <a:ln>
            <a:solidFill>
              <a:srgbClr val="2B475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2" name="Title 1">
            <a:extLst>
              <a:ext uri="{FF2B5EF4-FFF2-40B4-BE49-F238E27FC236}">
                <a16:creationId xmlns:a16="http://schemas.microsoft.com/office/drawing/2014/main" id="{AE5C023A-4F7D-E44F-BF44-82EA01C9972B}"/>
              </a:ext>
            </a:extLst>
          </p:cNvPr>
          <p:cNvSpPr>
            <a:spLocks noGrp="1"/>
          </p:cNvSpPr>
          <p:nvPr>
            <p:ph type="title" hasCustomPrompt="1"/>
          </p:nvPr>
        </p:nvSpPr>
        <p:spPr>
          <a:xfrm>
            <a:off x="633186" y="2742914"/>
            <a:ext cx="7075714" cy="1701824"/>
          </a:xfrm>
          <a:effectLst/>
        </p:spPr>
        <p:txBody>
          <a:bodyPr rIns="0" bIns="0" anchor="ctr" anchorCtr="0">
            <a:noAutofit/>
          </a:bodyPr>
          <a:lstStyle>
            <a:lvl1pPr>
              <a:defRPr sz="44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14" name="Text Placeholder 11">
            <a:extLst>
              <a:ext uri="{FF2B5EF4-FFF2-40B4-BE49-F238E27FC236}">
                <a16:creationId xmlns:a16="http://schemas.microsoft.com/office/drawing/2014/main" id="{5BF48927-DEA3-554C-9AC1-B6D346BF1034}"/>
              </a:ext>
            </a:extLst>
          </p:cNvPr>
          <p:cNvSpPr>
            <a:spLocks noGrp="1"/>
          </p:cNvSpPr>
          <p:nvPr>
            <p:ph type="body" sz="quarter" idx="13" hasCustomPrompt="1"/>
          </p:nvPr>
        </p:nvSpPr>
        <p:spPr>
          <a:xfrm>
            <a:off x="633186" y="4543007"/>
            <a:ext cx="7075714" cy="409754"/>
          </a:xfrm>
        </p:spPr>
        <p:txBody>
          <a:bodyPr lIns="0">
            <a:noAutofit/>
          </a:bodyPr>
          <a:lstStyle>
            <a:lvl1pPr marL="0" indent="0">
              <a:buNone/>
              <a:defRPr sz="2400" b="0" i="0">
                <a:solidFill>
                  <a:schemeClr val="bg1"/>
                </a:solidFill>
                <a:latin typeface="Avenir Medium"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0" name="Rectangle 9">
            <a:extLst>
              <a:ext uri="{FF2B5EF4-FFF2-40B4-BE49-F238E27FC236}">
                <a16:creationId xmlns:a16="http://schemas.microsoft.com/office/drawing/2014/main" id="{2723C2A4-78CC-8C4D-BEB0-CE5CAE1F2439}"/>
              </a:ext>
            </a:extLst>
          </p:cNvPr>
          <p:cNvSpPr/>
          <p:nvPr userDrawn="1"/>
        </p:nvSpPr>
        <p:spPr>
          <a:xfrm>
            <a:off x="8255001" y="2638862"/>
            <a:ext cx="3937000" cy="2412169"/>
          </a:xfrm>
          <a:prstGeom prst="rect">
            <a:avLst/>
          </a:prstGeom>
          <a:solidFill>
            <a:schemeClr val="bg1">
              <a:alpha val="93113"/>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a:extLst>
              <a:ext uri="{FF2B5EF4-FFF2-40B4-BE49-F238E27FC236}">
                <a16:creationId xmlns:a16="http://schemas.microsoft.com/office/drawing/2014/main" id="{B2C02520-7538-574F-A556-8CE47C63606D}"/>
              </a:ext>
            </a:extLst>
          </p:cNvPr>
          <p:cNvSpPr/>
          <p:nvPr userDrawn="1"/>
        </p:nvSpPr>
        <p:spPr>
          <a:xfrm>
            <a:off x="-1" y="6240133"/>
            <a:ext cx="12192000" cy="617867"/>
          </a:xfrm>
          <a:prstGeom prst="rect">
            <a:avLst/>
          </a:prstGeom>
          <a:solidFill>
            <a:schemeClr val="accent6">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xt Placeholder 11">
            <a:extLst>
              <a:ext uri="{FF2B5EF4-FFF2-40B4-BE49-F238E27FC236}">
                <a16:creationId xmlns:a16="http://schemas.microsoft.com/office/drawing/2014/main" id="{6C5410A8-41C7-FA45-A6AD-2BD7ADC71235}"/>
              </a:ext>
            </a:extLst>
          </p:cNvPr>
          <p:cNvSpPr>
            <a:spLocks noGrp="1"/>
          </p:cNvSpPr>
          <p:nvPr>
            <p:ph type="body" sz="quarter" idx="15" hasCustomPrompt="1"/>
          </p:nvPr>
        </p:nvSpPr>
        <p:spPr>
          <a:xfrm>
            <a:off x="633186" y="6274098"/>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pic>
        <p:nvPicPr>
          <p:cNvPr id="3" name="Picture 2">
            <a:extLst>
              <a:ext uri="{FF2B5EF4-FFF2-40B4-BE49-F238E27FC236}">
                <a16:creationId xmlns:a16="http://schemas.microsoft.com/office/drawing/2014/main" id="{D78A4E70-AFE5-5944-8B6F-CE4D2046CB19}"/>
              </a:ext>
            </a:extLst>
          </p:cNvPr>
          <p:cNvPicPr>
            <a:picLocks noChangeAspect="1"/>
          </p:cNvPicPr>
          <p:nvPr userDrawn="1"/>
        </p:nvPicPr>
        <p:blipFill>
          <a:blip r:embed="rId4"/>
          <a:stretch>
            <a:fillRect/>
          </a:stretch>
        </p:blipFill>
        <p:spPr>
          <a:xfrm>
            <a:off x="9094839" y="3314038"/>
            <a:ext cx="2326319" cy="1130699"/>
          </a:xfrm>
          <a:prstGeom prst="rect">
            <a:avLst/>
          </a:prstGeom>
        </p:spPr>
      </p:pic>
    </p:spTree>
    <p:extLst>
      <p:ext uri="{BB962C8B-B14F-4D97-AF65-F5344CB8AC3E}">
        <p14:creationId xmlns:p14="http://schemas.microsoft.com/office/powerpoint/2010/main" val="343705455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TITLE_B">
    <p:bg>
      <p:bgPr>
        <a:solidFill>
          <a:schemeClr val="tx1"/>
        </a:solidFill>
        <a:effectLst/>
      </p:bgPr>
    </p:bg>
    <p:spTree>
      <p:nvGrpSpPr>
        <p:cNvPr id="1" name=""/>
        <p:cNvGrpSpPr/>
        <p:nvPr/>
      </p:nvGrpSpPr>
      <p:grpSpPr>
        <a:xfrm>
          <a:off x="0" y="0"/>
          <a:ext cx="0" cy="0"/>
          <a:chOff x="0" y="0"/>
          <a:chExt cx="0" cy="0"/>
        </a:xfrm>
      </p:grpSpPr>
      <p:pic>
        <p:nvPicPr>
          <p:cNvPr id="7" name="Picture 6" descr="A picture containing sky, city, outdoor, water&#10;&#10;Description automatically generated">
            <a:extLst>
              <a:ext uri="{FF2B5EF4-FFF2-40B4-BE49-F238E27FC236}">
                <a16:creationId xmlns:a16="http://schemas.microsoft.com/office/drawing/2014/main" id="{F98E785E-AF9E-3747-B91B-27CB8DFE538D}"/>
              </a:ext>
            </a:extLst>
          </p:cNvPr>
          <p:cNvPicPr>
            <a:picLocks noChangeAspect="1"/>
          </p:cNvPicPr>
          <p:nvPr userDrawn="1"/>
        </p:nvPicPr>
        <p:blipFill>
          <a:blip r:embed="rId2">
            <a:alphaModFix amt="35000"/>
          </a:blip>
          <a:stretch>
            <a:fillRect/>
          </a:stretch>
        </p:blipFill>
        <p:spPr>
          <a:xfrm>
            <a:off x="0" y="0"/>
            <a:ext cx="12192000" cy="6858000"/>
          </a:xfrm>
          <a:prstGeom prst="rect">
            <a:avLst/>
          </a:prstGeom>
        </p:spPr>
      </p:pic>
      <p:sp>
        <p:nvSpPr>
          <p:cNvPr id="33" name="Rectangle 32">
            <a:extLst>
              <a:ext uri="{FF2B5EF4-FFF2-40B4-BE49-F238E27FC236}">
                <a16:creationId xmlns:a16="http://schemas.microsoft.com/office/drawing/2014/main" id="{469916E8-2632-4341-A632-E641B4508087}"/>
              </a:ext>
            </a:extLst>
          </p:cNvPr>
          <p:cNvSpPr/>
          <p:nvPr userDrawn="1"/>
        </p:nvSpPr>
        <p:spPr>
          <a:xfrm>
            <a:off x="0" y="5355772"/>
            <a:ext cx="12192000" cy="150222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7" name="Text Placeholder 11">
            <a:extLst>
              <a:ext uri="{FF2B5EF4-FFF2-40B4-BE49-F238E27FC236}">
                <a16:creationId xmlns:a16="http://schemas.microsoft.com/office/drawing/2014/main" id="{7AE4D771-17A0-BD4B-9876-793245893F88}"/>
              </a:ext>
            </a:extLst>
          </p:cNvPr>
          <p:cNvSpPr>
            <a:spLocks noGrp="1"/>
          </p:cNvSpPr>
          <p:nvPr>
            <p:ph type="body" sz="quarter" idx="15" hasCustomPrompt="1"/>
          </p:nvPr>
        </p:nvSpPr>
        <p:spPr>
          <a:xfrm>
            <a:off x="633186" y="5680443"/>
            <a:ext cx="5462814" cy="549935"/>
          </a:xfrm>
        </p:spPr>
        <p:txBody>
          <a:bodyPr lIns="0" bIns="0" anchor="ctr" anchorCtr="0">
            <a:noAutofit/>
          </a:bodyPr>
          <a:lstStyle>
            <a:lvl1pPr marL="0" indent="0">
              <a:buNone/>
              <a:defRPr sz="1800" b="0" i="0">
                <a:solidFill>
                  <a:schemeClr val="accent5"/>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43" name="Rectangle 42">
            <a:extLst>
              <a:ext uri="{FF2B5EF4-FFF2-40B4-BE49-F238E27FC236}">
                <a16:creationId xmlns:a16="http://schemas.microsoft.com/office/drawing/2014/main" id="{B4BEDFBA-CA6E-CC49-8D44-10A021EF44EF}"/>
              </a:ext>
            </a:extLst>
          </p:cNvPr>
          <p:cNvSpPr/>
          <p:nvPr userDrawn="1"/>
        </p:nvSpPr>
        <p:spPr>
          <a:xfrm>
            <a:off x="0" y="5288591"/>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accent5"/>
              </a:solidFill>
              <a:highlight>
                <a:srgbClr val="2B4751"/>
              </a:highlight>
            </a:endParaRPr>
          </a:p>
        </p:txBody>
      </p:sp>
      <p:sp>
        <p:nvSpPr>
          <p:cNvPr id="45" name="Title 1">
            <a:extLst>
              <a:ext uri="{FF2B5EF4-FFF2-40B4-BE49-F238E27FC236}">
                <a16:creationId xmlns:a16="http://schemas.microsoft.com/office/drawing/2014/main" id="{DC953B8A-F30F-9F43-83BC-944D5E2EB7FB}"/>
              </a:ext>
            </a:extLst>
          </p:cNvPr>
          <p:cNvSpPr>
            <a:spLocks noGrp="1"/>
          </p:cNvSpPr>
          <p:nvPr>
            <p:ph type="title" hasCustomPrompt="1"/>
          </p:nvPr>
        </p:nvSpPr>
        <p:spPr>
          <a:xfrm>
            <a:off x="1315396" y="1825644"/>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46" name="Text Placeholder 11">
            <a:extLst>
              <a:ext uri="{FF2B5EF4-FFF2-40B4-BE49-F238E27FC236}">
                <a16:creationId xmlns:a16="http://schemas.microsoft.com/office/drawing/2014/main" id="{F8A5FBE9-A511-0745-A462-3AE501D168CD}"/>
              </a:ext>
            </a:extLst>
          </p:cNvPr>
          <p:cNvSpPr>
            <a:spLocks noGrp="1"/>
          </p:cNvSpPr>
          <p:nvPr>
            <p:ph type="body" sz="quarter" idx="13" hasCustomPrompt="1"/>
          </p:nvPr>
        </p:nvSpPr>
        <p:spPr>
          <a:xfrm>
            <a:off x="2558142" y="3159667"/>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pic>
        <p:nvPicPr>
          <p:cNvPr id="2" name="Picture 1">
            <a:extLst>
              <a:ext uri="{FF2B5EF4-FFF2-40B4-BE49-F238E27FC236}">
                <a16:creationId xmlns:a16="http://schemas.microsoft.com/office/drawing/2014/main" id="{44A9602D-A1EF-8940-AC6B-B9E8A224C6F8}"/>
              </a:ext>
            </a:extLst>
          </p:cNvPr>
          <p:cNvPicPr>
            <a:picLocks noChangeAspect="1"/>
          </p:cNvPicPr>
          <p:nvPr userDrawn="1"/>
        </p:nvPicPr>
        <p:blipFill>
          <a:blip r:embed="rId3"/>
          <a:stretch>
            <a:fillRect/>
          </a:stretch>
        </p:blipFill>
        <p:spPr>
          <a:xfrm>
            <a:off x="10109801" y="5769552"/>
            <a:ext cx="1533602" cy="745402"/>
          </a:xfrm>
          <a:prstGeom prst="rect">
            <a:avLst/>
          </a:prstGeom>
        </p:spPr>
      </p:pic>
    </p:spTree>
    <p:extLst>
      <p:ext uri="{BB962C8B-B14F-4D97-AF65-F5344CB8AC3E}">
        <p14:creationId xmlns:p14="http://schemas.microsoft.com/office/powerpoint/2010/main" val="187907887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TITLE_PLAIN_A">
    <p:bg>
      <p:bgPr>
        <a:gradFill>
          <a:gsLst>
            <a:gs pos="0">
              <a:schemeClr val="bg1"/>
            </a:gs>
            <a:gs pos="100000">
              <a:schemeClr val="bg2"/>
            </a:gs>
          </a:gsLst>
          <a:lin ang="5400000" scaled="1"/>
        </a:gradFill>
        <a:effectLst/>
      </p:bgPr>
    </p:bg>
    <p:spTree>
      <p:nvGrpSpPr>
        <p:cNvPr id="1" name=""/>
        <p:cNvGrpSpPr/>
        <p:nvPr/>
      </p:nvGrpSpPr>
      <p:grpSpPr>
        <a:xfrm>
          <a:off x="0" y="0"/>
          <a:ext cx="0" cy="0"/>
          <a:chOff x="0" y="0"/>
          <a:chExt cx="0" cy="0"/>
        </a:xfrm>
      </p:grpSpPr>
      <p:sp>
        <p:nvSpPr>
          <p:cNvPr id="19" name="Title 1">
            <a:extLst>
              <a:ext uri="{FF2B5EF4-FFF2-40B4-BE49-F238E27FC236}">
                <a16:creationId xmlns:a16="http://schemas.microsoft.com/office/drawing/2014/main" id="{87C8B462-FABC-CB48-BE55-7B4F2073908D}"/>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accent5"/>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20" name="Text Placeholder 11">
            <a:extLst>
              <a:ext uri="{FF2B5EF4-FFF2-40B4-BE49-F238E27FC236}">
                <a16:creationId xmlns:a16="http://schemas.microsoft.com/office/drawing/2014/main" id="{1DE95BE1-7D71-5F45-952D-BE77A009DEB7}"/>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accent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21" name="Text Placeholder 11">
            <a:extLst>
              <a:ext uri="{FF2B5EF4-FFF2-40B4-BE49-F238E27FC236}">
                <a16:creationId xmlns:a16="http://schemas.microsoft.com/office/drawing/2014/main" id="{1845ED5E-BA24-9940-AEB9-AD7DA5601CD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23" name="Frame 22">
            <a:extLst>
              <a:ext uri="{FF2B5EF4-FFF2-40B4-BE49-F238E27FC236}">
                <a16:creationId xmlns:a16="http://schemas.microsoft.com/office/drawing/2014/main" id="{BCA1FC43-D679-8641-A7B6-37FD6B2F1472}"/>
              </a:ext>
            </a:extLst>
          </p:cNvPr>
          <p:cNvSpPr/>
          <p:nvPr userDrawn="1"/>
        </p:nvSpPr>
        <p:spPr>
          <a:xfrm>
            <a:off x="230124" y="228600"/>
            <a:ext cx="11731752" cy="6400800"/>
          </a:xfrm>
          <a:prstGeom prst="frame">
            <a:avLst>
              <a:gd name="adj1" fmla="val 591"/>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pic>
        <p:nvPicPr>
          <p:cNvPr id="2" name="Picture 1">
            <a:extLst>
              <a:ext uri="{FF2B5EF4-FFF2-40B4-BE49-F238E27FC236}">
                <a16:creationId xmlns:a16="http://schemas.microsoft.com/office/drawing/2014/main" id="{5956E8FE-5CB0-8D49-A451-22E2FE8B291B}"/>
              </a:ext>
            </a:extLst>
          </p:cNvPr>
          <p:cNvPicPr>
            <a:picLocks noChangeAspect="1"/>
          </p:cNvPicPr>
          <p:nvPr userDrawn="1"/>
        </p:nvPicPr>
        <p:blipFill>
          <a:blip r:embed="rId2"/>
          <a:stretch>
            <a:fillRect/>
          </a:stretch>
        </p:blipFill>
        <p:spPr>
          <a:xfrm>
            <a:off x="5055373" y="971998"/>
            <a:ext cx="2081251" cy="1011585"/>
          </a:xfrm>
          <a:prstGeom prst="rect">
            <a:avLst/>
          </a:prstGeom>
        </p:spPr>
      </p:pic>
    </p:spTree>
    <p:extLst>
      <p:ext uri="{BB962C8B-B14F-4D97-AF65-F5344CB8AC3E}">
        <p14:creationId xmlns:p14="http://schemas.microsoft.com/office/powerpoint/2010/main" val="359311670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TITLE_PLAIN_B">
    <p:bg>
      <p:bgPr>
        <a:gradFill>
          <a:gsLst>
            <a:gs pos="0">
              <a:schemeClr val="accent5">
                <a:lumMod val="60000"/>
                <a:lumOff val="40000"/>
              </a:schemeClr>
            </a:gs>
            <a:gs pos="40000">
              <a:srgbClr val="426574"/>
            </a:gs>
            <a:gs pos="78000">
              <a:schemeClr val="accent5"/>
            </a:gs>
          </a:gsLst>
          <a:lin ang="5400000" scaled="1"/>
        </a:grad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F4B711F5-9634-F34F-9543-7CA1F3B94330}"/>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5" name="Text Placeholder 11">
            <a:extLst>
              <a:ext uri="{FF2B5EF4-FFF2-40B4-BE49-F238E27FC236}">
                <a16:creationId xmlns:a16="http://schemas.microsoft.com/office/drawing/2014/main" id="{B9186E4A-3860-9B45-BD14-856EBC3001FF}"/>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2" name="Text Placeholder 11">
            <a:extLst>
              <a:ext uri="{FF2B5EF4-FFF2-40B4-BE49-F238E27FC236}">
                <a16:creationId xmlns:a16="http://schemas.microsoft.com/office/drawing/2014/main" id="{E49819EE-851D-AC46-BBDA-5CBE75B4995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9" name="Frame 8">
            <a:extLst>
              <a:ext uri="{FF2B5EF4-FFF2-40B4-BE49-F238E27FC236}">
                <a16:creationId xmlns:a16="http://schemas.microsoft.com/office/drawing/2014/main" id="{B14725CC-3998-E045-9086-4F2572F56010}"/>
              </a:ext>
            </a:extLst>
          </p:cNvPr>
          <p:cNvSpPr/>
          <p:nvPr userDrawn="1"/>
        </p:nvSpPr>
        <p:spPr>
          <a:xfrm>
            <a:off x="230124" y="228600"/>
            <a:ext cx="11731752" cy="6400800"/>
          </a:xfrm>
          <a:prstGeom prst="frame">
            <a:avLst>
              <a:gd name="adj1" fmla="val 591"/>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pic>
        <p:nvPicPr>
          <p:cNvPr id="3" name="Picture 2">
            <a:extLst>
              <a:ext uri="{FF2B5EF4-FFF2-40B4-BE49-F238E27FC236}">
                <a16:creationId xmlns:a16="http://schemas.microsoft.com/office/drawing/2014/main" id="{FF762F61-C52F-BD40-959F-C1129E91C4CC}"/>
              </a:ext>
            </a:extLst>
          </p:cNvPr>
          <p:cNvPicPr>
            <a:picLocks noChangeAspect="1"/>
          </p:cNvPicPr>
          <p:nvPr userDrawn="1"/>
        </p:nvPicPr>
        <p:blipFill>
          <a:blip r:embed="rId2"/>
          <a:stretch>
            <a:fillRect/>
          </a:stretch>
        </p:blipFill>
        <p:spPr>
          <a:xfrm>
            <a:off x="4782760" y="671153"/>
            <a:ext cx="2626479" cy="1575887"/>
          </a:xfrm>
          <a:prstGeom prst="rect">
            <a:avLst/>
          </a:prstGeom>
        </p:spPr>
      </p:pic>
    </p:spTree>
    <p:extLst>
      <p:ext uri="{BB962C8B-B14F-4D97-AF65-F5344CB8AC3E}">
        <p14:creationId xmlns:p14="http://schemas.microsoft.com/office/powerpoint/2010/main" val="394580846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IVIDER">
    <p:spTree>
      <p:nvGrpSpPr>
        <p:cNvPr id="1" name=""/>
        <p:cNvGrpSpPr/>
        <p:nvPr/>
      </p:nvGrpSpPr>
      <p:grpSpPr>
        <a:xfrm>
          <a:off x="0" y="0"/>
          <a:ext cx="0" cy="0"/>
          <a:chOff x="0" y="0"/>
          <a:chExt cx="0" cy="0"/>
        </a:xfrm>
      </p:grpSpPr>
      <p:sp>
        <p:nvSpPr>
          <p:cNvPr id="9" name="Rectangle 8">
            <a:extLst>
              <a:ext uri="{FF2B5EF4-FFF2-40B4-BE49-F238E27FC236}">
                <a16:creationId xmlns:a16="http://schemas.microsoft.com/office/drawing/2014/main" id="{98C677D6-9F08-804C-8FA5-6B79A74098EA}"/>
              </a:ext>
            </a:extLst>
          </p:cNvPr>
          <p:cNvSpPr/>
          <p:nvPr userDrawn="1"/>
        </p:nvSpPr>
        <p:spPr>
          <a:xfrm>
            <a:off x="1" y="0"/>
            <a:ext cx="5262879" cy="68580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Text Placeholder 9">
            <a:extLst>
              <a:ext uri="{FF2B5EF4-FFF2-40B4-BE49-F238E27FC236}">
                <a16:creationId xmlns:a16="http://schemas.microsoft.com/office/drawing/2014/main" id="{030A4C09-A4CB-3A4E-957A-0309611FE07A}"/>
              </a:ext>
            </a:extLst>
          </p:cNvPr>
          <p:cNvSpPr>
            <a:spLocks noGrp="1"/>
          </p:cNvSpPr>
          <p:nvPr>
            <p:ph type="body" sz="quarter" idx="13" hasCustomPrompt="1"/>
          </p:nvPr>
        </p:nvSpPr>
        <p:spPr>
          <a:xfrm>
            <a:off x="609601" y="2108200"/>
            <a:ext cx="3898899" cy="2400300"/>
          </a:xfrm>
          <a:solidFill>
            <a:schemeClr val="accent5"/>
          </a:solidFill>
        </p:spPr>
        <p:txBody>
          <a:bodyPr anchor="ctr">
            <a:noAutofit/>
          </a:bodyPr>
          <a:lstStyle>
            <a:lvl1pPr marL="0" indent="0" algn="l">
              <a:lnSpc>
                <a:spcPct val="90000"/>
              </a:lnSpc>
              <a:buNone/>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DIVIDER SLIDE</a:t>
            </a:r>
          </a:p>
        </p:txBody>
      </p:sp>
      <p:sp>
        <p:nvSpPr>
          <p:cNvPr id="12" name="Rectangle 11">
            <a:extLst>
              <a:ext uri="{FF2B5EF4-FFF2-40B4-BE49-F238E27FC236}">
                <a16:creationId xmlns:a16="http://schemas.microsoft.com/office/drawing/2014/main" id="{D669C363-66A5-8947-8C32-FCF9310C433F}"/>
              </a:ext>
            </a:extLst>
          </p:cNvPr>
          <p:cNvSpPr/>
          <p:nvPr userDrawn="1"/>
        </p:nvSpPr>
        <p:spPr>
          <a:xfrm>
            <a:off x="0" y="0"/>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descr="Text&#10;&#10;Description automatically generated">
            <a:extLst>
              <a:ext uri="{FF2B5EF4-FFF2-40B4-BE49-F238E27FC236}">
                <a16:creationId xmlns:a16="http://schemas.microsoft.com/office/drawing/2014/main" id="{9FE5CDDB-BD89-9241-B669-5C3A53DB7330}"/>
              </a:ext>
            </a:extLst>
          </p:cNvPr>
          <p:cNvPicPr>
            <a:picLocks noChangeAspect="1"/>
          </p:cNvPicPr>
          <p:nvPr userDrawn="1"/>
        </p:nvPicPr>
        <p:blipFill>
          <a:blip r:embed="rId2"/>
          <a:stretch>
            <a:fillRect/>
          </a:stretch>
        </p:blipFill>
        <p:spPr>
          <a:xfrm>
            <a:off x="482355" y="5995282"/>
            <a:ext cx="1305344" cy="783207"/>
          </a:xfrm>
          <a:prstGeom prst="rect">
            <a:avLst/>
          </a:prstGeom>
        </p:spPr>
      </p:pic>
    </p:spTree>
    <p:extLst>
      <p:ext uri="{BB962C8B-B14F-4D97-AF65-F5344CB8AC3E}">
        <p14:creationId xmlns:p14="http://schemas.microsoft.com/office/powerpoint/2010/main" val="401120922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BULLETS">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1093430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0" y="457201"/>
            <a:ext cx="10972800" cy="484324"/>
          </a:xfrm>
        </p:spPr>
        <p:txBody>
          <a:bodyPr/>
          <a:lstStyle>
            <a:lvl1pPr>
              <a:defRPr>
                <a:solidFill>
                  <a:schemeClr val="accent5"/>
                </a:solidFill>
              </a:defRPr>
            </a:lvl1pPr>
          </a:lstStyle>
          <a:p>
            <a:r>
              <a:rPr lang="en-US"/>
              <a:t>SIMPLE BULLETS</a:t>
            </a:r>
          </a:p>
        </p:txBody>
      </p:sp>
      <p:sp>
        <p:nvSpPr>
          <p:cNvPr id="5" name="Slide Number Placeholder 7">
            <a:extLst>
              <a:ext uri="{FF2B5EF4-FFF2-40B4-BE49-F238E27FC236}">
                <a16:creationId xmlns:a16="http://schemas.microsoft.com/office/drawing/2014/main" id="{38646C8C-E7B6-FD4F-81A8-6887E4EA7061}"/>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74309812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BULLETS_SIDEBAR">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747657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9" y="972439"/>
            <a:ext cx="7477417"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1" y="457201"/>
            <a:ext cx="7495106" cy="484324"/>
          </a:xfrm>
        </p:spPr>
        <p:txBody>
          <a:bodyPr/>
          <a:lstStyle>
            <a:lvl1pPr>
              <a:defRPr>
                <a:solidFill>
                  <a:schemeClr val="accent5"/>
                </a:solidFill>
              </a:defRPr>
            </a:lvl1pPr>
          </a:lstStyle>
          <a:p>
            <a:r>
              <a:rPr lang="en-US"/>
              <a:t>SIMPLE BULLETS W/ SIDEBAR</a:t>
            </a:r>
          </a:p>
        </p:txBody>
      </p:sp>
      <p:sp>
        <p:nvSpPr>
          <p:cNvPr id="5" name="Rectangle 4">
            <a:extLst>
              <a:ext uri="{FF2B5EF4-FFF2-40B4-BE49-F238E27FC236}">
                <a16:creationId xmlns:a16="http://schemas.microsoft.com/office/drawing/2014/main" id="{812BE659-F3F1-3846-B541-0E49FACFE934}"/>
              </a:ext>
            </a:extLst>
          </p:cNvPr>
          <p:cNvSpPr/>
          <p:nvPr userDrawn="1"/>
        </p:nvSpPr>
        <p:spPr>
          <a:xfrm>
            <a:off x="8392617" y="0"/>
            <a:ext cx="3799383" cy="68580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xt Placeholder 8">
            <a:extLst>
              <a:ext uri="{FF2B5EF4-FFF2-40B4-BE49-F238E27FC236}">
                <a16:creationId xmlns:a16="http://schemas.microsoft.com/office/drawing/2014/main" id="{BEDE81C3-E9C9-3D4E-B3E0-37024B77CF10}"/>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4" name="Text Placeholder 3">
            <a:extLst>
              <a:ext uri="{FF2B5EF4-FFF2-40B4-BE49-F238E27FC236}">
                <a16:creationId xmlns:a16="http://schemas.microsoft.com/office/drawing/2014/main" id="{6E24E1C7-9FB0-3044-B3D9-FC682B233086}"/>
              </a:ext>
            </a:extLst>
          </p:cNvPr>
          <p:cNvSpPr>
            <a:spLocks noGrp="1"/>
          </p:cNvSpPr>
          <p:nvPr>
            <p:ph type="body" sz="quarter" idx="19"/>
          </p:nvPr>
        </p:nvSpPr>
        <p:spPr>
          <a:xfrm>
            <a:off x="8839200" y="1396303"/>
            <a:ext cx="2743200" cy="4726976"/>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9" name="Slide Number Placeholder 7">
            <a:extLst>
              <a:ext uri="{FF2B5EF4-FFF2-40B4-BE49-F238E27FC236}">
                <a16:creationId xmlns:a16="http://schemas.microsoft.com/office/drawing/2014/main" id="{A10F0E0A-122E-534D-8D09-B217016CA69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29113243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TEXT">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1093393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p:txBody>
          <a:bodyPr/>
          <a:lstStyle>
            <a:lvl1pPr>
              <a:defRPr>
                <a:solidFill>
                  <a:schemeClr val="accent5"/>
                </a:solidFill>
              </a:defRPr>
            </a:lvl1pPr>
          </a:lstStyle>
          <a:p>
            <a:r>
              <a:rPr lang="en-US"/>
              <a:t>ONE COLUMN</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5" name="Slide Number Placeholder 7">
            <a:extLst>
              <a:ext uri="{FF2B5EF4-FFF2-40B4-BE49-F238E27FC236}">
                <a16:creationId xmlns:a16="http://schemas.microsoft.com/office/drawing/2014/main" id="{74553E29-B355-2A41-B33F-166C3A5E1698}"/>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56441165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DIVIDER">
    <p:spTree>
      <p:nvGrpSpPr>
        <p:cNvPr id="1" name=""/>
        <p:cNvGrpSpPr/>
        <p:nvPr/>
      </p:nvGrpSpPr>
      <p:grpSpPr>
        <a:xfrm>
          <a:off x="0" y="0"/>
          <a:ext cx="0" cy="0"/>
          <a:chOff x="0" y="0"/>
          <a:chExt cx="0" cy="0"/>
        </a:xfrm>
      </p:grpSpPr>
      <p:pic>
        <p:nvPicPr>
          <p:cNvPr id="15" name="Picture 14">
            <a:extLst>
              <a:ext uri="{FF2B5EF4-FFF2-40B4-BE49-F238E27FC236}">
                <a16:creationId xmlns:a16="http://schemas.microsoft.com/office/drawing/2014/main" id="{02943EDA-D0EF-DB42-81D7-4F058C0FF2D6}"/>
              </a:ext>
            </a:extLst>
          </p:cNvPr>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4508500" y="-407"/>
            <a:ext cx="7683500" cy="6858814"/>
          </a:xfrm>
          <a:prstGeom prst="rect">
            <a:avLst/>
          </a:prstGeom>
        </p:spPr>
      </p:pic>
      <p:sp>
        <p:nvSpPr>
          <p:cNvPr id="9" name="Rectangle 8">
            <a:extLst>
              <a:ext uri="{FF2B5EF4-FFF2-40B4-BE49-F238E27FC236}">
                <a16:creationId xmlns:a16="http://schemas.microsoft.com/office/drawing/2014/main" id="{98C677D6-9F08-804C-8FA5-6B79A74098EA}"/>
              </a:ext>
            </a:extLst>
          </p:cNvPr>
          <p:cNvSpPr/>
          <p:nvPr userDrawn="1"/>
        </p:nvSpPr>
        <p:spPr>
          <a:xfrm>
            <a:off x="1" y="0"/>
            <a:ext cx="5262879"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Text Placeholder 9">
            <a:extLst>
              <a:ext uri="{FF2B5EF4-FFF2-40B4-BE49-F238E27FC236}">
                <a16:creationId xmlns:a16="http://schemas.microsoft.com/office/drawing/2014/main" id="{030A4C09-A4CB-3A4E-957A-0309611FE07A}"/>
              </a:ext>
            </a:extLst>
          </p:cNvPr>
          <p:cNvSpPr>
            <a:spLocks noGrp="1"/>
          </p:cNvSpPr>
          <p:nvPr>
            <p:ph type="body" sz="quarter" idx="13" hasCustomPrompt="1"/>
          </p:nvPr>
        </p:nvSpPr>
        <p:spPr>
          <a:xfrm>
            <a:off x="609601" y="2108200"/>
            <a:ext cx="3898899" cy="2400300"/>
          </a:xfrm>
        </p:spPr>
        <p:txBody>
          <a:bodyPr anchor="ctr">
            <a:noAutofit/>
          </a:bodyPr>
          <a:lstStyle>
            <a:lvl1pPr marL="0" indent="0" algn="l">
              <a:lnSpc>
                <a:spcPct val="90000"/>
              </a:lnSpc>
              <a:buNone/>
              <a:defRPr sz="4800" b="1" i="0">
                <a:solidFill>
                  <a:schemeClr val="accent1"/>
                </a:solidFill>
                <a:latin typeface="Avenir Heavy" panose="02000503020000020003" pitchFamily="2" charset="0"/>
                <a:ea typeface="Verdana" panose="020B0604030504040204" pitchFamily="34" charset="0"/>
                <a:cs typeface="Rubik Medium" pitchFamily="2" charset="-79"/>
              </a:defRPr>
            </a:lvl1pPr>
          </a:lstStyle>
          <a:p>
            <a:pPr lvl="0"/>
            <a:r>
              <a:rPr lang="en-US"/>
              <a:t>DIVIDER SLIDE</a:t>
            </a:r>
          </a:p>
        </p:txBody>
      </p:sp>
      <p:pic>
        <p:nvPicPr>
          <p:cNvPr id="11" name="Picture 10">
            <a:extLst>
              <a:ext uri="{FF2B5EF4-FFF2-40B4-BE49-F238E27FC236}">
                <a16:creationId xmlns:a16="http://schemas.microsoft.com/office/drawing/2014/main" id="{F3247EEE-13DB-FB49-9575-68EA3A83F915}"/>
              </a:ext>
            </a:extLst>
          </p:cNvPr>
          <p:cNvPicPr>
            <a:picLocks noChangeAspect="1"/>
          </p:cNvPicPr>
          <p:nvPr userDrawn="1"/>
        </p:nvPicPr>
        <p:blipFill>
          <a:blip r:embed="rId3" cstate="screen">
            <a:extLst>
              <a:ext uri="{28A0092B-C50C-407E-A947-70E740481C1C}">
                <a14:useLocalDpi xmlns:a14="http://schemas.microsoft.com/office/drawing/2010/main"/>
              </a:ext>
            </a:extLst>
          </a:blip>
          <a:srcRect/>
          <a:stretch/>
        </p:blipFill>
        <p:spPr>
          <a:xfrm>
            <a:off x="609600" y="6123165"/>
            <a:ext cx="1149041" cy="453667"/>
          </a:xfrm>
          <a:prstGeom prst="rect">
            <a:avLst/>
          </a:prstGeom>
        </p:spPr>
      </p:pic>
      <p:sp>
        <p:nvSpPr>
          <p:cNvPr id="12" name="Rectangle 11">
            <a:extLst>
              <a:ext uri="{FF2B5EF4-FFF2-40B4-BE49-F238E27FC236}">
                <a16:creationId xmlns:a16="http://schemas.microsoft.com/office/drawing/2014/main" id="{D669C363-66A5-8947-8C32-FCF9310C433F}"/>
              </a:ext>
            </a:extLst>
          </p:cNvPr>
          <p:cNvSpPr/>
          <p:nvPr userDrawn="1"/>
        </p:nvSpPr>
        <p:spPr>
          <a:xfrm>
            <a:off x="0" y="0"/>
            <a:ext cx="12192000" cy="889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34512377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TEXT_SIDEBAR">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749458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a:xfrm>
            <a:off x="633046" y="457201"/>
            <a:ext cx="7494588" cy="484324"/>
          </a:xfrm>
        </p:spPr>
        <p:txBody>
          <a:bodyPr/>
          <a:lstStyle>
            <a:lvl1pPr>
              <a:defRPr>
                <a:solidFill>
                  <a:schemeClr val="accent5"/>
                </a:solidFill>
              </a:defRPr>
            </a:lvl1pPr>
          </a:lstStyle>
          <a:p>
            <a:r>
              <a:rPr lang="en-US"/>
              <a:t>ONE COLUMN W/ SIDEBAR</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7499488"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2" name="Rectangle 1">
            <a:extLst>
              <a:ext uri="{FF2B5EF4-FFF2-40B4-BE49-F238E27FC236}">
                <a16:creationId xmlns:a16="http://schemas.microsoft.com/office/drawing/2014/main" id="{1855C55C-AFC0-DC4A-8FE2-00E160DA13B5}"/>
              </a:ext>
            </a:extLst>
          </p:cNvPr>
          <p:cNvSpPr/>
          <p:nvPr userDrawn="1"/>
        </p:nvSpPr>
        <p:spPr>
          <a:xfrm>
            <a:off x="8392250" y="68826"/>
            <a:ext cx="3799750" cy="6789174"/>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xt Placeholder 8">
            <a:extLst>
              <a:ext uri="{FF2B5EF4-FFF2-40B4-BE49-F238E27FC236}">
                <a16:creationId xmlns:a16="http://schemas.microsoft.com/office/drawing/2014/main" id="{9DF4F0AC-DF2F-2440-8588-A3E43C984E98}"/>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15" name="Text Placeholder 3">
            <a:extLst>
              <a:ext uri="{FF2B5EF4-FFF2-40B4-BE49-F238E27FC236}">
                <a16:creationId xmlns:a16="http://schemas.microsoft.com/office/drawing/2014/main" id="{7761D298-1DE8-B948-BEF3-6E35C08C77C6}"/>
              </a:ext>
            </a:extLst>
          </p:cNvPr>
          <p:cNvSpPr>
            <a:spLocks noGrp="1"/>
          </p:cNvSpPr>
          <p:nvPr>
            <p:ph type="body" sz="quarter" idx="19"/>
          </p:nvPr>
        </p:nvSpPr>
        <p:spPr>
          <a:xfrm>
            <a:off x="8839200" y="1396302"/>
            <a:ext cx="2743200" cy="4744391"/>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8" name="Slide Number Placeholder 7">
            <a:extLst>
              <a:ext uri="{FF2B5EF4-FFF2-40B4-BE49-F238E27FC236}">
                <a16:creationId xmlns:a16="http://schemas.microsoft.com/office/drawing/2014/main" id="{CE0A601D-D624-EB4D-9003-B1E4ADE20A1E}"/>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315938401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TWO_COLUMN">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400"/>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77337"/>
            <a:ext cx="5325578" cy="4045942"/>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AF71D006-89F6-8F49-AC44-D054C5E78799}"/>
              </a:ext>
            </a:extLst>
          </p:cNvPr>
          <p:cNvSpPr>
            <a:spLocks noGrp="1"/>
          </p:cNvSpPr>
          <p:nvPr>
            <p:ph type="title" hasCustomPrompt="1"/>
          </p:nvPr>
        </p:nvSpPr>
        <p:spPr/>
        <p:txBody>
          <a:bodyPr/>
          <a:lstStyle>
            <a:lvl1pPr>
              <a:defRPr>
                <a:solidFill>
                  <a:schemeClr val="accent5"/>
                </a:solidFill>
              </a:defRPr>
            </a:lvl1pPr>
          </a:lstStyle>
          <a:p>
            <a:r>
              <a:rPr lang="en-US"/>
              <a:t>TWO COLUMN</a:t>
            </a:r>
          </a:p>
        </p:txBody>
      </p:sp>
      <p:sp>
        <p:nvSpPr>
          <p:cNvPr id="10" name="Text Placeholder 8">
            <a:extLst>
              <a:ext uri="{FF2B5EF4-FFF2-40B4-BE49-F238E27FC236}">
                <a16:creationId xmlns:a16="http://schemas.microsoft.com/office/drawing/2014/main" id="{CA6742B0-4B7B-144D-89D3-1E9998902EF9}"/>
              </a:ext>
            </a:extLst>
          </p:cNvPr>
          <p:cNvSpPr>
            <a:spLocks noGrp="1"/>
          </p:cNvSpPr>
          <p:nvPr>
            <p:ph type="body" sz="quarter" idx="15" hasCustomPrompt="1"/>
          </p:nvPr>
        </p:nvSpPr>
        <p:spPr>
          <a:xfrm>
            <a:off x="625888" y="1554480"/>
            <a:ext cx="5295324"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2" name="Text Placeholder 8">
            <a:extLst>
              <a:ext uri="{FF2B5EF4-FFF2-40B4-BE49-F238E27FC236}">
                <a16:creationId xmlns:a16="http://schemas.microsoft.com/office/drawing/2014/main" id="{45A20E53-E60A-D148-ADE3-217B9C0555D8}"/>
              </a:ext>
            </a:extLst>
          </p:cNvPr>
          <p:cNvSpPr>
            <a:spLocks noGrp="1"/>
          </p:cNvSpPr>
          <p:nvPr>
            <p:ph type="body" sz="quarter" idx="16" hasCustomPrompt="1"/>
          </p:nvPr>
        </p:nvSpPr>
        <p:spPr>
          <a:xfrm>
            <a:off x="6233376" y="1554480"/>
            <a:ext cx="5295324"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7" name="Slide Number Placeholder 7">
            <a:extLst>
              <a:ext uri="{FF2B5EF4-FFF2-40B4-BE49-F238E27FC236}">
                <a16:creationId xmlns:a16="http://schemas.microsoft.com/office/drawing/2014/main" id="{B4B2A1AB-E041-DD4B-941F-BBC682B78CD6}"/>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66695507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THREE_COLUMN">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8132108-D7DE-3745-A51E-78481AA52BD0}"/>
              </a:ext>
            </a:extLst>
          </p:cNvPr>
          <p:cNvSpPr>
            <a:spLocks noGrp="1"/>
          </p:cNvSpPr>
          <p:nvPr>
            <p:ph type="title" hasCustomPrompt="1"/>
          </p:nvPr>
        </p:nvSpPr>
        <p:spPr/>
        <p:txBody>
          <a:bodyPr/>
          <a:lstStyle>
            <a:lvl1pPr>
              <a:defRPr>
                <a:solidFill>
                  <a:schemeClr val="accent5"/>
                </a:solidFill>
              </a:defRPr>
            </a:lvl1pPr>
          </a:lstStyle>
          <a:p>
            <a:r>
              <a:rPr lang="en-US"/>
              <a:t>THREE COLUMN</a:t>
            </a:r>
          </a:p>
        </p:txBody>
      </p:sp>
      <p:sp>
        <p:nvSpPr>
          <p:cNvPr id="13" name="Text Placeholder 8">
            <a:extLst>
              <a:ext uri="{FF2B5EF4-FFF2-40B4-BE49-F238E27FC236}">
                <a16:creationId xmlns:a16="http://schemas.microsoft.com/office/drawing/2014/main" id="{E18894EB-AE11-3647-98FC-533AEB7F989D}"/>
              </a:ext>
            </a:extLst>
          </p:cNvPr>
          <p:cNvSpPr>
            <a:spLocks noGrp="1"/>
          </p:cNvSpPr>
          <p:nvPr>
            <p:ph type="body" sz="quarter" idx="15" hasCustomPrompt="1"/>
          </p:nvPr>
        </p:nvSpPr>
        <p:spPr>
          <a:xfrm>
            <a:off x="625888"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4" name="Text Placeholder 8">
            <a:extLst>
              <a:ext uri="{FF2B5EF4-FFF2-40B4-BE49-F238E27FC236}">
                <a16:creationId xmlns:a16="http://schemas.microsoft.com/office/drawing/2014/main" id="{B246D0B6-534F-E143-B944-29D787BAFBCB}"/>
              </a:ext>
            </a:extLst>
          </p:cNvPr>
          <p:cNvSpPr>
            <a:spLocks noGrp="1"/>
          </p:cNvSpPr>
          <p:nvPr>
            <p:ph type="body" sz="quarter" idx="20" hasCustomPrompt="1"/>
          </p:nvPr>
        </p:nvSpPr>
        <p:spPr>
          <a:xfrm>
            <a:off x="4370594"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5" name="Text Placeholder 8">
            <a:extLst>
              <a:ext uri="{FF2B5EF4-FFF2-40B4-BE49-F238E27FC236}">
                <a16:creationId xmlns:a16="http://schemas.microsoft.com/office/drawing/2014/main" id="{80A41FA9-4C2C-CC4F-BA42-5FC4D2EEC437}"/>
              </a:ext>
            </a:extLst>
          </p:cNvPr>
          <p:cNvSpPr>
            <a:spLocks noGrp="1"/>
          </p:cNvSpPr>
          <p:nvPr>
            <p:ph type="body" sz="quarter" idx="21" hasCustomPrompt="1"/>
          </p:nvPr>
        </p:nvSpPr>
        <p:spPr>
          <a:xfrm>
            <a:off x="8115300"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7" name="Content Placeholder 7">
            <a:extLst>
              <a:ext uri="{FF2B5EF4-FFF2-40B4-BE49-F238E27FC236}">
                <a16:creationId xmlns:a16="http://schemas.microsoft.com/office/drawing/2014/main" id="{23979181-A85F-8F46-9F5B-E1434F737C21}"/>
              </a:ext>
            </a:extLst>
          </p:cNvPr>
          <p:cNvSpPr>
            <a:spLocks noGrp="1"/>
          </p:cNvSpPr>
          <p:nvPr>
            <p:ph sz="quarter" idx="13"/>
          </p:nvPr>
        </p:nvSpPr>
        <p:spPr>
          <a:xfrm>
            <a:off x="633046"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Content Placeholder 7">
            <a:extLst>
              <a:ext uri="{FF2B5EF4-FFF2-40B4-BE49-F238E27FC236}">
                <a16:creationId xmlns:a16="http://schemas.microsoft.com/office/drawing/2014/main" id="{FCE0BBCF-20B0-F742-A2BD-CD8019EEC1E1}"/>
              </a:ext>
            </a:extLst>
          </p:cNvPr>
          <p:cNvSpPr>
            <a:spLocks noGrp="1"/>
          </p:cNvSpPr>
          <p:nvPr>
            <p:ph sz="quarter" idx="22"/>
          </p:nvPr>
        </p:nvSpPr>
        <p:spPr>
          <a:xfrm>
            <a:off x="4382317"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Content Placeholder 7">
            <a:extLst>
              <a:ext uri="{FF2B5EF4-FFF2-40B4-BE49-F238E27FC236}">
                <a16:creationId xmlns:a16="http://schemas.microsoft.com/office/drawing/2014/main" id="{D1E55806-061F-134A-B860-D1AB41F66F07}"/>
              </a:ext>
            </a:extLst>
          </p:cNvPr>
          <p:cNvSpPr>
            <a:spLocks noGrp="1"/>
          </p:cNvSpPr>
          <p:nvPr>
            <p:ph sz="quarter" idx="23"/>
          </p:nvPr>
        </p:nvSpPr>
        <p:spPr>
          <a:xfrm>
            <a:off x="8131589"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Slide Number Placeholder 7">
            <a:extLst>
              <a:ext uri="{FF2B5EF4-FFF2-40B4-BE49-F238E27FC236}">
                <a16:creationId xmlns:a16="http://schemas.microsoft.com/office/drawing/2014/main" id="{30E17351-DB81-8049-9C24-01A0B8DE2F1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66762145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MULTI_INFO">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399"/>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57399"/>
            <a:ext cx="5325578"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8996A88E-9D0D-6E4C-AB61-620BD700301D}"/>
              </a:ext>
            </a:extLst>
          </p:cNvPr>
          <p:cNvSpPr>
            <a:spLocks noGrp="1"/>
          </p:cNvSpPr>
          <p:nvPr>
            <p:ph type="title" hasCustomPrompt="1"/>
          </p:nvPr>
        </p:nvSpPr>
        <p:spPr/>
        <p:txBody>
          <a:bodyPr/>
          <a:lstStyle>
            <a:lvl1pPr>
              <a:defRPr>
                <a:solidFill>
                  <a:schemeClr val="accent5"/>
                </a:solidFill>
              </a:defRPr>
            </a:lvl1pPr>
          </a:lstStyle>
          <a:p>
            <a:r>
              <a:rPr lang="en-US"/>
              <a:t>MULTI-INFORMATION</a:t>
            </a:r>
          </a:p>
        </p:txBody>
      </p:sp>
      <p:sp>
        <p:nvSpPr>
          <p:cNvPr id="11" name="Text Placeholder 8">
            <a:extLst>
              <a:ext uri="{FF2B5EF4-FFF2-40B4-BE49-F238E27FC236}">
                <a16:creationId xmlns:a16="http://schemas.microsoft.com/office/drawing/2014/main" id="{FD6499FC-E424-D24C-A3F8-CB853586C77A}"/>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smtClean="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Various Information including charts, graphs, and tables</a:t>
            </a:r>
          </a:p>
        </p:txBody>
      </p:sp>
      <p:sp>
        <p:nvSpPr>
          <p:cNvPr id="6" name="Slide Number Placeholder 7">
            <a:extLst>
              <a:ext uri="{FF2B5EF4-FFF2-40B4-BE49-F238E27FC236}">
                <a16:creationId xmlns:a16="http://schemas.microsoft.com/office/drawing/2014/main" id="{C9A1AB9A-650F-0449-B4D3-7C25C0933DD0}"/>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16508780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STATEM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09600" y="3071944"/>
            <a:ext cx="5029202" cy="714106"/>
          </a:xfrm>
        </p:spPr>
        <p:txBody>
          <a:bodyPr wrap="square" lIns="0" rIns="0" anchor="ctr">
            <a:spAutoFit/>
          </a:bodyPr>
          <a:lstStyle>
            <a:lvl1pPr marL="0" indent="0">
              <a:lnSpc>
                <a:spcPct val="110000"/>
              </a:lnSpc>
              <a:buNone/>
              <a:defRPr sz="2000" b="0" i="0">
                <a:solidFill>
                  <a:schemeClr val="accent1"/>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33046" y="457200"/>
            <a:ext cx="5339129" cy="781049"/>
          </a:xfrm>
        </p:spPr>
        <p:txBody>
          <a:bodyPr/>
          <a:lstStyle>
            <a:lvl1pPr>
              <a:defRPr>
                <a:solidFill>
                  <a:schemeClr val="accent5"/>
                </a:solidFill>
              </a:defRPr>
            </a:lvl1pPr>
          </a:lstStyle>
          <a:p>
            <a:r>
              <a:rPr lang="en-US"/>
              <a:t>IMAGE &amp; STATEMENT</a:t>
            </a:r>
            <a:br>
              <a:rPr lang="en-US"/>
            </a:br>
            <a:r>
              <a:rPr lang="en-US"/>
              <a:t>LEFT</a:t>
            </a:r>
          </a:p>
        </p:txBody>
      </p:sp>
    </p:spTree>
    <p:extLst>
      <p:ext uri="{BB962C8B-B14F-4D97-AF65-F5344CB8AC3E}">
        <p14:creationId xmlns:p14="http://schemas.microsoft.com/office/powerpoint/2010/main" val="117438783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STATEM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515100" y="3071944"/>
            <a:ext cx="5067300" cy="714106"/>
          </a:xfrm>
        </p:spPr>
        <p:txBody>
          <a:bodyPr wrap="square" lIns="0" rIns="0" anchor="ctr">
            <a:spAutoFit/>
          </a:bodyPr>
          <a:lstStyle>
            <a:lvl1pPr marL="0" indent="0">
              <a:lnSpc>
                <a:spcPct val="110000"/>
              </a:lnSpc>
              <a:buNone/>
              <a:defRPr sz="2000" b="0" i="0">
                <a:solidFill>
                  <a:schemeClr val="tx1">
                    <a:lumMod val="50000"/>
                    <a:lumOff val="50000"/>
                  </a:schemeClr>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515101" y="457200"/>
            <a:ext cx="5067300" cy="781049"/>
          </a:xfrm>
        </p:spPr>
        <p:txBody>
          <a:bodyPr/>
          <a:lstStyle>
            <a:lvl1pPr>
              <a:defRPr>
                <a:solidFill>
                  <a:schemeClr val="accent5"/>
                </a:solidFill>
              </a:defRPr>
            </a:lvl1pPr>
          </a:lstStyle>
          <a:p>
            <a:r>
              <a:rPr lang="en-US"/>
              <a:t>IMAGE &amp; STATEMENT</a:t>
            </a:r>
            <a:br>
              <a:rPr lang="en-US"/>
            </a:br>
            <a:r>
              <a:rPr lang="en-US"/>
              <a:t>RIGHT</a:t>
            </a:r>
          </a:p>
        </p:txBody>
      </p:sp>
      <p:sp>
        <p:nvSpPr>
          <p:cNvPr id="6" name="Slide Number Placeholder 7">
            <a:extLst>
              <a:ext uri="{FF2B5EF4-FFF2-40B4-BE49-F238E27FC236}">
                <a16:creationId xmlns:a16="http://schemas.microsoft.com/office/drawing/2014/main" id="{E3BB7671-82CD-9449-99ED-A88617E0797A}"/>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79690774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CONT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33046" y="457201"/>
            <a:ext cx="5262929" cy="809624"/>
          </a:xfrm>
        </p:spPr>
        <p:txBody>
          <a:bodyPr/>
          <a:lstStyle>
            <a:lvl1pPr>
              <a:defRPr>
                <a:solidFill>
                  <a:schemeClr val="accent5"/>
                </a:solidFill>
              </a:defRPr>
            </a:lvl1pPr>
          </a:lstStyle>
          <a:p>
            <a:r>
              <a:rPr lang="en-US"/>
              <a:t>IMAGE &amp; CONTENT</a:t>
            </a:r>
            <a:br>
              <a:rPr lang="en-US"/>
            </a:br>
            <a:r>
              <a:rPr lang="en-US"/>
              <a:t>LEF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33046" y="1925685"/>
            <a:ext cx="5262929"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90322353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CONT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515101" y="457201"/>
            <a:ext cx="5067300" cy="809624"/>
          </a:xfrm>
        </p:spPr>
        <p:txBody>
          <a:bodyPr/>
          <a:lstStyle>
            <a:lvl1pPr>
              <a:defRPr>
                <a:solidFill>
                  <a:schemeClr val="accent5"/>
                </a:solidFill>
              </a:defRPr>
            </a:lvl1pPr>
          </a:lstStyle>
          <a:p>
            <a:r>
              <a:rPr lang="en-US"/>
              <a:t>IMAGE &amp; CONTENT</a:t>
            </a:r>
            <a:br>
              <a:rPr lang="en-US"/>
            </a:br>
            <a:r>
              <a:rPr lang="en-US"/>
              <a:t>RIGH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515101" y="1925685"/>
            <a:ext cx="5067300"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7">
            <a:extLst>
              <a:ext uri="{FF2B5EF4-FFF2-40B4-BE49-F238E27FC236}">
                <a16:creationId xmlns:a16="http://schemas.microsoft.com/office/drawing/2014/main" id="{4F57C929-D27A-1545-8FB3-5CED55E5D16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76605636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STATEMENT_PHOTO">
    <p:bg>
      <p:bgPr>
        <a:solidFill>
          <a:schemeClr val="accent5"/>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B956B44-6459-C147-B05F-9B8A94B3614A}"/>
              </a:ext>
            </a:extLst>
          </p:cNvPr>
          <p:cNvSpPr>
            <a:spLocks noGrp="1"/>
          </p:cNvSpPr>
          <p:nvPr>
            <p:ph type="title" hasCustomPrompt="1"/>
          </p:nvPr>
        </p:nvSpPr>
        <p:spPr>
          <a:xfrm>
            <a:off x="1111955" y="4796153"/>
            <a:ext cx="9968089" cy="1048107"/>
          </a:xfrm>
          <a:effectLst/>
        </p:spPr>
        <p:txBody>
          <a:bodyPr wrap="square" anchor="ctr">
            <a:spAutoFit/>
          </a:bodyPr>
          <a:lstStyle>
            <a:lvl1pPr algn="ctr">
              <a:lnSpc>
                <a:spcPct val="110000"/>
              </a:lnSpc>
              <a:defRPr sz="3000" b="0" i="0">
                <a:solidFill>
                  <a:schemeClr val="bg1"/>
                </a:solidFill>
                <a:latin typeface="Avenir Book" panose="02000503020000020003" pitchFamily="2" charset="0"/>
                <a:ea typeface="Verdana" panose="020B0604030504040204" pitchFamily="34" charset="0"/>
                <a:cs typeface="Rubik" pitchFamily="2" charset="-79"/>
              </a:defRPr>
            </a:lvl1pPr>
          </a:lstStyle>
          <a:p>
            <a:r>
              <a:rPr lang="en-US"/>
              <a:t>Statement slide with a sentence or two here about something important</a:t>
            </a:r>
          </a:p>
        </p:txBody>
      </p:sp>
      <p:sp>
        <p:nvSpPr>
          <p:cNvPr id="6" name="Picture Placeholder 11">
            <a:extLst>
              <a:ext uri="{FF2B5EF4-FFF2-40B4-BE49-F238E27FC236}">
                <a16:creationId xmlns:a16="http://schemas.microsoft.com/office/drawing/2014/main" id="{65B63C78-525F-1248-9C04-E6423D7A4DA1}"/>
              </a:ext>
            </a:extLst>
          </p:cNvPr>
          <p:cNvSpPr>
            <a:spLocks noGrp="1"/>
          </p:cNvSpPr>
          <p:nvPr>
            <p:ph type="pic" sz="quarter" idx="13"/>
          </p:nvPr>
        </p:nvSpPr>
        <p:spPr>
          <a:xfrm>
            <a:off x="-1" y="0"/>
            <a:ext cx="12192000" cy="3855155"/>
          </a:xfrm>
          <a:solidFill>
            <a:schemeClr val="tx2"/>
          </a:solidFill>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Tree>
    <p:extLst>
      <p:ext uri="{BB962C8B-B14F-4D97-AF65-F5344CB8AC3E}">
        <p14:creationId xmlns:p14="http://schemas.microsoft.com/office/powerpoint/2010/main" val="78052964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FULL_PHOTO_STATEMENT">
    <p:bg>
      <p:bgPr>
        <a:solidFill>
          <a:schemeClr val="tx1"/>
        </a:solidFill>
        <a:effectLst/>
      </p:bgPr>
    </p:bg>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2"/>
            <a:ext cx="12192000" cy="6858001"/>
          </a:xfrm>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1677343" y="2574916"/>
            <a:ext cx="8837312" cy="1708160"/>
          </a:xfrm>
        </p:spPr>
        <p:txBody>
          <a:bodyPr wrap="square" lIns="457200" rIns="457200" anchor="ctr">
            <a:spAutoFit/>
          </a:bodyPr>
          <a:lstStyle>
            <a:lvl1pPr marL="0" indent="0" algn="ctr">
              <a:lnSpc>
                <a:spcPct val="100000"/>
              </a:lnSpc>
              <a:buNone/>
              <a:defRPr sz="3600" b="0" i="0">
                <a:solidFill>
                  <a:schemeClr val="bg1"/>
                </a:solidFill>
                <a:effectLst>
                  <a:outerShdw blurRad="520700" dist="38100" dir="2700000" algn="tl" rotWithShape="0">
                    <a:schemeClr val="tx1">
                      <a:alpha val="40000"/>
                    </a:schemeClr>
                  </a:outerShdw>
                </a:effectLst>
                <a:latin typeface="Avenir Book" panose="02000503020000020003" pitchFamily="2" charset="0"/>
                <a:ea typeface="Verdana" panose="020B0604030504040204" pitchFamily="34" charset="0"/>
                <a:cs typeface="Rubik" pitchFamily="2" charset="-79"/>
              </a:defRPr>
            </a:lvl1pPr>
          </a:lstStyle>
          <a:p>
            <a:pPr lvl="0"/>
            <a:r>
              <a:rPr lang="en-US"/>
              <a:t>Some brief copy, no more than a few sentences long, making a concise statement about something important.</a:t>
            </a:r>
          </a:p>
        </p:txBody>
      </p:sp>
    </p:spTree>
    <p:extLst>
      <p:ext uri="{BB962C8B-B14F-4D97-AF65-F5344CB8AC3E}">
        <p14:creationId xmlns:p14="http://schemas.microsoft.com/office/powerpoint/2010/main" val="20043228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BULLETS">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1093430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0" y="457201"/>
            <a:ext cx="10972800" cy="484324"/>
          </a:xfrm>
        </p:spPr>
        <p:txBody>
          <a:bodyPr/>
          <a:lstStyle/>
          <a:p>
            <a:r>
              <a:rPr lang="en-US"/>
              <a:t>SIMPLE BULLETS</a:t>
            </a:r>
          </a:p>
        </p:txBody>
      </p:sp>
      <p:sp>
        <p:nvSpPr>
          <p:cNvPr id="5" name="Slide Number Placeholder 7">
            <a:extLst>
              <a:ext uri="{FF2B5EF4-FFF2-40B4-BE49-F238E27FC236}">
                <a16:creationId xmlns:a16="http://schemas.microsoft.com/office/drawing/2014/main" id="{38646C8C-E7B6-FD4F-81A8-6887E4EA7061}"/>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78053300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userDrawn="1">
          <p15:clr>
            <a:srgbClr val="FBAE40"/>
          </p15:clr>
        </p15:guide>
      </p15:sldGuideLst>
    </p:ext>
  </p:extLs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THANKYOU">
    <p:bg>
      <p:bgPr>
        <a:solidFill>
          <a:schemeClr val="tx2"/>
        </a:solidFill>
        <a:effectLst/>
      </p:bgPr>
    </p:bg>
    <p:spTree>
      <p:nvGrpSpPr>
        <p:cNvPr id="1" name=""/>
        <p:cNvGrpSpPr/>
        <p:nvPr/>
      </p:nvGrpSpPr>
      <p:grpSpPr>
        <a:xfrm>
          <a:off x="0" y="0"/>
          <a:ext cx="0" cy="0"/>
          <a:chOff x="0" y="0"/>
          <a:chExt cx="0" cy="0"/>
        </a:xfrm>
      </p:grpSpPr>
      <p:pic>
        <p:nvPicPr>
          <p:cNvPr id="6" name="Picture 5" descr="A picture containing outdoor, sky, city, several&#10;&#10;Description automatically generated">
            <a:extLst>
              <a:ext uri="{FF2B5EF4-FFF2-40B4-BE49-F238E27FC236}">
                <a16:creationId xmlns:a16="http://schemas.microsoft.com/office/drawing/2014/main" id="{4C8B518B-BF4D-E442-AFDA-A512C13610CE}"/>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6" name="Rectangle 15">
            <a:extLst>
              <a:ext uri="{FF2B5EF4-FFF2-40B4-BE49-F238E27FC236}">
                <a16:creationId xmlns:a16="http://schemas.microsoft.com/office/drawing/2014/main" id="{CD96EEAF-8CEA-2441-8F71-C2685CA25923}"/>
              </a:ext>
            </a:extLst>
          </p:cNvPr>
          <p:cNvSpPr/>
          <p:nvPr userDrawn="1"/>
        </p:nvSpPr>
        <p:spPr>
          <a:xfrm>
            <a:off x="0" y="2787805"/>
            <a:ext cx="8028512" cy="2486722"/>
          </a:xfrm>
          <a:prstGeom prst="rect">
            <a:avLst/>
          </a:prstGeom>
          <a:solidFill>
            <a:schemeClr val="accent5">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Rectangle 16">
            <a:extLst>
              <a:ext uri="{FF2B5EF4-FFF2-40B4-BE49-F238E27FC236}">
                <a16:creationId xmlns:a16="http://schemas.microsoft.com/office/drawing/2014/main" id="{D5761815-63B9-6044-B96B-2084A33E2485}"/>
              </a:ext>
            </a:extLst>
          </p:cNvPr>
          <p:cNvSpPr/>
          <p:nvPr userDrawn="1"/>
        </p:nvSpPr>
        <p:spPr>
          <a:xfrm>
            <a:off x="8255001" y="2787805"/>
            <a:ext cx="3937000" cy="2486722"/>
          </a:xfrm>
          <a:prstGeom prst="rect">
            <a:avLst/>
          </a:prstGeom>
          <a:solidFill>
            <a:schemeClr val="bg1">
              <a:alpha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2" name="Picture 1">
            <a:extLst>
              <a:ext uri="{FF2B5EF4-FFF2-40B4-BE49-F238E27FC236}">
                <a16:creationId xmlns:a16="http://schemas.microsoft.com/office/drawing/2014/main" id="{EDE65CAD-FBB0-7F4A-A1A1-23CB52C3477B}"/>
              </a:ext>
            </a:extLst>
          </p:cNvPr>
          <p:cNvPicPr>
            <a:picLocks noChangeAspect="1"/>
          </p:cNvPicPr>
          <p:nvPr userDrawn="1"/>
        </p:nvPicPr>
        <p:blipFill>
          <a:blip r:embed="rId4"/>
          <a:stretch>
            <a:fillRect/>
          </a:stretch>
        </p:blipFill>
        <p:spPr>
          <a:xfrm>
            <a:off x="9118412" y="3429000"/>
            <a:ext cx="2359370" cy="1146764"/>
          </a:xfrm>
          <a:prstGeom prst="rect">
            <a:avLst/>
          </a:prstGeom>
        </p:spPr>
      </p:pic>
    </p:spTree>
    <p:extLst>
      <p:ext uri="{BB962C8B-B14F-4D97-AF65-F5344CB8AC3E}">
        <p14:creationId xmlns:p14="http://schemas.microsoft.com/office/powerpoint/2010/main" val="166448211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6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7">
            <a:extLst>
              <a:ext uri="{FF2B5EF4-FFF2-40B4-BE49-F238E27FC236}">
                <a16:creationId xmlns:a16="http://schemas.microsoft.com/office/drawing/2014/main" id="{9A6A9EFD-3B62-4E4F-91EB-F9F1A4E57EB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242935693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TITLE_C">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8D349089-8D66-9E40-BF18-90E16FD6AD8C}"/>
              </a:ext>
            </a:extLst>
          </p:cNvPr>
          <p:cNvSpPr/>
          <p:nvPr userDrawn="1"/>
        </p:nvSpPr>
        <p:spPr>
          <a:xfrm>
            <a:off x="367862" y="6011917"/>
            <a:ext cx="1534510" cy="75718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45DB764E-A675-2B42-A883-CFA03F89AD65}"/>
              </a:ext>
            </a:extLst>
          </p:cNvPr>
          <p:cNvSpPr/>
          <p:nvPr userDrawn="1"/>
        </p:nvSpPr>
        <p:spPr>
          <a:xfrm>
            <a:off x="5396366" y="0"/>
            <a:ext cx="6795635" cy="6858000"/>
          </a:xfrm>
          <a:prstGeom prst="rect">
            <a:avLst/>
          </a:prstGeom>
          <a:solidFill>
            <a:srgbClr val="2B465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solidFill>
                <a:schemeClr val="bg1"/>
              </a:solidFill>
              <a:highlight>
                <a:srgbClr val="508EAA"/>
              </a:highlight>
            </a:endParaRPr>
          </a:p>
        </p:txBody>
      </p:sp>
      <p:sp>
        <p:nvSpPr>
          <p:cNvPr id="6" name="Rectangle 5">
            <a:extLst>
              <a:ext uri="{FF2B5EF4-FFF2-40B4-BE49-F238E27FC236}">
                <a16:creationId xmlns:a16="http://schemas.microsoft.com/office/drawing/2014/main" id="{EF5A6E6D-E5D4-9945-8ABD-BBD083014B7C}"/>
              </a:ext>
            </a:extLst>
          </p:cNvPr>
          <p:cNvSpPr/>
          <p:nvPr userDrawn="1"/>
        </p:nvSpPr>
        <p:spPr>
          <a:xfrm>
            <a:off x="0" y="69572"/>
            <a:ext cx="5396365" cy="6788427"/>
          </a:xfrm>
          <a:prstGeom prst="rect">
            <a:avLst/>
          </a:prstGeom>
          <a:solidFill>
            <a:srgbClr val="000000">
              <a:alpha val="4980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p>
        </p:txBody>
      </p:sp>
      <p:sp>
        <p:nvSpPr>
          <p:cNvPr id="7" name="Title 1">
            <a:extLst>
              <a:ext uri="{FF2B5EF4-FFF2-40B4-BE49-F238E27FC236}">
                <a16:creationId xmlns:a16="http://schemas.microsoft.com/office/drawing/2014/main" id="{9BFC4C35-9200-DD4C-B038-39B49776DA41}"/>
              </a:ext>
            </a:extLst>
          </p:cNvPr>
          <p:cNvSpPr>
            <a:spLocks noGrp="1"/>
          </p:cNvSpPr>
          <p:nvPr>
            <p:ph type="ctrTitle"/>
          </p:nvPr>
        </p:nvSpPr>
        <p:spPr>
          <a:xfrm>
            <a:off x="5761668" y="3899674"/>
            <a:ext cx="5670757" cy="1463040"/>
          </a:xfrm>
          <a:prstGeom prst="rect">
            <a:avLst/>
          </a:prstGeom>
        </p:spPr>
        <p:txBody>
          <a:bodyPr lIns="0" tIns="0" rIns="0" bIns="0">
            <a:noAutofit/>
          </a:bodyPr>
          <a:lstStyle>
            <a:lvl1pPr>
              <a:lnSpc>
                <a:spcPts val="3300"/>
              </a:lnSpc>
              <a:defRPr sz="2700">
                <a:solidFill>
                  <a:schemeClr val="bg1">
                    <a:lumMod val="95000"/>
                  </a:schemeClr>
                </a:solidFill>
              </a:defRPr>
            </a:lvl1pPr>
          </a:lstStyle>
          <a:p>
            <a:r>
              <a:rPr lang="en-US"/>
              <a:t>Click to edit Master title style</a:t>
            </a:r>
          </a:p>
        </p:txBody>
      </p:sp>
      <p:sp>
        <p:nvSpPr>
          <p:cNvPr id="8" name="Subtitle 2">
            <a:extLst>
              <a:ext uri="{FF2B5EF4-FFF2-40B4-BE49-F238E27FC236}">
                <a16:creationId xmlns:a16="http://schemas.microsoft.com/office/drawing/2014/main" id="{E5DF5D30-943E-6642-A246-8EE3E9EE2E6C}"/>
              </a:ext>
            </a:extLst>
          </p:cNvPr>
          <p:cNvSpPr>
            <a:spLocks noGrp="1"/>
          </p:cNvSpPr>
          <p:nvPr>
            <p:ph type="subTitle" idx="1"/>
          </p:nvPr>
        </p:nvSpPr>
        <p:spPr>
          <a:xfrm>
            <a:off x="5761668" y="3315001"/>
            <a:ext cx="5670757" cy="484464"/>
          </a:xfrm>
          <a:prstGeom prst="rect">
            <a:avLst/>
          </a:prstGeom>
        </p:spPr>
        <p:txBody>
          <a:bodyPr lIns="0" tIns="0" rIns="0" bIns="0" anchor="b">
            <a:noAutofit/>
          </a:bodyPr>
          <a:lstStyle>
            <a:lvl1pPr marL="0" indent="0" algn="l">
              <a:buNone/>
              <a:defRPr sz="2000" b="0">
                <a:solidFill>
                  <a:schemeClr val="bg1"/>
                </a:solidFill>
                <a:latin typeface="+mn-lt"/>
              </a:defRPr>
            </a:lvl1pPr>
            <a:lvl2pPr marL="609493" indent="0" algn="ctr">
              <a:buNone/>
              <a:defRPr>
                <a:solidFill>
                  <a:schemeClr val="tx1">
                    <a:tint val="75000"/>
                  </a:schemeClr>
                </a:solidFill>
              </a:defRPr>
            </a:lvl2pPr>
            <a:lvl3pPr marL="1218987" indent="0" algn="ctr">
              <a:buNone/>
              <a:defRPr>
                <a:solidFill>
                  <a:schemeClr val="tx1">
                    <a:tint val="75000"/>
                  </a:schemeClr>
                </a:solidFill>
              </a:defRPr>
            </a:lvl3pPr>
            <a:lvl4pPr marL="1828480" indent="0" algn="ctr">
              <a:buNone/>
              <a:defRPr>
                <a:solidFill>
                  <a:schemeClr val="tx1">
                    <a:tint val="75000"/>
                  </a:schemeClr>
                </a:solidFill>
              </a:defRPr>
            </a:lvl4pPr>
            <a:lvl5pPr marL="2437973" indent="0" algn="ctr">
              <a:buNone/>
              <a:defRPr>
                <a:solidFill>
                  <a:schemeClr val="tx1">
                    <a:tint val="75000"/>
                  </a:schemeClr>
                </a:solidFill>
              </a:defRPr>
            </a:lvl5pPr>
            <a:lvl6pPr marL="3047467" indent="0" algn="ctr">
              <a:buNone/>
              <a:defRPr>
                <a:solidFill>
                  <a:schemeClr val="tx1">
                    <a:tint val="75000"/>
                  </a:schemeClr>
                </a:solidFill>
              </a:defRPr>
            </a:lvl6pPr>
            <a:lvl7pPr marL="3656960" indent="0" algn="ctr">
              <a:buNone/>
              <a:defRPr>
                <a:solidFill>
                  <a:schemeClr val="tx1">
                    <a:tint val="75000"/>
                  </a:schemeClr>
                </a:solidFill>
              </a:defRPr>
            </a:lvl7pPr>
            <a:lvl8pPr marL="4266453" indent="0" algn="ctr">
              <a:buNone/>
              <a:defRPr>
                <a:solidFill>
                  <a:schemeClr val="tx1">
                    <a:tint val="75000"/>
                  </a:schemeClr>
                </a:solidFill>
              </a:defRPr>
            </a:lvl8pPr>
            <a:lvl9pPr marL="4875947"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345657535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TITLE_A">
    <p:bg>
      <p:bgPr>
        <a:solidFill>
          <a:schemeClr val="bg1"/>
        </a:solidFill>
        <a:effectLst/>
      </p:bgPr>
    </p:bg>
    <p:spTree>
      <p:nvGrpSpPr>
        <p:cNvPr id="1" name=""/>
        <p:cNvGrpSpPr/>
        <p:nvPr/>
      </p:nvGrpSpPr>
      <p:grpSpPr>
        <a:xfrm>
          <a:off x="0" y="0"/>
          <a:ext cx="0" cy="0"/>
          <a:chOff x="0" y="0"/>
          <a:chExt cx="0" cy="0"/>
        </a:xfrm>
      </p:grpSpPr>
      <p:pic>
        <p:nvPicPr>
          <p:cNvPr id="5" name="Picture 4" descr="A picture containing outdoor, sky, city, several&#10;&#10;Description automatically generated">
            <a:extLst>
              <a:ext uri="{FF2B5EF4-FFF2-40B4-BE49-F238E27FC236}">
                <a16:creationId xmlns:a16="http://schemas.microsoft.com/office/drawing/2014/main" id="{C260BB60-97A7-F940-B661-1FA0100F3DD5}"/>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3" name="Rectangle 12">
            <a:extLst>
              <a:ext uri="{FF2B5EF4-FFF2-40B4-BE49-F238E27FC236}">
                <a16:creationId xmlns:a16="http://schemas.microsoft.com/office/drawing/2014/main" id="{30C0F60E-7B41-3948-8E1F-17F11FDD0AEC}"/>
              </a:ext>
            </a:extLst>
          </p:cNvPr>
          <p:cNvSpPr/>
          <p:nvPr userDrawn="1"/>
        </p:nvSpPr>
        <p:spPr>
          <a:xfrm>
            <a:off x="0" y="2638862"/>
            <a:ext cx="8028512" cy="2412169"/>
          </a:xfrm>
          <a:prstGeom prst="rect">
            <a:avLst/>
          </a:prstGeom>
          <a:solidFill>
            <a:schemeClr val="tx1">
              <a:alpha val="95867"/>
            </a:schemeClr>
          </a:solidFill>
          <a:ln>
            <a:solidFill>
              <a:srgbClr val="2B475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2" name="Title 1">
            <a:extLst>
              <a:ext uri="{FF2B5EF4-FFF2-40B4-BE49-F238E27FC236}">
                <a16:creationId xmlns:a16="http://schemas.microsoft.com/office/drawing/2014/main" id="{AE5C023A-4F7D-E44F-BF44-82EA01C9972B}"/>
              </a:ext>
            </a:extLst>
          </p:cNvPr>
          <p:cNvSpPr>
            <a:spLocks noGrp="1"/>
          </p:cNvSpPr>
          <p:nvPr>
            <p:ph type="title" hasCustomPrompt="1"/>
          </p:nvPr>
        </p:nvSpPr>
        <p:spPr>
          <a:xfrm>
            <a:off x="633186" y="2742914"/>
            <a:ext cx="7075714" cy="1701824"/>
          </a:xfrm>
          <a:effectLst/>
        </p:spPr>
        <p:txBody>
          <a:bodyPr rIns="0" bIns="0" anchor="ctr" anchorCtr="0">
            <a:noAutofit/>
          </a:bodyPr>
          <a:lstStyle>
            <a:lvl1pPr>
              <a:defRPr sz="4400" b="1" i="0">
                <a:solidFill>
                  <a:srgbClr val="FFFFFF"/>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14" name="Text Placeholder 11">
            <a:extLst>
              <a:ext uri="{FF2B5EF4-FFF2-40B4-BE49-F238E27FC236}">
                <a16:creationId xmlns:a16="http://schemas.microsoft.com/office/drawing/2014/main" id="{5BF48927-DEA3-554C-9AC1-B6D346BF1034}"/>
              </a:ext>
            </a:extLst>
          </p:cNvPr>
          <p:cNvSpPr>
            <a:spLocks noGrp="1"/>
          </p:cNvSpPr>
          <p:nvPr>
            <p:ph type="body" sz="quarter" idx="13" hasCustomPrompt="1"/>
          </p:nvPr>
        </p:nvSpPr>
        <p:spPr>
          <a:xfrm>
            <a:off x="633186" y="4543007"/>
            <a:ext cx="7075714" cy="409754"/>
          </a:xfrm>
        </p:spPr>
        <p:txBody>
          <a:bodyPr lIns="0">
            <a:noAutofit/>
          </a:bodyPr>
          <a:lstStyle>
            <a:lvl1pPr marL="0" indent="0">
              <a:buNone/>
              <a:defRPr sz="2400" b="0" i="0">
                <a:solidFill>
                  <a:srgbClr val="FFFFFF"/>
                </a:solidFill>
                <a:latin typeface="Avenir Medium"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0" name="Rectangle 9">
            <a:extLst>
              <a:ext uri="{FF2B5EF4-FFF2-40B4-BE49-F238E27FC236}">
                <a16:creationId xmlns:a16="http://schemas.microsoft.com/office/drawing/2014/main" id="{2723C2A4-78CC-8C4D-BEB0-CE5CAE1F2439}"/>
              </a:ext>
            </a:extLst>
          </p:cNvPr>
          <p:cNvSpPr/>
          <p:nvPr userDrawn="1"/>
        </p:nvSpPr>
        <p:spPr>
          <a:xfrm>
            <a:off x="8255001" y="2638862"/>
            <a:ext cx="3937000" cy="2412169"/>
          </a:xfrm>
          <a:prstGeom prst="rect">
            <a:avLst/>
          </a:prstGeom>
          <a:solidFill>
            <a:srgbClr val="FFFFFF">
              <a:alpha val="9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a:extLst>
              <a:ext uri="{FF2B5EF4-FFF2-40B4-BE49-F238E27FC236}">
                <a16:creationId xmlns:a16="http://schemas.microsoft.com/office/drawing/2014/main" id="{B2C02520-7538-574F-A556-8CE47C63606D}"/>
              </a:ext>
            </a:extLst>
          </p:cNvPr>
          <p:cNvSpPr/>
          <p:nvPr userDrawn="1"/>
        </p:nvSpPr>
        <p:spPr>
          <a:xfrm>
            <a:off x="-1" y="6240133"/>
            <a:ext cx="12192000" cy="617867"/>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xt Placeholder 11">
            <a:extLst>
              <a:ext uri="{FF2B5EF4-FFF2-40B4-BE49-F238E27FC236}">
                <a16:creationId xmlns:a16="http://schemas.microsoft.com/office/drawing/2014/main" id="{6C5410A8-41C7-FA45-A6AD-2BD7ADC71235}"/>
              </a:ext>
            </a:extLst>
          </p:cNvPr>
          <p:cNvSpPr>
            <a:spLocks noGrp="1"/>
          </p:cNvSpPr>
          <p:nvPr>
            <p:ph type="body" sz="quarter" idx="15" hasCustomPrompt="1"/>
          </p:nvPr>
        </p:nvSpPr>
        <p:spPr>
          <a:xfrm>
            <a:off x="633186" y="6274098"/>
            <a:ext cx="5462814" cy="549935"/>
          </a:xfrm>
        </p:spPr>
        <p:txBody>
          <a:bodyPr lIns="0" bIns="0" anchor="ctr" anchorCtr="0">
            <a:noAutofit/>
          </a:bodyPr>
          <a:lstStyle>
            <a:lvl1pPr marL="0" indent="0">
              <a:buNone/>
              <a:defRPr sz="1600" b="0" i="0">
                <a:solidFill>
                  <a:srgbClr val="FFFFFF"/>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pic>
        <p:nvPicPr>
          <p:cNvPr id="3" name="Picture 2">
            <a:extLst>
              <a:ext uri="{FF2B5EF4-FFF2-40B4-BE49-F238E27FC236}">
                <a16:creationId xmlns:a16="http://schemas.microsoft.com/office/drawing/2014/main" id="{D78A4E70-AFE5-5944-8B6F-CE4D2046CB19}"/>
              </a:ext>
            </a:extLst>
          </p:cNvPr>
          <p:cNvPicPr>
            <a:picLocks noChangeAspect="1"/>
          </p:cNvPicPr>
          <p:nvPr userDrawn="1"/>
        </p:nvPicPr>
        <p:blipFill>
          <a:blip r:embed="rId4"/>
          <a:stretch>
            <a:fillRect/>
          </a:stretch>
        </p:blipFill>
        <p:spPr>
          <a:xfrm>
            <a:off x="9094839" y="3314038"/>
            <a:ext cx="2326319" cy="1130699"/>
          </a:xfrm>
          <a:prstGeom prst="rect">
            <a:avLst/>
          </a:prstGeom>
        </p:spPr>
      </p:pic>
    </p:spTree>
    <p:extLst>
      <p:ext uri="{BB962C8B-B14F-4D97-AF65-F5344CB8AC3E}">
        <p14:creationId xmlns:p14="http://schemas.microsoft.com/office/powerpoint/2010/main" val="373955090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TITLE_B">
    <p:spTree>
      <p:nvGrpSpPr>
        <p:cNvPr id="1" name=""/>
        <p:cNvGrpSpPr/>
        <p:nvPr/>
      </p:nvGrpSpPr>
      <p:grpSpPr>
        <a:xfrm>
          <a:off x="0" y="0"/>
          <a:ext cx="0" cy="0"/>
          <a:chOff x="0" y="0"/>
          <a:chExt cx="0" cy="0"/>
        </a:xfrm>
      </p:grpSpPr>
      <p:pic>
        <p:nvPicPr>
          <p:cNvPr id="13" name="Picture 12" descr="A picture containing sky, outdoor, silhouette, blur&#10;&#10;Description automatically generated">
            <a:extLst>
              <a:ext uri="{FF2B5EF4-FFF2-40B4-BE49-F238E27FC236}">
                <a16:creationId xmlns:a16="http://schemas.microsoft.com/office/drawing/2014/main" id="{B49DFACC-EF2B-4970-C820-7076F09810D0}"/>
              </a:ext>
            </a:extLst>
          </p:cNvPr>
          <p:cNvPicPr>
            <a:picLocks noChangeAspect="1"/>
          </p:cNvPicPr>
          <p:nvPr userDrawn="1"/>
        </p:nvPicPr>
        <p:blipFill>
          <a:blip r:embed="rId2"/>
          <a:stretch>
            <a:fillRect/>
          </a:stretch>
        </p:blipFill>
        <p:spPr>
          <a:xfrm>
            <a:off x="-25402" y="-14288"/>
            <a:ext cx="12217401" cy="6872288"/>
          </a:xfrm>
          <a:prstGeom prst="rect">
            <a:avLst/>
          </a:prstGeom>
        </p:spPr>
      </p:pic>
      <p:sp>
        <p:nvSpPr>
          <p:cNvPr id="14" name="Rectangle 13">
            <a:extLst>
              <a:ext uri="{FF2B5EF4-FFF2-40B4-BE49-F238E27FC236}">
                <a16:creationId xmlns:a16="http://schemas.microsoft.com/office/drawing/2014/main" id="{0F008541-FC4C-F56D-91AC-DA50AE0FC8E7}"/>
              </a:ext>
            </a:extLst>
          </p:cNvPr>
          <p:cNvSpPr/>
          <p:nvPr userDrawn="1"/>
        </p:nvSpPr>
        <p:spPr>
          <a:xfrm>
            <a:off x="8559799" y="3862038"/>
            <a:ext cx="3632201" cy="2486721"/>
          </a:xfrm>
          <a:prstGeom prst="rect">
            <a:avLst/>
          </a:prstGeom>
          <a:solidFill>
            <a:srgbClr val="FFFFFF">
              <a:alpha val="9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5" name="Picture 14">
            <a:extLst>
              <a:ext uri="{FF2B5EF4-FFF2-40B4-BE49-F238E27FC236}">
                <a16:creationId xmlns:a16="http://schemas.microsoft.com/office/drawing/2014/main" id="{280BD8B4-B9C0-8366-43CF-421BB802EBDC}"/>
              </a:ext>
            </a:extLst>
          </p:cNvPr>
          <p:cNvPicPr>
            <a:picLocks noChangeAspect="1"/>
          </p:cNvPicPr>
          <p:nvPr userDrawn="1"/>
        </p:nvPicPr>
        <p:blipFill>
          <a:blip r:embed="rId3"/>
          <a:stretch>
            <a:fillRect/>
          </a:stretch>
        </p:blipFill>
        <p:spPr>
          <a:xfrm>
            <a:off x="9196214" y="4563802"/>
            <a:ext cx="2359370" cy="1146764"/>
          </a:xfrm>
          <a:prstGeom prst="rect">
            <a:avLst/>
          </a:prstGeom>
        </p:spPr>
      </p:pic>
      <p:sp>
        <p:nvSpPr>
          <p:cNvPr id="16" name="Rectangle 15">
            <a:extLst>
              <a:ext uri="{FF2B5EF4-FFF2-40B4-BE49-F238E27FC236}">
                <a16:creationId xmlns:a16="http://schemas.microsoft.com/office/drawing/2014/main" id="{BBFF3A0D-FC53-20C8-455E-E02C419C6429}"/>
              </a:ext>
            </a:extLst>
          </p:cNvPr>
          <p:cNvSpPr/>
          <p:nvPr userDrawn="1"/>
        </p:nvSpPr>
        <p:spPr>
          <a:xfrm>
            <a:off x="-25403" y="3862038"/>
            <a:ext cx="8280406" cy="2486722"/>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itle 1">
            <a:extLst>
              <a:ext uri="{FF2B5EF4-FFF2-40B4-BE49-F238E27FC236}">
                <a16:creationId xmlns:a16="http://schemas.microsoft.com/office/drawing/2014/main" id="{79F03F54-E139-2EDB-6B2D-01C6A76AD8F1}"/>
              </a:ext>
            </a:extLst>
          </p:cNvPr>
          <p:cNvSpPr>
            <a:spLocks noGrp="1"/>
          </p:cNvSpPr>
          <p:nvPr>
            <p:ph type="title" hasCustomPrompt="1"/>
          </p:nvPr>
        </p:nvSpPr>
        <p:spPr>
          <a:xfrm>
            <a:off x="589645" y="4135719"/>
            <a:ext cx="7075714" cy="1447870"/>
          </a:xfrm>
          <a:effectLst/>
        </p:spPr>
        <p:txBody>
          <a:bodyPr rIns="0" bIns="0" anchor="ctr" anchorCtr="0">
            <a:noAutofit/>
          </a:bodyPr>
          <a:lstStyle>
            <a:lvl1pPr>
              <a:defRPr sz="4400" b="1" i="0">
                <a:solidFill>
                  <a:srgbClr val="FFFFFF"/>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18" name="Text Placeholder 11">
            <a:extLst>
              <a:ext uri="{FF2B5EF4-FFF2-40B4-BE49-F238E27FC236}">
                <a16:creationId xmlns:a16="http://schemas.microsoft.com/office/drawing/2014/main" id="{DFB9F73F-C27C-12B0-B875-82878D215AAA}"/>
              </a:ext>
            </a:extLst>
          </p:cNvPr>
          <p:cNvSpPr>
            <a:spLocks noGrp="1"/>
          </p:cNvSpPr>
          <p:nvPr>
            <p:ph type="body" sz="quarter" idx="13" hasCustomPrompt="1"/>
          </p:nvPr>
        </p:nvSpPr>
        <p:spPr>
          <a:xfrm>
            <a:off x="589645" y="5710566"/>
            <a:ext cx="7075714" cy="409754"/>
          </a:xfrm>
        </p:spPr>
        <p:txBody>
          <a:bodyPr lIns="0">
            <a:noAutofit/>
          </a:bodyPr>
          <a:lstStyle>
            <a:lvl1pPr marL="0" indent="0">
              <a:buNone/>
              <a:defRPr sz="2400" b="0" i="0">
                <a:solidFill>
                  <a:srgbClr val="FFFFFF"/>
                </a:solidFill>
                <a:latin typeface="Avenir Medium" panose="02000503020000020003" pitchFamily="2" charset="0"/>
                <a:ea typeface="Verdana" panose="020B0604030504040204" pitchFamily="34" charset="0"/>
                <a:cs typeface="Rubik Medium" pitchFamily="2" charset="-79"/>
              </a:defRPr>
            </a:lvl1pPr>
          </a:lstStyle>
          <a:p>
            <a:pPr lvl="0"/>
            <a:r>
              <a:rPr lang="en-US"/>
              <a:t>Presentation Subtitle</a:t>
            </a:r>
          </a:p>
        </p:txBody>
      </p:sp>
    </p:spTree>
    <p:extLst>
      <p:ext uri="{BB962C8B-B14F-4D97-AF65-F5344CB8AC3E}">
        <p14:creationId xmlns:p14="http://schemas.microsoft.com/office/powerpoint/2010/main" val="348310584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TITLE_PLAIN_A">
    <p:bg>
      <p:bgPr>
        <a:gradFill>
          <a:gsLst>
            <a:gs pos="0">
              <a:srgbClr val="FFFFFF"/>
            </a:gs>
            <a:gs pos="100000">
              <a:srgbClr val="FFFFFF"/>
            </a:gs>
          </a:gsLst>
          <a:lin ang="5400000" scaled="1"/>
        </a:gradFill>
        <a:effectLst/>
      </p:bgPr>
    </p:bg>
    <p:spTree>
      <p:nvGrpSpPr>
        <p:cNvPr id="1" name=""/>
        <p:cNvGrpSpPr/>
        <p:nvPr/>
      </p:nvGrpSpPr>
      <p:grpSpPr>
        <a:xfrm>
          <a:off x="0" y="0"/>
          <a:ext cx="0" cy="0"/>
          <a:chOff x="0" y="0"/>
          <a:chExt cx="0" cy="0"/>
        </a:xfrm>
      </p:grpSpPr>
      <p:sp>
        <p:nvSpPr>
          <p:cNvPr id="19" name="Title 1">
            <a:extLst>
              <a:ext uri="{FF2B5EF4-FFF2-40B4-BE49-F238E27FC236}">
                <a16:creationId xmlns:a16="http://schemas.microsoft.com/office/drawing/2014/main" id="{87C8B462-FABC-CB48-BE55-7B4F2073908D}"/>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tx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20" name="Text Placeholder 11">
            <a:extLst>
              <a:ext uri="{FF2B5EF4-FFF2-40B4-BE49-F238E27FC236}">
                <a16:creationId xmlns:a16="http://schemas.microsoft.com/office/drawing/2014/main" id="{1DE95BE1-7D71-5F45-952D-BE77A009DEB7}"/>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accent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23" name="Frame 22">
            <a:extLst>
              <a:ext uri="{FF2B5EF4-FFF2-40B4-BE49-F238E27FC236}">
                <a16:creationId xmlns:a16="http://schemas.microsoft.com/office/drawing/2014/main" id="{BCA1FC43-D679-8641-A7B6-37FD6B2F1472}"/>
              </a:ext>
            </a:extLst>
          </p:cNvPr>
          <p:cNvSpPr/>
          <p:nvPr userDrawn="1"/>
        </p:nvSpPr>
        <p:spPr>
          <a:xfrm>
            <a:off x="230124" y="228600"/>
            <a:ext cx="11731752" cy="6400800"/>
          </a:xfrm>
          <a:prstGeom prst="frame">
            <a:avLst>
              <a:gd name="adj1" fmla="val 591"/>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pic>
        <p:nvPicPr>
          <p:cNvPr id="2" name="Picture 1">
            <a:extLst>
              <a:ext uri="{FF2B5EF4-FFF2-40B4-BE49-F238E27FC236}">
                <a16:creationId xmlns:a16="http://schemas.microsoft.com/office/drawing/2014/main" id="{5956E8FE-5CB0-8D49-A451-22E2FE8B291B}"/>
              </a:ext>
            </a:extLst>
          </p:cNvPr>
          <p:cNvPicPr>
            <a:picLocks noChangeAspect="1"/>
          </p:cNvPicPr>
          <p:nvPr userDrawn="1"/>
        </p:nvPicPr>
        <p:blipFill>
          <a:blip r:embed="rId2"/>
          <a:stretch>
            <a:fillRect/>
          </a:stretch>
        </p:blipFill>
        <p:spPr>
          <a:xfrm>
            <a:off x="5055373" y="971998"/>
            <a:ext cx="2081251" cy="1011585"/>
          </a:xfrm>
          <a:prstGeom prst="rect">
            <a:avLst/>
          </a:prstGeom>
        </p:spPr>
      </p:pic>
    </p:spTree>
    <p:extLst>
      <p:ext uri="{BB962C8B-B14F-4D97-AF65-F5344CB8AC3E}">
        <p14:creationId xmlns:p14="http://schemas.microsoft.com/office/powerpoint/2010/main" val="376869428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TITLE_PLAIN_B">
    <p:bg>
      <p:bgPr>
        <a:gradFill>
          <a:gsLst>
            <a:gs pos="0">
              <a:schemeClr val="tx1"/>
            </a:gs>
            <a:gs pos="100000">
              <a:srgbClr val="7A9EBB"/>
            </a:gs>
            <a:gs pos="79000">
              <a:schemeClr val="tx1">
                <a:lumMod val="60000"/>
                <a:lumOff val="40000"/>
              </a:schemeClr>
            </a:gs>
          </a:gsLst>
          <a:lin ang="5400000" scaled="1"/>
        </a:grad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F4B711F5-9634-F34F-9543-7CA1F3B94330}"/>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rgbClr val="FFFFFF"/>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5" name="Text Placeholder 11">
            <a:extLst>
              <a:ext uri="{FF2B5EF4-FFF2-40B4-BE49-F238E27FC236}">
                <a16:creationId xmlns:a16="http://schemas.microsoft.com/office/drawing/2014/main" id="{B9186E4A-3860-9B45-BD14-856EBC3001FF}"/>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rgbClr val="FFFFFF"/>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9" name="Frame 8">
            <a:extLst>
              <a:ext uri="{FF2B5EF4-FFF2-40B4-BE49-F238E27FC236}">
                <a16:creationId xmlns:a16="http://schemas.microsoft.com/office/drawing/2014/main" id="{B14725CC-3998-E045-9086-4F2572F56010}"/>
              </a:ext>
            </a:extLst>
          </p:cNvPr>
          <p:cNvSpPr/>
          <p:nvPr userDrawn="1"/>
        </p:nvSpPr>
        <p:spPr>
          <a:xfrm>
            <a:off x="230124" y="228600"/>
            <a:ext cx="11731752" cy="6400800"/>
          </a:xfrm>
          <a:prstGeom prst="frame">
            <a:avLst>
              <a:gd name="adj1" fmla="val 591"/>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FFFFFF"/>
              </a:solidFill>
            </a:endParaRPr>
          </a:p>
        </p:txBody>
      </p:sp>
      <p:pic>
        <p:nvPicPr>
          <p:cNvPr id="3" name="Picture 2">
            <a:extLst>
              <a:ext uri="{FF2B5EF4-FFF2-40B4-BE49-F238E27FC236}">
                <a16:creationId xmlns:a16="http://schemas.microsoft.com/office/drawing/2014/main" id="{FF762F61-C52F-BD40-959F-C1129E91C4CC}"/>
              </a:ext>
            </a:extLst>
          </p:cNvPr>
          <p:cNvPicPr>
            <a:picLocks noChangeAspect="1"/>
          </p:cNvPicPr>
          <p:nvPr userDrawn="1"/>
        </p:nvPicPr>
        <p:blipFill>
          <a:blip r:embed="rId2"/>
          <a:stretch>
            <a:fillRect/>
          </a:stretch>
        </p:blipFill>
        <p:spPr>
          <a:xfrm>
            <a:off x="4782760" y="671153"/>
            <a:ext cx="2626479" cy="1575887"/>
          </a:xfrm>
          <a:prstGeom prst="rect">
            <a:avLst/>
          </a:prstGeom>
        </p:spPr>
      </p:pic>
    </p:spTree>
    <p:extLst>
      <p:ext uri="{BB962C8B-B14F-4D97-AF65-F5344CB8AC3E}">
        <p14:creationId xmlns:p14="http://schemas.microsoft.com/office/powerpoint/2010/main" val="225423037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TITLE_C">
    <p:bg>
      <p:bgPr>
        <a:solidFill>
          <a:srgbClr val="231F20"/>
        </a:solidFill>
        <a:effectLst/>
      </p:bgPr>
    </p:bg>
    <p:spTree>
      <p:nvGrpSpPr>
        <p:cNvPr id="1" name=""/>
        <p:cNvGrpSpPr/>
        <p:nvPr/>
      </p:nvGrpSpPr>
      <p:grpSpPr>
        <a:xfrm>
          <a:off x="0" y="0"/>
          <a:ext cx="0" cy="0"/>
          <a:chOff x="0" y="0"/>
          <a:chExt cx="0" cy="0"/>
        </a:xfrm>
      </p:grpSpPr>
      <p:pic>
        <p:nvPicPr>
          <p:cNvPr id="12" name="Picture 11" descr="A picture containing sky, outdoor, nature, air&#10;&#10;Description automatically generated">
            <a:extLst>
              <a:ext uri="{FF2B5EF4-FFF2-40B4-BE49-F238E27FC236}">
                <a16:creationId xmlns:a16="http://schemas.microsoft.com/office/drawing/2014/main" id="{AD3AA2B1-97C0-15A1-6995-1CD6D04597C6}"/>
              </a:ext>
            </a:extLst>
          </p:cNvPr>
          <p:cNvPicPr>
            <a:picLocks noChangeAspect="1"/>
          </p:cNvPicPr>
          <p:nvPr userDrawn="1"/>
        </p:nvPicPr>
        <p:blipFill>
          <a:blip r:embed="rId2"/>
          <a:stretch>
            <a:fillRect/>
          </a:stretch>
        </p:blipFill>
        <p:spPr>
          <a:xfrm>
            <a:off x="0" y="0"/>
            <a:ext cx="12192000" cy="6858000"/>
          </a:xfrm>
          <a:prstGeom prst="rect">
            <a:avLst/>
          </a:prstGeom>
        </p:spPr>
      </p:pic>
      <p:sp>
        <p:nvSpPr>
          <p:cNvPr id="33" name="Rectangle 32">
            <a:extLst>
              <a:ext uri="{FF2B5EF4-FFF2-40B4-BE49-F238E27FC236}">
                <a16:creationId xmlns:a16="http://schemas.microsoft.com/office/drawing/2014/main" id="{469916E8-2632-4341-A632-E641B4508087}"/>
              </a:ext>
            </a:extLst>
          </p:cNvPr>
          <p:cNvSpPr/>
          <p:nvPr userDrawn="1"/>
        </p:nvSpPr>
        <p:spPr>
          <a:xfrm>
            <a:off x="0" y="5355772"/>
            <a:ext cx="12192000" cy="1502228"/>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3" name="Rectangle 42">
            <a:extLst>
              <a:ext uri="{FF2B5EF4-FFF2-40B4-BE49-F238E27FC236}">
                <a16:creationId xmlns:a16="http://schemas.microsoft.com/office/drawing/2014/main" id="{B4BEDFBA-CA6E-CC49-8D44-10A021EF44EF}"/>
              </a:ext>
            </a:extLst>
          </p:cNvPr>
          <p:cNvSpPr/>
          <p:nvPr userDrawn="1"/>
        </p:nvSpPr>
        <p:spPr>
          <a:xfrm>
            <a:off x="0" y="5288591"/>
            <a:ext cx="12192000" cy="889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accent5"/>
              </a:solidFill>
              <a:highlight>
                <a:srgbClr val="2B4751"/>
              </a:highlight>
            </a:endParaRPr>
          </a:p>
        </p:txBody>
      </p:sp>
      <p:sp>
        <p:nvSpPr>
          <p:cNvPr id="45" name="Title 1">
            <a:extLst>
              <a:ext uri="{FF2B5EF4-FFF2-40B4-BE49-F238E27FC236}">
                <a16:creationId xmlns:a16="http://schemas.microsoft.com/office/drawing/2014/main" id="{DC953B8A-F30F-9F43-83BC-944D5E2EB7FB}"/>
              </a:ext>
            </a:extLst>
          </p:cNvPr>
          <p:cNvSpPr>
            <a:spLocks noGrp="1"/>
          </p:cNvSpPr>
          <p:nvPr>
            <p:ph type="title" hasCustomPrompt="1"/>
          </p:nvPr>
        </p:nvSpPr>
        <p:spPr>
          <a:xfrm>
            <a:off x="1315396" y="1825644"/>
            <a:ext cx="9561206" cy="1218509"/>
          </a:xfrm>
          <a:effectLst/>
        </p:spPr>
        <p:txBody>
          <a:bodyPr rIns="0" bIns="0" anchor="ctr" anchorCtr="0">
            <a:noAutofit/>
          </a:bodyPr>
          <a:lstStyle>
            <a:lvl1pPr algn="ctr">
              <a:defRPr sz="4800" b="1" i="0">
                <a:solidFill>
                  <a:srgbClr val="FFFFFF"/>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46" name="Text Placeholder 11">
            <a:extLst>
              <a:ext uri="{FF2B5EF4-FFF2-40B4-BE49-F238E27FC236}">
                <a16:creationId xmlns:a16="http://schemas.microsoft.com/office/drawing/2014/main" id="{F8A5FBE9-A511-0745-A462-3AE501D168CD}"/>
              </a:ext>
            </a:extLst>
          </p:cNvPr>
          <p:cNvSpPr>
            <a:spLocks noGrp="1"/>
          </p:cNvSpPr>
          <p:nvPr>
            <p:ph type="body" sz="quarter" idx="13" hasCustomPrompt="1"/>
          </p:nvPr>
        </p:nvSpPr>
        <p:spPr>
          <a:xfrm>
            <a:off x="2558142" y="3159667"/>
            <a:ext cx="7075714" cy="549935"/>
          </a:xfrm>
        </p:spPr>
        <p:txBody>
          <a:bodyPr lIns="0">
            <a:noAutofit/>
          </a:bodyPr>
          <a:lstStyle>
            <a:lvl1pPr marL="0" indent="0" algn="ctr">
              <a:buNone/>
              <a:defRPr sz="2800" b="0" i="0">
                <a:solidFill>
                  <a:srgbClr val="FFFFFF"/>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pic>
        <p:nvPicPr>
          <p:cNvPr id="2" name="Picture 1">
            <a:extLst>
              <a:ext uri="{FF2B5EF4-FFF2-40B4-BE49-F238E27FC236}">
                <a16:creationId xmlns:a16="http://schemas.microsoft.com/office/drawing/2014/main" id="{44A9602D-A1EF-8940-AC6B-B9E8A224C6F8}"/>
              </a:ext>
            </a:extLst>
          </p:cNvPr>
          <p:cNvPicPr>
            <a:picLocks noChangeAspect="1"/>
          </p:cNvPicPr>
          <p:nvPr userDrawn="1"/>
        </p:nvPicPr>
        <p:blipFill>
          <a:blip r:embed="rId3"/>
          <a:stretch>
            <a:fillRect/>
          </a:stretch>
        </p:blipFill>
        <p:spPr>
          <a:xfrm>
            <a:off x="10109801" y="5769552"/>
            <a:ext cx="1533602" cy="745402"/>
          </a:xfrm>
          <a:prstGeom prst="rect">
            <a:avLst/>
          </a:prstGeom>
        </p:spPr>
      </p:pic>
    </p:spTree>
    <p:extLst>
      <p:ext uri="{BB962C8B-B14F-4D97-AF65-F5344CB8AC3E}">
        <p14:creationId xmlns:p14="http://schemas.microsoft.com/office/powerpoint/2010/main" val="428287401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DIVIDER">
    <p:spTree>
      <p:nvGrpSpPr>
        <p:cNvPr id="1" name=""/>
        <p:cNvGrpSpPr/>
        <p:nvPr/>
      </p:nvGrpSpPr>
      <p:grpSpPr>
        <a:xfrm>
          <a:off x="0" y="0"/>
          <a:ext cx="0" cy="0"/>
          <a:chOff x="0" y="0"/>
          <a:chExt cx="0" cy="0"/>
        </a:xfrm>
      </p:grpSpPr>
      <p:sp>
        <p:nvSpPr>
          <p:cNvPr id="9" name="Rectangle 8">
            <a:extLst>
              <a:ext uri="{FF2B5EF4-FFF2-40B4-BE49-F238E27FC236}">
                <a16:creationId xmlns:a16="http://schemas.microsoft.com/office/drawing/2014/main" id="{98C677D6-9F08-804C-8FA5-6B79A74098EA}"/>
              </a:ext>
            </a:extLst>
          </p:cNvPr>
          <p:cNvSpPr/>
          <p:nvPr userDrawn="1"/>
        </p:nvSpPr>
        <p:spPr>
          <a:xfrm>
            <a:off x="1" y="0"/>
            <a:ext cx="12191999" cy="68580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Text Placeholder 9">
            <a:extLst>
              <a:ext uri="{FF2B5EF4-FFF2-40B4-BE49-F238E27FC236}">
                <a16:creationId xmlns:a16="http://schemas.microsoft.com/office/drawing/2014/main" id="{030A4C09-A4CB-3A4E-957A-0309611FE07A}"/>
              </a:ext>
            </a:extLst>
          </p:cNvPr>
          <p:cNvSpPr>
            <a:spLocks noGrp="1"/>
          </p:cNvSpPr>
          <p:nvPr>
            <p:ph type="body" sz="quarter" idx="13" hasCustomPrompt="1"/>
          </p:nvPr>
        </p:nvSpPr>
        <p:spPr>
          <a:xfrm>
            <a:off x="1" y="2108200"/>
            <a:ext cx="12192000" cy="2400300"/>
          </a:xfrm>
          <a:noFill/>
        </p:spPr>
        <p:txBody>
          <a:bodyPr anchor="ctr">
            <a:noAutofit/>
          </a:bodyPr>
          <a:lstStyle>
            <a:lvl1pPr marL="0" indent="0" algn="ctr">
              <a:lnSpc>
                <a:spcPct val="90000"/>
              </a:lnSpc>
              <a:buNone/>
              <a:defRPr sz="4800" b="1" i="0">
                <a:solidFill>
                  <a:srgbClr val="FFFFFF"/>
                </a:solidFill>
                <a:latin typeface="Avenir Heavy" panose="02000503020000020003" pitchFamily="2" charset="0"/>
                <a:ea typeface="Verdana" panose="020B0604030504040204" pitchFamily="34" charset="0"/>
                <a:cs typeface="Rubik Medium" pitchFamily="2" charset="-79"/>
              </a:defRPr>
            </a:lvl1pPr>
          </a:lstStyle>
          <a:p>
            <a:pPr lvl="0"/>
            <a:r>
              <a:rPr lang="en-US"/>
              <a:t>DIVIDER SLIDE</a:t>
            </a:r>
          </a:p>
        </p:txBody>
      </p:sp>
      <p:sp>
        <p:nvSpPr>
          <p:cNvPr id="12" name="Rectangle 11">
            <a:extLst>
              <a:ext uri="{FF2B5EF4-FFF2-40B4-BE49-F238E27FC236}">
                <a16:creationId xmlns:a16="http://schemas.microsoft.com/office/drawing/2014/main" id="{D669C363-66A5-8947-8C32-FCF9310C433F}"/>
              </a:ext>
            </a:extLst>
          </p:cNvPr>
          <p:cNvSpPr/>
          <p:nvPr userDrawn="1"/>
        </p:nvSpPr>
        <p:spPr>
          <a:xfrm>
            <a:off x="0" y="0"/>
            <a:ext cx="12192000" cy="889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descr="Text&#10;&#10;Description automatically generated">
            <a:extLst>
              <a:ext uri="{FF2B5EF4-FFF2-40B4-BE49-F238E27FC236}">
                <a16:creationId xmlns:a16="http://schemas.microsoft.com/office/drawing/2014/main" id="{9FE5CDDB-BD89-9241-B669-5C3A53DB7330}"/>
              </a:ext>
            </a:extLst>
          </p:cNvPr>
          <p:cNvPicPr>
            <a:picLocks noChangeAspect="1"/>
          </p:cNvPicPr>
          <p:nvPr userDrawn="1"/>
        </p:nvPicPr>
        <p:blipFill>
          <a:blip r:embed="rId2"/>
          <a:stretch>
            <a:fillRect/>
          </a:stretch>
        </p:blipFill>
        <p:spPr>
          <a:xfrm>
            <a:off x="482355" y="5995282"/>
            <a:ext cx="1305344" cy="783207"/>
          </a:xfrm>
          <a:prstGeom prst="rect">
            <a:avLst/>
          </a:prstGeom>
        </p:spPr>
      </p:pic>
    </p:spTree>
    <p:extLst>
      <p:ext uri="{BB962C8B-B14F-4D97-AF65-F5344CB8AC3E}">
        <p14:creationId xmlns:p14="http://schemas.microsoft.com/office/powerpoint/2010/main" val="294188724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BULLETS">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1093430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a:solidFill>
                  <a:schemeClr val="accent6">
                    <a:lumMod val="50000"/>
                  </a:schemeClr>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0" y="457201"/>
            <a:ext cx="10972800" cy="484324"/>
          </a:xfrm>
        </p:spPr>
        <p:txBody>
          <a:bodyPr/>
          <a:lstStyle>
            <a:lvl1pPr>
              <a:defRPr>
                <a:solidFill>
                  <a:schemeClr val="tx1"/>
                </a:solidFill>
              </a:defRPr>
            </a:lvl1pPr>
          </a:lstStyle>
          <a:p>
            <a:r>
              <a:rPr lang="en-US"/>
              <a:t>SIMPLE BULLETS</a:t>
            </a:r>
          </a:p>
        </p:txBody>
      </p:sp>
      <p:sp>
        <p:nvSpPr>
          <p:cNvPr id="5" name="Slide Number Placeholder 7">
            <a:extLst>
              <a:ext uri="{FF2B5EF4-FFF2-40B4-BE49-F238E27FC236}">
                <a16:creationId xmlns:a16="http://schemas.microsoft.com/office/drawing/2014/main" id="{38646C8C-E7B6-FD4F-81A8-6887E4EA7061}"/>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39761640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orient="horz" pos="1224">
          <p15:clr>
            <a:srgbClr val="FBAE40"/>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BULLETS_SIDEBAR">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747657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9" y="972439"/>
            <a:ext cx="7477417"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1" y="457201"/>
            <a:ext cx="7495106" cy="484324"/>
          </a:xfrm>
        </p:spPr>
        <p:txBody>
          <a:bodyPr/>
          <a:lstStyle/>
          <a:p>
            <a:r>
              <a:rPr lang="en-US"/>
              <a:t>SIMPLE BULLETS W/ SIDEBAR</a:t>
            </a:r>
          </a:p>
        </p:txBody>
      </p:sp>
      <p:sp>
        <p:nvSpPr>
          <p:cNvPr id="5" name="Rectangle 4">
            <a:extLst>
              <a:ext uri="{FF2B5EF4-FFF2-40B4-BE49-F238E27FC236}">
                <a16:creationId xmlns:a16="http://schemas.microsoft.com/office/drawing/2014/main" id="{812BE659-F3F1-3846-B541-0E49FACFE934}"/>
              </a:ext>
            </a:extLst>
          </p:cNvPr>
          <p:cNvSpPr/>
          <p:nvPr userDrawn="1"/>
        </p:nvSpPr>
        <p:spPr>
          <a:xfrm>
            <a:off x="8392617" y="88900"/>
            <a:ext cx="3799383" cy="67691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Rectangle 5">
            <a:extLst>
              <a:ext uri="{FF2B5EF4-FFF2-40B4-BE49-F238E27FC236}">
                <a16:creationId xmlns:a16="http://schemas.microsoft.com/office/drawing/2014/main" id="{0BC00F75-8EE4-C74A-A7D3-C063E1CED726}"/>
              </a:ext>
            </a:extLst>
          </p:cNvPr>
          <p:cNvSpPr/>
          <p:nvPr userDrawn="1"/>
        </p:nvSpPr>
        <p:spPr>
          <a:xfrm>
            <a:off x="0" y="0"/>
            <a:ext cx="12192000" cy="889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xt Placeholder 8">
            <a:extLst>
              <a:ext uri="{FF2B5EF4-FFF2-40B4-BE49-F238E27FC236}">
                <a16:creationId xmlns:a16="http://schemas.microsoft.com/office/drawing/2014/main" id="{BEDE81C3-E9C9-3D4E-B3E0-37024B77CF10}"/>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accent2"/>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4" name="Text Placeholder 3">
            <a:extLst>
              <a:ext uri="{FF2B5EF4-FFF2-40B4-BE49-F238E27FC236}">
                <a16:creationId xmlns:a16="http://schemas.microsoft.com/office/drawing/2014/main" id="{6E24E1C7-9FB0-3044-B3D9-FC682B233086}"/>
              </a:ext>
            </a:extLst>
          </p:cNvPr>
          <p:cNvSpPr>
            <a:spLocks noGrp="1"/>
          </p:cNvSpPr>
          <p:nvPr>
            <p:ph type="body" sz="quarter" idx="19"/>
          </p:nvPr>
        </p:nvSpPr>
        <p:spPr>
          <a:xfrm>
            <a:off x="8839200" y="1396303"/>
            <a:ext cx="2743200" cy="4726976"/>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9" name="Slide Number Placeholder 7">
            <a:extLst>
              <a:ext uri="{FF2B5EF4-FFF2-40B4-BE49-F238E27FC236}">
                <a16:creationId xmlns:a16="http://schemas.microsoft.com/office/drawing/2014/main" id="{A10F0E0A-122E-534D-8D09-B217016CA69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339753160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userDrawn="1">
          <p15:clr>
            <a:srgbClr val="FBAE40"/>
          </p15:clr>
        </p15:guide>
        <p15:guide id="2" pos="5280" userDrawn="1">
          <p15:clr>
            <a:srgbClr val="FBAE40"/>
          </p15:clr>
        </p15:guide>
      </p15:sldGuideLst>
    </p:ext>
  </p:extLs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BULLETS_SIDEBAR">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747657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9" y="972439"/>
            <a:ext cx="7477417" cy="423863"/>
          </a:xfrm>
        </p:spPr>
        <p:txBody>
          <a:bodyPr lIns="0" tIns="0" anchor="t">
            <a:noAutofit/>
          </a:bodyPr>
          <a:lstStyle>
            <a:lvl1pPr marL="0" indent="0">
              <a:lnSpc>
                <a:spcPct val="100000"/>
              </a:lnSpc>
              <a:buNone/>
              <a:defRPr lang="en-US" sz="2000" b="0" i="0" kern="1200" dirty="0">
                <a:solidFill>
                  <a:schemeClr val="accent6">
                    <a:lumMod val="50000"/>
                  </a:schemeClr>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1" y="457201"/>
            <a:ext cx="7495106" cy="484324"/>
          </a:xfrm>
        </p:spPr>
        <p:txBody>
          <a:bodyPr/>
          <a:lstStyle>
            <a:lvl1pPr>
              <a:defRPr>
                <a:solidFill>
                  <a:schemeClr val="tx1"/>
                </a:solidFill>
              </a:defRPr>
            </a:lvl1pPr>
          </a:lstStyle>
          <a:p>
            <a:r>
              <a:rPr lang="en-US"/>
              <a:t>SIMPLE BULLETS W/ SIDEBAR</a:t>
            </a:r>
          </a:p>
        </p:txBody>
      </p:sp>
      <p:sp>
        <p:nvSpPr>
          <p:cNvPr id="5" name="Rectangle 4">
            <a:extLst>
              <a:ext uri="{FF2B5EF4-FFF2-40B4-BE49-F238E27FC236}">
                <a16:creationId xmlns:a16="http://schemas.microsoft.com/office/drawing/2014/main" id="{812BE659-F3F1-3846-B541-0E49FACFE934}"/>
              </a:ext>
            </a:extLst>
          </p:cNvPr>
          <p:cNvSpPr/>
          <p:nvPr userDrawn="1"/>
        </p:nvSpPr>
        <p:spPr>
          <a:xfrm>
            <a:off x="8392617" y="0"/>
            <a:ext cx="3799383"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xt Placeholder 8">
            <a:extLst>
              <a:ext uri="{FF2B5EF4-FFF2-40B4-BE49-F238E27FC236}">
                <a16:creationId xmlns:a16="http://schemas.microsoft.com/office/drawing/2014/main" id="{BEDE81C3-E9C9-3D4E-B3E0-37024B77CF10}"/>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rgbClr val="FFFFFF"/>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4" name="Text Placeholder 3">
            <a:extLst>
              <a:ext uri="{FF2B5EF4-FFF2-40B4-BE49-F238E27FC236}">
                <a16:creationId xmlns:a16="http://schemas.microsoft.com/office/drawing/2014/main" id="{6E24E1C7-9FB0-3044-B3D9-FC682B233086}"/>
              </a:ext>
            </a:extLst>
          </p:cNvPr>
          <p:cNvSpPr>
            <a:spLocks noGrp="1"/>
          </p:cNvSpPr>
          <p:nvPr>
            <p:ph type="body" sz="quarter" idx="19"/>
          </p:nvPr>
        </p:nvSpPr>
        <p:spPr>
          <a:xfrm>
            <a:off x="8839200" y="1396303"/>
            <a:ext cx="2743200" cy="4726976"/>
          </a:xfrm>
        </p:spPr>
        <p:txBody>
          <a:bodyPr/>
          <a:lstStyle>
            <a:lvl1pPr marL="0" indent="0">
              <a:buNone/>
              <a:defRPr>
                <a:solidFill>
                  <a:srgbClr val="FFFFFF"/>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9" name="Slide Number Placeholder 7">
            <a:extLst>
              <a:ext uri="{FF2B5EF4-FFF2-40B4-BE49-F238E27FC236}">
                <a16:creationId xmlns:a16="http://schemas.microsoft.com/office/drawing/2014/main" id="{A10F0E0A-122E-534D-8D09-B217016CA69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291748909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TEXT">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10933938" cy="4197595"/>
          </a:xfrm>
        </p:spPr>
        <p:txBody>
          <a:bodyPr lIns="0" rIns="0">
            <a:noAutofit/>
          </a:bodyPr>
          <a:lstStyle>
            <a:lvl1pPr marL="0" indent="0">
              <a:lnSpc>
                <a:spcPct val="110000"/>
              </a:lnSpc>
              <a:spcBef>
                <a:spcPts val="1500"/>
              </a:spcBef>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p:txBody>
          <a:bodyPr/>
          <a:lstStyle>
            <a:lvl1pPr>
              <a:defRPr>
                <a:solidFill>
                  <a:schemeClr val="tx1"/>
                </a:solidFill>
              </a:defRPr>
            </a:lvl1pPr>
          </a:lstStyle>
          <a:p>
            <a:r>
              <a:rPr lang="en-US"/>
              <a:t>ONE COLUMN</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sz="2000" b="0" i="0">
                <a:solidFill>
                  <a:schemeClr val="accent6">
                    <a:lumMod val="50000"/>
                  </a:schemeClr>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5" name="Slide Number Placeholder 7">
            <a:extLst>
              <a:ext uri="{FF2B5EF4-FFF2-40B4-BE49-F238E27FC236}">
                <a16:creationId xmlns:a16="http://schemas.microsoft.com/office/drawing/2014/main" id="{74553E29-B355-2A41-B33F-166C3A5E1698}"/>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42995900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orient="horz" pos="1224">
          <p15:clr>
            <a:srgbClr val="FBAE40"/>
          </p15:clr>
        </p15:guide>
      </p15:sldGuideLst>
    </p:ext>
  </p:extLs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TEXT_SIDEBAR">
    <p:spTree>
      <p:nvGrpSpPr>
        <p:cNvPr id="1" name=""/>
        <p:cNvGrpSpPr/>
        <p:nvPr/>
      </p:nvGrpSpPr>
      <p:grpSpPr>
        <a:xfrm>
          <a:off x="0" y="0"/>
          <a:ext cx="0" cy="0"/>
          <a:chOff x="0" y="0"/>
          <a:chExt cx="0" cy="0"/>
        </a:xfrm>
      </p:grpSpPr>
      <p:sp>
        <p:nvSpPr>
          <p:cNvPr id="2" name="Rectangle 1">
            <a:extLst>
              <a:ext uri="{FF2B5EF4-FFF2-40B4-BE49-F238E27FC236}">
                <a16:creationId xmlns:a16="http://schemas.microsoft.com/office/drawing/2014/main" id="{1855C55C-AFC0-DC4A-8FE2-00E160DA13B5}"/>
              </a:ext>
            </a:extLst>
          </p:cNvPr>
          <p:cNvSpPr/>
          <p:nvPr userDrawn="1"/>
        </p:nvSpPr>
        <p:spPr>
          <a:xfrm>
            <a:off x="8392250" y="0"/>
            <a:ext cx="379975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7494588" cy="4197595"/>
          </a:xfrm>
        </p:spPr>
        <p:txBody>
          <a:bodyPr lIns="0" rIns="0">
            <a:noAutofit/>
          </a:bodyPr>
          <a:lstStyle>
            <a:lvl1pPr marL="0" indent="0">
              <a:lnSpc>
                <a:spcPct val="110000"/>
              </a:lnSpc>
              <a:spcBef>
                <a:spcPts val="1500"/>
              </a:spcBef>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a:xfrm>
            <a:off x="633046" y="457201"/>
            <a:ext cx="7494588" cy="484324"/>
          </a:xfrm>
        </p:spPr>
        <p:txBody>
          <a:bodyPr/>
          <a:lstStyle>
            <a:lvl1pPr>
              <a:defRPr>
                <a:solidFill>
                  <a:schemeClr val="tx1"/>
                </a:solidFill>
              </a:defRPr>
            </a:lvl1pPr>
          </a:lstStyle>
          <a:p>
            <a:r>
              <a:rPr lang="en-US"/>
              <a:t>ONE COLUMN W/ SIDEBAR</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7499488" cy="423863"/>
          </a:xfrm>
        </p:spPr>
        <p:txBody>
          <a:bodyPr lIns="0" tIns="0" anchor="t">
            <a:noAutofit/>
          </a:bodyPr>
          <a:lstStyle>
            <a:lvl1pPr marL="0" indent="0">
              <a:lnSpc>
                <a:spcPct val="100000"/>
              </a:lnSpc>
              <a:buNone/>
              <a:defRPr sz="2000" b="0" i="0">
                <a:solidFill>
                  <a:schemeClr val="accent6">
                    <a:lumMod val="50000"/>
                  </a:schemeClr>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14" name="Text Placeholder 8">
            <a:extLst>
              <a:ext uri="{FF2B5EF4-FFF2-40B4-BE49-F238E27FC236}">
                <a16:creationId xmlns:a16="http://schemas.microsoft.com/office/drawing/2014/main" id="{9DF4F0AC-DF2F-2440-8588-A3E43C984E98}"/>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rgbClr val="FFFFFF"/>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15" name="Text Placeholder 3">
            <a:extLst>
              <a:ext uri="{FF2B5EF4-FFF2-40B4-BE49-F238E27FC236}">
                <a16:creationId xmlns:a16="http://schemas.microsoft.com/office/drawing/2014/main" id="{7761D298-1DE8-B948-BEF3-6E35C08C77C6}"/>
              </a:ext>
            </a:extLst>
          </p:cNvPr>
          <p:cNvSpPr>
            <a:spLocks noGrp="1"/>
          </p:cNvSpPr>
          <p:nvPr>
            <p:ph type="body" sz="quarter" idx="19"/>
          </p:nvPr>
        </p:nvSpPr>
        <p:spPr>
          <a:xfrm>
            <a:off x="8839200" y="1396302"/>
            <a:ext cx="2743200" cy="4744391"/>
          </a:xfrm>
        </p:spPr>
        <p:txBody>
          <a:bodyPr/>
          <a:lstStyle>
            <a:lvl1pPr marL="0" indent="0">
              <a:buNone/>
              <a:defRPr>
                <a:solidFill>
                  <a:srgbClr val="FFFFFF"/>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8" name="Slide Number Placeholder 7">
            <a:extLst>
              <a:ext uri="{FF2B5EF4-FFF2-40B4-BE49-F238E27FC236}">
                <a16:creationId xmlns:a16="http://schemas.microsoft.com/office/drawing/2014/main" id="{CE0A601D-D624-EB4D-9003-B1E4ADE20A1E}"/>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208220555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WO_COLUMN">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400"/>
            <a:ext cx="5288166" cy="4065879"/>
          </a:xfrm>
        </p:spPr>
        <p:txBody>
          <a:bodyPr/>
          <a:lstStyle>
            <a:lvl1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77337"/>
            <a:ext cx="5325578" cy="4045942"/>
          </a:xfrm>
        </p:spPr>
        <p:txBody>
          <a:bodyPr/>
          <a:lstStyle>
            <a:lvl1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AF71D006-89F6-8F49-AC44-D054C5E78799}"/>
              </a:ext>
            </a:extLst>
          </p:cNvPr>
          <p:cNvSpPr>
            <a:spLocks noGrp="1"/>
          </p:cNvSpPr>
          <p:nvPr>
            <p:ph type="title" hasCustomPrompt="1"/>
          </p:nvPr>
        </p:nvSpPr>
        <p:spPr/>
        <p:txBody>
          <a:bodyPr/>
          <a:lstStyle>
            <a:lvl1pPr>
              <a:defRPr>
                <a:solidFill>
                  <a:schemeClr val="tx1"/>
                </a:solidFill>
              </a:defRPr>
            </a:lvl1pPr>
          </a:lstStyle>
          <a:p>
            <a:r>
              <a:rPr lang="en-US"/>
              <a:t>TWO COLUMN</a:t>
            </a:r>
          </a:p>
        </p:txBody>
      </p:sp>
      <p:sp>
        <p:nvSpPr>
          <p:cNvPr id="10" name="Text Placeholder 8">
            <a:extLst>
              <a:ext uri="{FF2B5EF4-FFF2-40B4-BE49-F238E27FC236}">
                <a16:creationId xmlns:a16="http://schemas.microsoft.com/office/drawing/2014/main" id="{CA6742B0-4B7B-144D-89D3-1E9998902EF9}"/>
              </a:ext>
            </a:extLst>
          </p:cNvPr>
          <p:cNvSpPr>
            <a:spLocks noGrp="1"/>
          </p:cNvSpPr>
          <p:nvPr>
            <p:ph type="body" sz="quarter" idx="15" hasCustomPrompt="1"/>
          </p:nvPr>
        </p:nvSpPr>
        <p:spPr>
          <a:xfrm>
            <a:off x="625888" y="1554480"/>
            <a:ext cx="5295324" cy="393700"/>
          </a:xfrm>
        </p:spPr>
        <p:txBody>
          <a:bodyPr vert="horz" lIns="0" tIns="0" rIns="0" bIns="0" rtlCol="0" anchor="b" anchorCtr="0">
            <a:noAutofit/>
          </a:bodyPr>
          <a:lstStyle>
            <a:lvl1pPr marL="0" indent="0">
              <a:lnSpc>
                <a:spcPct val="100000"/>
              </a:lnSpc>
              <a:buNone/>
              <a:defRPr lang="en-US" sz="2000" b="1" dirty="0">
                <a:solidFill>
                  <a:schemeClr val="tx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2" name="Text Placeholder 8">
            <a:extLst>
              <a:ext uri="{FF2B5EF4-FFF2-40B4-BE49-F238E27FC236}">
                <a16:creationId xmlns:a16="http://schemas.microsoft.com/office/drawing/2014/main" id="{45A20E53-E60A-D148-ADE3-217B9C0555D8}"/>
              </a:ext>
            </a:extLst>
          </p:cNvPr>
          <p:cNvSpPr>
            <a:spLocks noGrp="1"/>
          </p:cNvSpPr>
          <p:nvPr>
            <p:ph type="body" sz="quarter" idx="16" hasCustomPrompt="1"/>
          </p:nvPr>
        </p:nvSpPr>
        <p:spPr>
          <a:xfrm>
            <a:off x="6233376" y="1554480"/>
            <a:ext cx="5295324" cy="393700"/>
          </a:xfrm>
        </p:spPr>
        <p:txBody>
          <a:bodyPr vert="horz" lIns="0" tIns="0" rIns="0" bIns="0" rtlCol="0" anchor="b" anchorCtr="0">
            <a:noAutofit/>
          </a:bodyPr>
          <a:lstStyle>
            <a:lvl1pPr marL="0" indent="0">
              <a:lnSpc>
                <a:spcPct val="100000"/>
              </a:lnSpc>
              <a:buNone/>
              <a:defRPr lang="en-US" sz="2000" b="1" dirty="0">
                <a:solidFill>
                  <a:schemeClr val="tx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7" name="Slide Number Placeholder 7">
            <a:extLst>
              <a:ext uri="{FF2B5EF4-FFF2-40B4-BE49-F238E27FC236}">
                <a16:creationId xmlns:a16="http://schemas.microsoft.com/office/drawing/2014/main" id="{B4B2A1AB-E041-DD4B-941F-BBC682B78CD6}"/>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64075901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orient="horz" pos="1296">
          <p15:clr>
            <a:srgbClr val="FBAE40"/>
          </p15:clr>
        </p15:guide>
      </p15:sldGuideLst>
    </p:ext>
  </p:extLs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HREE_COLUMN">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8132108-D7DE-3745-A51E-78481AA52BD0}"/>
              </a:ext>
            </a:extLst>
          </p:cNvPr>
          <p:cNvSpPr>
            <a:spLocks noGrp="1"/>
          </p:cNvSpPr>
          <p:nvPr>
            <p:ph type="title" hasCustomPrompt="1"/>
          </p:nvPr>
        </p:nvSpPr>
        <p:spPr/>
        <p:txBody>
          <a:bodyPr/>
          <a:lstStyle>
            <a:lvl1pPr>
              <a:defRPr>
                <a:solidFill>
                  <a:schemeClr val="tx1"/>
                </a:solidFill>
              </a:defRPr>
            </a:lvl1pPr>
          </a:lstStyle>
          <a:p>
            <a:r>
              <a:rPr lang="en-US"/>
              <a:t>THREE COLUMN</a:t>
            </a:r>
          </a:p>
        </p:txBody>
      </p:sp>
      <p:sp>
        <p:nvSpPr>
          <p:cNvPr id="13" name="Text Placeholder 8">
            <a:extLst>
              <a:ext uri="{FF2B5EF4-FFF2-40B4-BE49-F238E27FC236}">
                <a16:creationId xmlns:a16="http://schemas.microsoft.com/office/drawing/2014/main" id="{E18894EB-AE11-3647-98FC-533AEB7F989D}"/>
              </a:ext>
            </a:extLst>
          </p:cNvPr>
          <p:cNvSpPr>
            <a:spLocks noGrp="1"/>
          </p:cNvSpPr>
          <p:nvPr>
            <p:ph type="body" sz="quarter" idx="15" hasCustomPrompt="1"/>
          </p:nvPr>
        </p:nvSpPr>
        <p:spPr>
          <a:xfrm>
            <a:off x="625888" y="1554480"/>
            <a:ext cx="3450811" cy="393700"/>
          </a:xfrm>
        </p:spPr>
        <p:txBody>
          <a:bodyPr vert="horz" lIns="0" tIns="0" rIns="0" bIns="0" rtlCol="0" anchor="b" anchorCtr="0">
            <a:noAutofit/>
          </a:bodyPr>
          <a:lstStyle>
            <a:lvl1pPr marL="0" indent="0">
              <a:lnSpc>
                <a:spcPct val="100000"/>
              </a:lnSpc>
              <a:buNone/>
              <a:defRPr lang="en-US" sz="2000" dirty="0">
                <a:solidFill>
                  <a:schemeClr val="tx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4" name="Text Placeholder 8">
            <a:extLst>
              <a:ext uri="{FF2B5EF4-FFF2-40B4-BE49-F238E27FC236}">
                <a16:creationId xmlns:a16="http://schemas.microsoft.com/office/drawing/2014/main" id="{B246D0B6-534F-E143-B944-29D787BAFBCB}"/>
              </a:ext>
            </a:extLst>
          </p:cNvPr>
          <p:cNvSpPr>
            <a:spLocks noGrp="1"/>
          </p:cNvSpPr>
          <p:nvPr>
            <p:ph type="body" sz="quarter" idx="20" hasCustomPrompt="1"/>
          </p:nvPr>
        </p:nvSpPr>
        <p:spPr>
          <a:xfrm>
            <a:off x="4370594" y="1554480"/>
            <a:ext cx="3450811" cy="393700"/>
          </a:xfrm>
        </p:spPr>
        <p:txBody>
          <a:bodyPr vert="horz" lIns="0" tIns="0" rIns="0" bIns="0" rtlCol="0" anchor="b" anchorCtr="0">
            <a:noAutofit/>
          </a:bodyPr>
          <a:lstStyle>
            <a:lvl1pPr marL="0" indent="0">
              <a:lnSpc>
                <a:spcPct val="100000"/>
              </a:lnSpc>
              <a:buNone/>
              <a:defRPr lang="en-US" sz="2000" dirty="0">
                <a:solidFill>
                  <a:schemeClr val="tx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5" name="Text Placeholder 8">
            <a:extLst>
              <a:ext uri="{FF2B5EF4-FFF2-40B4-BE49-F238E27FC236}">
                <a16:creationId xmlns:a16="http://schemas.microsoft.com/office/drawing/2014/main" id="{80A41FA9-4C2C-CC4F-BA42-5FC4D2EEC437}"/>
              </a:ext>
            </a:extLst>
          </p:cNvPr>
          <p:cNvSpPr>
            <a:spLocks noGrp="1"/>
          </p:cNvSpPr>
          <p:nvPr>
            <p:ph type="body" sz="quarter" idx="21" hasCustomPrompt="1"/>
          </p:nvPr>
        </p:nvSpPr>
        <p:spPr>
          <a:xfrm>
            <a:off x="8115300" y="1554480"/>
            <a:ext cx="3450811" cy="393700"/>
          </a:xfrm>
        </p:spPr>
        <p:txBody>
          <a:bodyPr vert="horz" lIns="0" tIns="0" rIns="0" bIns="0" rtlCol="0" anchor="b" anchorCtr="0">
            <a:noAutofit/>
          </a:bodyPr>
          <a:lstStyle>
            <a:lvl1pPr marL="0" indent="0">
              <a:lnSpc>
                <a:spcPct val="100000"/>
              </a:lnSpc>
              <a:buNone/>
              <a:defRPr lang="en-US" sz="2000" dirty="0">
                <a:solidFill>
                  <a:schemeClr val="tx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7" name="Content Placeholder 7">
            <a:extLst>
              <a:ext uri="{FF2B5EF4-FFF2-40B4-BE49-F238E27FC236}">
                <a16:creationId xmlns:a16="http://schemas.microsoft.com/office/drawing/2014/main" id="{23979181-A85F-8F46-9F5B-E1434F737C21}"/>
              </a:ext>
            </a:extLst>
          </p:cNvPr>
          <p:cNvSpPr>
            <a:spLocks noGrp="1"/>
          </p:cNvSpPr>
          <p:nvPr>
            <p:ph sz="quarter" idx="13"/>
          </p:nvPr>
        </p:nvSpPr>
        <p:spPr>
          <a:xfrm>
            <a:off x="633046" y="2057399"/>
            <a:ext cx="3450811" cy="4065879"/>
          </a:xfrm>
        </p:spPr>
        <p:txBody>
          <a:bodyPr/>
          <a:lstStyle>
            <a:lvl1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Content Placeholder 7">
            <a:extLst>
              <a:ext uri="{FF2B5EF4-FFF2-40B4-BE49-F238E27FC236}">
                <a16:creationId xmlns:a16="http://schemas.microsoft.com/office/drawing/2014/main" id="{FCE0BBCF-20B0-F742-A2BD-CD8019EEC1E1}"/>
              </a:ext>
            </a:extLst>
          </p:cNvPr>
          <p:cNvSpPr>
            <a:spLocks noGrp="1"/>
          </p:cNvSpPr>
          <p:nvPr>
            <p:ph sz="quarter" idx="22"/>
          </p:nvPr>
        </p:nvSpPr>
        <p:spPr>
          <a:xfrm>
            <a:off x="4382317" y="2057399"/>
            <a:ext cx="3450811" cy="4065879"/>
          </a:xfrm>
        </p:spPr>
        <p:txBody>
          <a:bodyPr/>
          <a:lstStyle>
            <a:lvl1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Content Placeholder 7">
            <a:extLst>
              <a:ext uri="{FF2B5EF4-FFF2-40B4-BE49-F238E27FC236}">
                <a16:creationId xmlns:a16="http://schemas.microsoft.com/office/drawing/2014/main" id="{D1E55806-061F-134A-B860-D1AB41F66F07}"/>
              </a:ext>
            </a:extLst>
          </p:cNvPr>
          <p:cNvSpPr>
            <a:spLocks noGrp="1"/>
          </p:cNvSpPr>
          <p:nvPr>
            <p:ph sz="quarter" idx="23"/>
          </p:nvPr>
        </p:nvSpPr>
        <p:spPr>
          <a:xfrm>
            <a:off x="8131589" y="2057399"/>
            <a:ext cx="3450811" cy="4065879"/>
          </a:xfrm>
        </p:spPr>
        <p:txBody>
          <a:bodyPr/>
          <a:lstStyle>
            <a:lvl1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Slide Number Placeholder 7">
            <a:extLst>
              <a:ext uri="{FF2B5EF4-FFF2-40B4-BE49-F238E27FC236}">
                <a16:creationId xmlns:a16="http://schemas.microsoft.com/office/drawing/2014/main" id="{30E17351-DB81-8049-9C24-01A0B8DE2F1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274180693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orient="horz" pos="1296">
          <p15:clr>
            <a:srgbClr val="FBAE40"/>
          </p15:clr>
        </p15:guide>
      </p15:sldGuideLst>
    </p:ext>
  </p:extLs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MULTI_INFO">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399"/>
            <a:ext cx="5288166" cy="4065879"/>
          </a:xfrm>
        </p:spPr>
        <p:txBody>
          <a:bodyPr/>
          <a:lstStyle>
            <a:lvl1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57399"/>
            <a:ext cx="5325578" cy="4065879"/>
          </a:xfrm>
        </p:spPr>
        <p:txBody>
          <a:bodyPr/>
          <a:lstStyle>
            <a:lvl1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bg1"/>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8996A88E-9D0D-6E4C-AB61-620BD700301D}"/>
              </a:ext>
            </a:extLst>
          </p:cNvPr>
          <p:cNvSpPr>
            <a:spLocks noGrp="1"/>
          </p:cNvSpPr>
          <p:nvPr>
            <p:ph type="title" hasCustomPrompt="1"/>
          </p:nvPr>
        </p:nvSpPr>
        <p:spPr/>
        <p:txBody>
          <a:bodyPr/>
          <a:lstStyle>
            <a:lvl1pPr>
              <a:defRPr>
                <a:solidFill>
                  <a:schemeClr val="tx1"/>
                </a:solidFill>
              </a:defRPr>
            </a:lvl1pPr>
          </a:lstStyle>
          <a:p>
            <a:r>
              <a:rPr lang="en-US"/>
              <a:t>MULTI-INFORMATION</a:t>
            </a:r>
          </a:p>
        </p:txBody>
      </p:sp>
      <p:sp>
        <p:nvSpPr>
          <p:cNvPr id="11" name="Text Placeholder 8">
            <a:extLst>
              <a:ext uri="{FF2B5EF4-FFF2-40B4-BE49-F238E27FC236}">
                <a16:creationId xmlns:a16="http://schemas.microsoft.com/office/drawing/2014/main" id="{FD6499FC-E424-D24C-A3F8-CB853586C77A}"/>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smtClean="0">
                <a:solidFill>
                  <a:schemeClr val="accent6">
                    <a:lumMod val="50000"/>
                  </a:schemeClr>
                </a:solidFill>
                <a:latin typeface="Avenir Medium" panose="02000503020000020003" pitchFamily="2" charset="0"/>
                <a:ea typeface="Verdana" panose="020B0604030504040204" pitchFamily="34" charset="0"/>
                <a:cs typeface="Rubik Medium" pitchFamily="2" charset="-79"/>
              </a:defRPr>
            </a:lvl1pPr>
          </a:lstStyle>
          <a:p>
            <a:pPr lvl="0"/>
            <a:r>
              <a:rPr lang="en-US"/>
              <a:t>Various Information including charts, graphs, and tables</a:t>
            </a:r>
          </a:p>
        </p:txBody>
      </p:sp>
      <p:sp>
        <p:nvSpPr>
          <p:cNvPr id="6" name="Slide Number Placeholder 7">
            <a:extLst>
              <a:ext uri="{FF2B5EF4-FFF2-40B4-BE49-F238E27FC236}">
                <a16:creationId xmlns:a16="http://schemas.microsoft.com/office/drawing/2014/main" id="{C9A1AB9A-650F-0449-B4D3-7C25C0933DD0}"/>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46724285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orient="horz" pos="1296">
          <p15:clr>
            <a:srgbClr val="FBAE40"/>
          </p15:clr>
        </p15:guide>
      </p15:sldGuideLst>
    </p:ext>
  </p:extLst>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userDrawn="1">
  <p:cSld name="STATEM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09600" y="3071944"/>
            <a:ext cx="5029202" cy="714106"/>
          </a:xfrm>
        </p:spPr>
        <p:txBody>
          <a:bodyPr wrap="square" lIns="0" rIns="0" anchor="ctr">
            <a:spAutoFit/>
          </a:bodyPr>
          <a:lstStyle>
            <a:lvl1pPr marL="0" indent="0">
              <a:lnSpc>
                <a:spcPct val="110000"/>
              </a:lnSpc>
              <a:buNone/>
              <a:defRPr sz="2000" b="0" i="0">
                <a:solidFill>
                  <a:schemeClr val="bg1"/>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33046" y="457200"/>
            <a:ext cx="5339129" cy="781049"/>
          </a:xfrm>
        </p:spPr>
        <p:txBody>
          <a:bodyPr/>
          <a:lstStyle>
            <a:lvl1pPr>
              <a:defRPr>
                <a:solidFill>
                  <a:schemeClr val="tx1"/>
                </a:solidFill>
              </a:defRPr>
            </a:lvl1pPr>
          </a:lstStyle>
          <a:p>
            <a:r>
              <a:rPr lang="en-US"/>
              <a:t>IMAGE &amp; STATEMENT</a:t>
            </a:r>
            <a:br>
              <a:rPr lang="en-US"/>
            </a:br>
            <a:r>
              <a:rPr lang="en-US"/>
              <a:t>LEFT</a:t>
            </a:r>
          </a:p>
        </p:txBody>
      </p:sp>
    </p:spTree>
    <p:extLst>
      <p:ext uri="{BB962C8B-B14F-4D97-AF65-F5344CB8AC3E}">
        <p14:creationId xmlns:p14="http://schemas.microsoft.com/office/powerpoint/2010/main" val="218799443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pos="4104">
          <p15:clr>
            <a:srgbClr val="FBAE40"/>
          </p15:clr>
        </p15:guide>
      </p15:sldGuideLst>
    </p:ext>
  </p:extLs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userDrawn="1">
  <p:cSld name="STATEM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515100" y="3071944"/>
            <a:ext cx="5067300" cy="714106"/>
          </a:xfrm>
        </p:spPr>
        <p:txBody>
          <a:bodyPr wrap="square" lIns="0" rIns="0" anchor="ctr">
            <a:spAutoFit/>
          </a:bodyPr>
          <a:lstStyle>
            <a:lvl1pPr marL="0" indent="0">
              <a:lnSpc>
                <a:spcPct val="110000"/>
              </a:lnSpc>
              <a:buNone/>
              <a:defRPr sz="2000" b="0" i="0">
                <a:solidFill>
                  <a:schemeClr val="bg1"/>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515101" y="457200"/>
            <a:ext cx="5067300" cy="781049"/>
          </a:xfrm>
        </p:spPr>
        <p:txBody>
          <a:bodyPr/>
          <a:lstStyle>
            <a:lvl1pPr>
              <a:defRPr>
                <a:solidFill>
                  <a:schemeClr val="tx1"/>
                </a:solidFill>
              </a:defRPr>
            </a:lvl1pPr>
          </a:lstStyle>
          <a:p>
            <a:r>
              <a:rPr lang="en-US"/>
              <a:t>IMAGE &amp; STATEMENT</a:t>
            </a:r>
            <a:br>
              <a:rPr lang="en-US"/>
            </a:br>
            <a:r>
              <a:rPr lang="en-US"/>
              <a:t>RIGHT</a:t>
            </a:r>
          </a:p>
        </p:txBody>
      </p:sp>
      <p:sp>
        <p:nvSpPr>
          <p:cNvPr id="6" name="Slide Number Placeholder 7">
            <a:extLst>
              <a:ext uri="{FF2B5EF4-FFF2-40B4-BE49-F238E27FC236}">
                <a16:creationId xmlns:a16="http://schemas.microsoft.com/office/drawing/2014/main" id="{E3BB7671-82CD-9449-99ED-A88617E0797A}"/>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99993683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pos="4104">
          <p15:clr>
            <a:srgbClr val="FBAE40"/>
          </p15:clr>
        </p15:guide>
      </p15:sldGuideLst>
    </p:ext>
  </p:extLs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userDrawn="1">
  <p:cSld name="CONT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33046" y="457201"/>
            <a:ext cx="5262929" cy="809624"/>
          </a:xfrm>
        </p:spPr>
        <p:txBody>
          <a:bodyPr/>
          <a:lstStyle>
            <a:lvl1pPr>
              <a:defRPr>
                <a:solidFill>
                  <a:schemeClr val="tx1"/>
                </a:solidFill>
              </a:defRPr>
            </a:lvl1pPr>
          </a:lstStyle>
          <a:p>
            <a:r>
              <a:rPr lang="en-US"/>
              <a:t>IMAGE &amp; CONTENT</a:t>
            </a:r>
            <a:br>
              <a:rPr lang="en-US"/>
            </a:br>
            <a:r>
              <a:rPr lang="en-US"/>
              <a:t>LEF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33046" y="1925685"/>
            <a:ext cx="5262929"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76781150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pos="4104">
          <p15:clr>
            <a:srgbClr val="FBAE40"/>
          </p15:clr>
        </p15:guide>
      </p15:sldGuideLst>
    </p:ext>
  </p:extLst>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userDrawn="1">
  <p:cSld name="CONT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515101" y="457201"/>
            <a:ext cx="5067300" cy="809624"/>
          </a:xfrm>
        </p:spPr>
        <p:txBody>
          <a:bodyPr/>
          <a:lstStyle>
            <a:lvl1pPr>
              <a:defRPr>
                <a:solidFill>
                  <a:schemeClr val="tx1"/>
                </a:solidFill>
              </a:defRPr>
            </a:lvl1pPr>
          </a:lstStyle>
          <a:p>
            <a:r>
              <a:rPr lang="en-US"/>
              <a:t>IMAGE &amp; CONTENT</a:t>
            </a:r>
            <a:br>
              <a:rPr lang="en-US"/>
            </a:br>
            <a:r>
              <a:rPr lang="en-US"/>
              <a:t>RIGH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515101" y="1925685"/>
            <a:ext cx="5067300"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7">
            <a:extLst>
              <a:ext uri="{FF2B5EF4-FFF2-40B4-BE49-F238E27FC236}">
                <a16:creationId xmlns:a16="http://schemas.microsoft.com/office/drawing/2014/main" id="{4F57C929-D27A-1545-8FB3-5CED55E5D16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91900555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15:guide id="1" pos="4104">
          <p15:clr>
            <a:srgbClr val="FBAE40"/>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EXT">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1093393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p:txBody>
          <a:bodyPr/>
          <a:lstStyle/>
          <a:p>
            <a:r>
              <a:rPr lang="en-US"/>
              <a:t>ONE COLUMN</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5" name="Slide Number Placeholder 7">
            <a:extLst>
              <a:ext uri="{FF2B5EF4-FFF2-40B4-BE49-F238E27FC236}">
                <a16:creationId xmlns:a16="http://schemas.microsoft.com/office/drawing/2014/main" id="{74553E29-B355-2A41-B33F-166C3A5E1698}"/>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75880198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userDrawn="1">
          <p15:clr>
            <a:srgbClr val="FBAE40"/>
          </p15:clr>
        </p15:guide>
      </p15:sldGuideLst>
    </p:ext>
  </p:extLs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STATEMENT_PHOTO">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B956B44-6459-C147-B05F-9B8A94B3614A}"/>
              </a:ext>
            </a:extLst>
          </p:cNvPr>
          <p:cNvSpPr>
            <a:spLocks noGrp="1"/>
          </p:cNvSpPr>
          <p:nvPr>
            <p:ph type="title" hasCustomPrompt="1"/>
          </p:nvPr>
        </p:nvSpPr>
        <p:spPr>
          <a:xfrm>
            <a:off x="1111955" y="4796153"/>
            <a:ext cx="9968089" cy="1048107"/>
          </a:xfrm>
          <a:effectLst/>
        </p:spPr>
        <p:txBody>
          <a:bodyPr wrap="square" anchor="ctr">
            <a:spAutoFit/>
          </a:bodyPr>
          <a:lstStyle>
            <a:lvl1pPr algn="ctr">
              <a:lnSpc>
                <a:spcPct val="110000"/>
              </a:lnSpc>
              <a:defRPr sz="3000" b="1" i="0">
                <a:solidFill>
                  <a:schemeClr val="tx1"/>
                </a:solidFill>
                <a:latin typeface="Avenir Book" panose="02000503020000020003" pitchFamily="2" charset="0"/>
                <a:ea typeface="Verdana" panose="020B0604030504040204" pitchFamily="34" charset="0"/>
                <a:cs typeface="Rubik" pitchFamily="2" charset="-79"/>
              </a:defRPr>
            </a:lvl1pPr>
          </a:lstStyle>
          <a:p>
            <a:r>
              <a:rPr lang="en-US"/>
              <a:t>Statement slide with a sentence or two here about something important</a:t>
            </a:r>
          </a:p>
        </p:txBody>
      </p:sp>
      <p:sp>
        <p:nvSpPr>
          <p:cNvPr id="6" name="Picture Placeholder 11">
            <a:extLst>
              <a:ext uri="{FF2B5EF4-FFF2-40B4-BE49-F238E27FC236}">
                <a16:creationId xmlns:a16="http://schemas.microsoft.com/office/drawing/2014/main" id="{65B63C78-525F-1248-9C04-E6423D7A4DA1}"/>
              </a:ext>
            </a:extLst>
          </p:cNvPr>
          <p:cNvSpPr>
            <a:spLocks noGrp="1"/>
          </p:cNvSpPr>
          <p:nvPr>
            <p:ph type="pic" sz="quarter" idx="13"/>
          </p:nvPr>
        </p:nvSpPr>
        <p:spPr>
          <a:xfrm>
            <a:off x="-1" y="0"/>
            <a:ext cx="12192000" cy="3855155"/>
          </a:xfrm>
          <a:solidFill>
            <a:srgbClr val="FFFFFF"/>
          </a:solidFill>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Tree>
    <p:extLst>
      <p:ext uri="{BB962C8B-B14F-4D97-AF65-F5344CB8AC3E}">
        <p14:creationId xmlns:p14="http://schemas.microsoft.com/office/powerpoint/2010/main" val="9802532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FULL_PHOTO_STATEMENT">
    <p:bg>
      <p:bgPr>
        <a:solidFill>
          <a:schemeClr val="tx1"/>
        </a:solidFill>
        <a:effectLst/>
      </p:bgPr>
    </p:bg>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2"/>
            <a:ext cx="12192000" cy="6858001"/>
          </a:xfrm>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1677343" y="2574916"/>
            <a:ext cx="8837312" cy="1708160"/>
          </a:xfrm>
        </p:spPr>
        <p:txBody>
          <a:bodyPr wrap="square" lIns="457200" rIns="457200" anchor="ctr">
            <a:spAutoFit/>
          </a:bodyPr>
          <a:lstStyle>
            <a:lvl1pPr marL="0" indent="0" algn="ctr">
              <a:lnSpc>
                <a:spcPct val="100000"/>
              </a:lnSpc>
              <a:buNone/>
              <a:defRPr sz="3600" b="0" i="0">
                <a:solidFill>
                  <a:srgbClr val="FFFFFF"/>
                </a:solidFill>
                <a:effectLst>
                  <a:outerShdw blurRad="520700" dist="38100" dir="2700000" algn="tl" rotWithShape="0">
                    <a:schemeClr val="tx1">
                      <a:alpha val="40000"/>
                    </a:schemeClr>
                  </a:outerShdw>
                </a:effectLst>
                <a:latin typeface="Avenir Book" panose="02000503020000020003" pitchFamily="2" charset="0"/>
                <a:ea typeface="Verdana" panose="020B0604030504040204" pitchFamily="34" charset="0"/>
                <a:cs typeface="Rubik" pitchFamily="2" charset="-79"/>
              </a:defRPr>
            </a:lvl1pPr>
          </a:lstStyle>
          <a:p>
            <a:pPr lvl="0"/>
            <a:r>
              <a:rPr lang="en-US"/>
              <a:t>Some brief copy, no more than a few sentences long, making a concise statement about something important.</a:t>
            </a:r>
          </a:p>
        </p:txBody>
      </p:sp>
    </p:spTree>
    <p:extLst>
      <p:ext uri="{BB962C8B-B14F-4D97-AF65-F5344CB8AC3E}">
        <p14:creationId xmlns:p14="http://schemas.microsoft.com/office/powerpoint/2010/main" val="47361791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THANKYOU">
    <p:spTree>
      <p:nvGrpSpPr>
        <p:cNvPr id="1" name=""/>
        <p:cNvGrpSpPr/>
        <p:nvPr/>
      </p:nvGrpSpPr>
      <p:grpSpPr>
        <a:xfrm>
          <a:off x="0" y="0"/>
          <a:ext cx="0" cy="0"/>
          <a:chOff x="0" y="0"/>
          <a:chExt cx="0" cy="0"/>
        </a:xfrm>
      </p:grpSpPr>
      <p:pic>
        <p:nvPicPr>
          <p:cNvPr id="4" name="Picture 3" descr="A picture containing sky, outdoor, silhouette, blur&#10;&#10;Description automatically generated">
            <a:extLst>
              <a:ext uri="{FF2B5EF4-FFF2-40B4-BE49-F238E27FC236}">
                <a16:creationId xmlns:a16="http://schemas.microsoft.com/office/drawing/2014/main" id="{57C928D5-ACAF-D889-D204-491CBD87ECD4}"/>
              </a:ext>
            </a:extLst>
          </p:cNvPr>
          <p:cNvPicPr>
            <a:picLocks noChangeAspect="1"/>
          </p:cNvPicPr>
          <p:nvPr userDrawn="1"/>
        </p:nvPicPr>
        <p:blipFill>
          <a:blip r:embed="rId2"/>
          <a:stretch>
            <a:fillRect/>
          </a:stretch>
        </p:blipFill>
        <p:spPr>
          <a:xfrm>
            <a:off x="0" y="0"/>
            <a:ext cx="12192000" cy="6858000"/>
          </a:xfrm>
          <a:prstGeom prst="rect">
            <a:avLst/>
          </a:prstGeom>
        </p:spPr>
      </p:pic>
      <p:sp>
        <p:nvSpPr>
          <p:cNvPr id="17" name="Rectangle 16">
            <a:extLst>
              <a:ext uri="{FF2B5EF4-FFF2-40B4-BE49-F238E27FC236}">
                <a16:creationId xmlns:a16="http://schemas.microsoft.com/office/drawing/2014/main" id="{D5761815-63B9-6044-B96B-2084A33E2485}"/>
              </a:ext>
            </a:extLst>
          </p:cNvPr>
          <p:cNvSpPr/>
          <p:nvPr userDrawn="1"/>
        </p:nvSpPr>
        <p:spPr>
          <a:xfrm>
            <a:off x="8559799" y="4114799"/>
            <a:ext cx="3632201" cy="1981201"/>
          </a:xfrm>
          <a:prstGeom prst="rect">
            <a:avLst/>
          </a:prstGeom>
          <a:solidFill>
            <a:srgbClr val="FFFFFF">
              <a:alpha val="9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2" name="Picture 1">
            <a:extLst>
              <a:ext uri="{FF2B5EF4-FFF2-40B4-BE49-F238E27FC236}">
                <a16:creationId xmlns:a16="http://schemas.microsoft.com/office/drawing/2014/main" id="{EDE65CAD-FBB0-7F4A-A1A1-23CB52C3477B}"/>
              </a:ext>
            </a:extLst>
          </p:cNvPr>
          <p:cNvPicPr>
            <a:picLocks noChangeAspect="1"/>
          </p:cNvPicPr>
          <p:nvPr userDrawn="1"/>
        </p:nvPicPr>
        <p:blipFill>
          <a:blip r:embed="rId3"/>
          <a:stretch>
            <a:fillRect/>
          </a:stretch>
        </p:blipFill>
        <p:spPr>
          <a:xfrm>
            <a:off x="9043816" y="4575384"/>
            <a:ext cx="2359370" cy="1146764"/>
          </a:xfrm>
          <a:prstGeom prst="rect">
            <a:avLst/>
          </a:prstGeom>
        </p:spPr>
      </p:pic>
      <p:sp>
        <p:nvSpPr>
          <p:cNvPr id="16" name="Rectangle 15">
            <a:extLst>
              <a:ext uri="{FF2B5EF4-FFF2-40B4-BE49-F238E27FC236}">
                <a16:creationId xmlns:a16="http://schemas.microsoft.com/office/drawing/2014/main" id="{CD96EEAF-8CEA-2441-8F71-C2685CA25923}"/>
              </a:ext>
            </a:extLst>
          </p:cNvPr>
          <p:cNvSpPr/>
          <p:nvPr userDrawn="1"/>
        </p:nvSpPr>
        <p:spPr>
          <a:xfrm>
            <a:off x="0" y="3905405"/>
            <a:ext cx="8255002" cy="2486722"/>
          </a:xfrm>
          <a:prstGeom prst="rect">
            <a:avLst/>
          </a:prstGeom>
          <a:solidFill>
            <a:schemeClr val="tx1">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17302599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1_THANKYOU">
    <p:bg>
      <p:bgPr>
        <a:solidFill>
          <a:schemeClr val="tx2"/>
        </a:solidFill>
        <a:effectLst/>
      </p:bgPr>
    </p:bg>
    <p:spTree>
      <p:nvGrpSpPr>
        <p:cNvPr id="1" name=""/>
        <p:cNvGrpSpPr/>
        <p:nvPr/>
      </p:nvGrpSpPr>
      <p:grpSpPr>
        <a:xfrm>
          <a:off x="0" y="0"/>
          <a:ext cx="0" cy="0"/>
          <a:chOff x="0" y="0"/>
          <a:chExt cx="0" cy="0"/>
        </a:xfrm>
      </p:grpSpPr>
      <p:pic>
        <p:nvPicPr>
          <p:cNvPr id="6" name="Picture 5" descr="A picture containing outdoor, sky, city, several&#10;&#10;Description automatically generated">
            <a:extLst>
              <a:ext uri="{FF2B5EF4-FFF2-40B4-BE49-F238E27FC236}">
                <a16:creationId xmlns:a16="http://schemas.microsoft.com/office/drawing/2014/main" id="{4C8B518B-BF4D-E442-AFDA-A512C13610CE}"/>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6" name="Rectangle 15">
            <a:extLst>
              <a:ext uri="{FF2B5EF4-FFF2-40B4-BE49-F238E27FC236}">
                <a16:creationId xmlns:a16="http://schemas.microsoft.com/office/drawing/2014/main" id="{CD96EEAF-8CEA-2441-8F71-C2685CA25923}"/>
              </a:ext>
            </a:extLst>
          </p:cNvPr>
          <p:cNvSpPr/>
          <p:nvPr userDrawn="1"/>
        </p:nvSpPr>
        <p:spPr>
          <a:xfrm>
            <a:off x="0" y="2787805"/>
            <a:ext cx="8028512" cy="2486722"/>
          </a:xfrm>
          <a:prstGeom prst="rect">
            <a:avLst/>
          </a:prstGeom>
          <a:solidFill>
            <a:schemeClr val="tx1">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Rectangle 16">
            <a:extLst>
              <a:ext uri="{FF2B5EF4-FFF2-40B4-BE49-F238E27FC236}">
                <a16:creationId xmlns:a16="http://schemas.microsoft.com/office/drawing/2014/main" id="{D5761815-63B9-6044-B96B-2084A33E2485}"/>
              </a:ext>
            </a:extLst>
          </p:cNvPr>
          <p:cNvSpPr/>
          <p:nvPr userDrawn="1"/>
        </p:nvSpPr>
        <p:spPr>
          <a:xfrm>
            <a:off x="8255001" y="2787805"/>
            <a:ext cx="3937000" cy="2486722"/>
          </a:xfrm>
          <a:prstGeom prst="rect">
            <a:avLst/>
          </a:prstGeom>
          <a:solidFill>
            <a:srgbClr val="FFFFFF">
              <a:alpha val="9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2" name="Picture 1">
            <a:extLst>
              <a:ext uri="{FF2B5EF4-FFF2-40B4-BE49-F238E27FC236}">
                <a16:creationId xmlns:a16="http://schemas.microsoft.com/office/drawing/2014/main" id="{EDE65CAD-FBB0-7F4A-A1A1-23CB52C3477B}"/>
              </a:ext>
            </a:extLst>
          </p:cNvPr>
          <p:cNvPicPr>
            <a:picLocks noChangeAspect="1"/>
          </p:cNvPicPr>
          <p:nvPr userDrawn="1"/>
        </p:nvPicPr>
        <p:blipFill>
          <a:blip r:embed="rId4"/>
          <a:stretch>
            <a:fillRect/>
          </a:stretch>
        </p:blipFill>
        <p:spPr>
          <a:xfrm>
            <a:off x="9118412" y="3429000"/>
            <a:ext cx="2359370" cy="1146764"/>
          </a:xfrm>
          <a:prstGeom prst="rect">
            <a:avLst/>
          </a:prstGeom>
        </p:spPr>
      </p:pic>
    </p:spTree>
    <p:extLst>
      <p:ext uri="{BB962C8B-B14F-4D97-AF65-F5344CB8AC3E}">
        <p14:creationId xmlns:p14="http://schemas.microsoft.com/office/powerpoint/2010/main" val="318924320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84.xml><?xml version="1.0" encoding="utf-8"?>
<p:sldLayout xmlns:a="http://schemas.openxmlformats.org/drawingml/2006/main" xmlns:r="http://schemas.openxmlformats.org/officeDocument/2006/relationships" xmlns:p="http://schemas.openxmlformats.org/presentationml/2006/main" type="blank" preserve="1">
  <p:cSld name="BLANK_logo left">
    <p:spTree>
      <p:nvGrpSpPr>
        <p:cNvPr id="1" name=""/>
        <p:cNvGrpSpPr/>
        <p:nvPr/>
      </p:nvGrpSpPr>
      <p:grpSpPr>
        <a:xfrm>
          <a:off x="0" y="0"/>
          <a:ext cx="0" cy="0"/>
          <a:chOff x="0" y="0"/>
          <a:chExt cx="0" cy="0"/>
        </a:xfrm>
      </p:grpSpPr>
      <p:sp>
        <p:nvSpPr>
          <p:cNvPr id="2" name="Slide Number Placeholder 7">
            <a:extLst>
              <a:ext uri="{FF2B5EF4-FFF2-40B4-BE49-F238E27FC236}">
                <a16:creationId xmlns:a16="http://schemas.microsoft.com/office/drawing/2014/main" id="{9A6A9EFD-3B62-4E4F-91EB-F9F1A4E57EB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259373874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sldLayout>
</file>

<file path=ppt/slideLayouts/slideLayout85.xml><?xml version="1.0" encoding="utf-8"?>
<p:sldLayout xmlns:a="http://schemas.openxmlformats.org/drawingml/2006/main" xmlns:r="http://schemas.openxmlformats.org/officeDocument/2006/relationships" xmlns:p="http://schemas.openxmlformats.org/presentationml/2006/main" type="blank" preserve="1">
  <p:cSld name="BLANK Logo right">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1D568FF3-7764-ECDB-B23B-8ED8B8066617}"/>
              </a:ext>
            </a:extLst>
          </p:cNvPr>
          <p:cNvSpPr/>
          <p:nvPr userDrawn="1"/>
        </p:nvSpPr>
        <p:spPr>
          <a:xfrm>
            <a:off x="367862" y="6011917"/>
            <a:ext cx="1534510" cy="75718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Slide Number Placeholder 7">
            <a:extLst>
              <a:ext uri="{FF2B5EF4-FFF2-40B4-BE49-F238E27FC236}">
                <a16:creationId xmlns:a16="http://schemas.microsoft.com/office/drawing/2014/main" id="{9A6A9EFD-3B62-4E4F-91EB-F9F1A4E57EBF}"/>
              </a:ext>
            </a:extLst>
          </p:cNvPr>
          <p:cNvSpPr>
            <a:spLocks noGrp="1"/>
          </p:cNvSpPr>
          <p:nvPr>
            <p:ph type="sldNum" sz="quarter" idx="4"/>
          </p:nvPr>
        </p:nvSpPr>
        <p:spPr>
          <a:xfrm>
            <a:off x="692998" y="6390508"/>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pic>
        <p:nvPicPr>
          <p:cNvPr id="7" name="Picture 6" descr="Text&#10;&#10;Description automatically generated">
            <a:extLst>
              <a:ext uri="{FF2B5EF4-FFF2-40B4-BE49-F238E27FC236}">
                <a16:creationId xmlns:a16="http://schemas.microsoft.com/office/drawing/2014/main" id="{78596A98-4681-E5E2-9C7C-0A7962A080D1}"/>
              </a:ext>
            </a:extLst>
          </p:cNvPr>
          <p:cNvPicPr>
            <a:picLocks noChangeAspect="1"/>
          </p:cNvPicPr>
          <p:nvPr userDrawn="1"/>
        </p:nvPicPr>
        <p:blipFill>
          <a:blip r:embed="rId2"/>
          <a:stretch>
            <a:fillRect/>
          </a:stretch>
        </p:blipFill>
        <p:spPr>
          <a:xfrm>
            <a:off x="10726858" y="6131031"/>
            <a:ext cx="1066800" cy="518954"/>
          </a:xfrm>
          <a:prstGeom prst="rect">
            <a:avLst/>
          </a:prstGeom>
        </p:spPr>
      </p:pic>
    </p:spTree>
    <p:extLst>
      <p:ext uri="{BB962C8B-B14F-4D97-AF65-F5344CB8AC3E}">
        <p14:creationId xmlns:p14="http://schemas.microsoft.com/office/powerpoint/2010/main" val="374896187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userDrawn="1">
  <p:cSld name="Special slide">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8D349089-8D66-9E40-BF18-90E16FD6AD8C}"/>
              </a:ext>
            </a:extLst>
          </p:cNvPr>
          <p:cNvSpPr/>
          <p:nvPr userDrawn="1"/>
        </p:nvSpPr>
        <p:spPr>
          <a:xfrm>
            <a:off x="367862" y="6011917"/>
            <a:ext cx="1534510" cy="757183"/>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0" name="Picture 9" descr="A picture containing toy&#10;&#10;Description automatically generated">
            <a:extLst>
              <a:ext uri="{FF2B5EF4-FFF2-40B4-BE49-F238E27FC236}">
                <a16:creationId xmlns:a16="http://schemas.microsoft.com/office/drawing/2014/main" id="{7F153B3D-6DE9-4AA8-1425-BEBAFF07DB6E}"/>
              </a:ext>
            </a:extLst>
          </p:cNvPr>
          <p:cNvPicPr>
            <a:picLocks noChangeAspect="1"/>
          </p:cNvPicPr>
          <p:nvPr userDrawn="1"/>
        </p:nvPicPr>
        <p:blipFill rotWithShape="1">
          <a:blip r:embed="rId2"/>
          <a:srcRect l="1" t="-14788" r="-500" b="14788"/>
          <a:stretch/>
        </p:blipFill>
        <p:spPr>
          <a:xfrm>
            <a:off x="0" y="-1188720"/>
            <a:ext cx="12252960" cy="8038681"/>
          </a:xfrm>
          <a:prstGeom prst="rect">
            <a:avLst/>
          </a:prstGeom>
        </p:spPr>
      </p:pic>
      <p:sp>
        <p:nvSpPr>
          <p:cNvPr id="5" name="Rectangle 4">
            <a:extLst>
              <a:ext uri="{FF2B5EF4-FFF2-40B4-BE49-F238E27FC236}">
                <a16:creationId xmlns:a16="http://schemas.microsoft.com/office/drawing/2014/main" id="{45DB764E-A675-2B42-A883-CFA03F89AD65}"/>
              </a:ext>
            </a:extLst>
          </p:cNvPr>
          <p:cNvSpPr/>
          <p:nvPr userDrawn="1"/>
        </p:nvSpPr>
        <p:spPr>
          <a:xfrm>
            <a:off x="4775199" y="939799"/>
            <a:ext cx="7416801" cy="5910161"/>
          </a:xfrm>
          <a:prstGeom prst="rect">
            <a:avLst/>
          </a:prstGeom>
          <a:solidFill>
            <a:srgbClr val="231F20">
              <a:alpha val="79279"/>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solidFill>
                <a:schemeClr val="bg1"/>
              </a:solidFill>
              <a:highlight>
                <a:srgbClr val="508EAA"/>
              </a:highlight>
            </a:endParaRPr>
          </a:p>
        </p:txBody>
      </p:sp>
      <p:sp>
        <p:nvSpPr>
          <p:cNvPr id="7" name="Title 1">
            <a:extLst>
              <a:ext uri="{FF2B5EF4-FFF2-40B4-BE49-F238E27FC236}">
                <a16:creationId xmlns:a16="http://schemas.microsoft.com/office/drawing/2014/main" id="{9BFC4C35-9200-DD4C-B038-39B49776DA41}"/>
              </a:ext>
            </a:extLst>
          </p:cNvPr>
          <p:cNvSpPr>
            <a:spLocks noGrp="1"/>
          </p:cNvSpPr>
          <p:nvPr>
            <p:ph type="ctrTitle"/>
          </p:nvPr>
        </p:nvSpPr>
        <p:spPr>
          <a:xfrm>
            <a:off x="5761668" y="3899674"/>
            <a:ext cx="5670757" cy="1463040"/>
          </a:xfrm>
          <a:prstGeom prst="rect">
            <a:avLst/>
          </a:prstGeom>
        </p:spPr>
        <p:txBody>
          <a:bodyPr lIns="0" tIns="0" rIns="0" bIns="0">
            <a:noAutofit/>
          </a:bodyPr>
          <a:lstStyle>
            <a:lvl1pPr>
              <a:lnSpc>
                <a:spcPts val="3300"/>
              </a:lnSpc>
              <a:defRPr sz="2700">
                <a:solidFill>
                  <a:srgbClr val="FFFFFF"/>
                </a:solidFill>
              </a:defRPr>
            </a:lvl1pPr>
          </a:lstStyle>
          <a:p>
            <a:r>
              <a:rPr lang="en-US"/>
              <a:t>Click to edit Master title style</a:t>
            </a:r>
          </a:p>
        </p:txBody>
      </p:sp>
      <p:sp>
        <p:nvSpPr>
          <p:cNvPr id="8" name="Subtitle 2">
            <a:extLst>
              <a:ext uri="{FF2B5EF4-FFF2-40B4-BE49-F238E27FC236}">
                <a16:creationId xmlns:a16="http://schemas.microsoft.com/office/drawing/2014/main" id="{E5DF5D30-943E-6642-A246-8EE3E9EE2E6C}"/>
              </a:ext>
            </a:extLst>
          </p:cNvPr>
          <p:cNvSpPr>
            <a:spLocks noGrp="1"/>
          </p:cNvSpPr>
          <p:nvPr>
            <p:ph type="subTitle" idx="1"/>
          </p:nvPr>
        </p:nvSpPr>
        <p:spPr>
          <a:xfrm>
            <a:off x="5761668" y="3315001"/>
            <a:ext cx="5670757" cy="484464"/>
          </a:xfrm>
          <a:prstGeom prst="rect">
            <a:avLst/>
          </a:prstGeom>
        </p:spPr>
        <p:txBody>
          <a:bodyPr lIns="0" tIns="0" rIns="0" bIns="0" anchor="b">
            <a:noAutofit/>
          </a:bodyPr>
          <a:lstStyle>
            <a:lvl1pPr marL="0" indent="0" algn="l">
              <a:buNone/>
              <a:defRPr sz="2000" b="0">
                <a:solidFill>
                  <a:srgbClr val="FFFFFF"/>
                </a:solidFill>
                <a:latin typeface="+mn-lt"/>
              </a:defRPr>
            </a:lvl1pPr>
            <a:lvl2pPr marL="609493" indent="0" algn="ctr">
              <a:buNone/>
              <a:defRPr>
                <a:solidFill>
                  <a:schemeClr val="tx1">
                    <a:tint val="75000"/>
                  </a:schemeClr>
                </a:solidFill>
              </a:defRPr>
            </a:lvl2pPr>
            <a:lvl3pPr marL="1218987" indent="0" algn="ctr">
              <a:buNone/>
              <a:defRPr>
                <a:solidFill>
                  <a:schemeClr val="tx1">
                    <a:tint val="75000"/>
                  </a:schemeClr>
                </a:solidFill>
              </a:defRPr>
            </a:lvl3pPr>
            <a:lvl4pPr marL="1828480" indent="0" algn="ctr">
              <a:buNone/>
              <a:defRPr>
                <a:solidFill>
                  <a:schemeClr val="tx1">
                    <a:tint val="75000"/>
                  </a:schemeClr>
                </a:solidFill>
              </a:defRPr>
            </a:lvl4pPr>
            <a:lvl5pPr marL="2437973" indent="0" algn="ctr">
              <a:buNone/>
              <a:defRPr>
                <a:solidFill>
                  <a:schemeClr val="tx1">
                    <a:tint val="75000"/>
                  </a:schemeClr>
                </a:solidFill>
              </a:defRPr>
            </a:lvl5pPr>
            <a:lvl6pPr marL="3047467" indent="0" algn="ctr">
              <a:buNone/>
              <a:defRPr>
                <a:solidFill>
                  <a:schemeClr val="tx1">
                    <a:tint val="75000"/>
                  </a:schemeClr>
                </a:solidFill>
              </a:defRPr>
            </a:lvl6pPr>
            <a:lvl7pPr marL="3656960" indent="0" algn="ctr">
              <a:buNone/>
              <a:defRPr>
                <a:solidFill>
                  <a:schemeClr val="tx1">
                    <a:tint val="75000"/>
                  </a:schemeClr>
                </a:solidFill>
              </a:defRPr>
            </a:lvl7pPr>
            <a:lvl8pPr marL="4266453" indent="0" algn="ctr">
              <a:buNone/>
              <a:defRPr>
                <a:solidFill>
                  <a:schemeClr val="tx1">
                    <a:tint val="75000"/>
                  </a:schemeClr>
                </a:solidFill>
              </a:defRPr>
            </a:lvl8pPr>
            <a:lvl9pPr marL="4875947"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404748180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userDrawn="1">
  <p:cSld name="1_TITLE_HOTEL">
    <p:spTree>
      <p:nvGrpSpPr>
        <p:cNvPr id="1" name=""/>
        <p:cNvGrpSpPr/>
        <p:nvPr/>
      </p:nvGrpSpPr>
      <p:grpSpPr>
        <a:xfrm>
          <a:off x="0" y="0"/>
          <a:ext cx="0" cy="0"/>
          <a:chOff x="0" y="0"/>
          <a:chExt cx="0" cy="0"/>
        </a:xfrm>
      </p:grpSpPr>
      <p:pic>
        <p:nvPicPr>
          <p:cNvPr id="6" name="Picture 5">
            <a:extLst>
              <a:ext uri="{FF2B5EF4-FFF2-40B4-BE49-F238E27FC236}">
                <a16:creationId xmlns:a16="http://schemas.microsoft.com/office/drawing/2014/main" id="{157A5BA0-80AD-1F10-3064-3326495574EF}"/>
              </a:ext>
            </a:extLst>
          </p:cNvPr>
          <p:cNvPicPr>
            <a:picLocks noChangeAspect="1"/>
          </p:cNvPicPr>
          <p:nvPr userDrawn="1"/>
        </p:nvPicPr>
        <p:blipFill>
          <a:blip r:embed="rId2" cstate="screen">
            <a:extLst>
              <a:ext uri="{28A0092B-C50C-407E-A947-70E740481C1C}">
                <a14:useLocalDpi xmlns:a14="http://schemas.microsoft.com/office/drawing/2010/main"/>
              </a:ext>
            </a:extLst>
          </a:blip>
          <a:srcRect/>
          <a:stretch/>
        </p:blipFill>
        <p:spPr>
          <a:xfrm>
            <a:off x="0" y="0"/>
            <a:ext cx="12192000" cy="6857999"/>
          </a:xfrm>
          <a:prstGeom prst="rect">
            <a:avLst/>
          </a:prstGeom>
        </p:spPr>
      </p:pic>
      <p:sp>
        <p:nvSpPr>
          <p:cNvPr id="3" name="Rectangle 2">
            <a:extLst>
              <a:ext uri="{FF2B5EF4-FFF2-40B4-BE49-F238E27FC236}">
                <a16:creationId xmlns:a16="http://schemas.microsoft.com/office/drawing/2014/main" id="{0A2CE8FF-4E27-DB74-A1EE-E890B88FA92D}"/>
              </a:ext>
            </a:extLst>
          </p:cNvPr>
          <p:cNvSpPr/>
          <p:nvPr userDrawn="1"/>
        </p:nvSpPr>
        <p:spPr>
          <a:xfrm>
            <a:off x="-1" y="0"/>
            <a:ext cx="2725417" cy="6858000"/>
          </a:xfrm>
          <a:prstGeom prst="rect">
            <a:avLst/>
          </a:prstGeom>
          <a:solidFill>
            <a:srgbClr val="EB7D2B">
              <a:alpha val="9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 name="Rectangle 3">
            <a:extLst>
              <a:ext uri="{FF2B5EF4-FFF2-40B4-BE49-F238E27FC236}">
                <a16:creationId xmlns:a16="http://schemas.microsoft.com/office/drawing/2014/main" id="{8F08CE42-A9A3-499A-71E5-189109B890E1}"/>
              </a:ext>
            </a:extLst>
          </p:cNvPr>
          <p:cNvSpPr/>
          <p:nvPr userDrawn="1"/>
        </p:nvSpPr>
        <p:spPr>
          <a:xfrm>
            <a:off x="2084141" y="1985962"/>
            <a:ext cx="8023717" cy="2886075"/>
          </a:xfrm>
          <a:prstGeom prst="rect">
            <a:avLst/>
          </a:prstGeom>
          <a:solidFill>
            <a:srgbClr val="FFFFFF">
              <a:alpha val="9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EA53EFE4-8DE5-6CE5-DAF9-D2B6800E48C8}"/>
              </a:ext>
            </a:extLst>
          </p:cNvPr>
          <p:cNvSpPr/>
          <p:nvPr userDrawn="1"/>
        </p:nvSpPr>
        <p:spPr>
          <a:xfrm>
            <a:off x="2084141" y="1985962"/>
            <a:ext cx="241726" cy="2886075"/>
          </a:xfrm>
          <a:prstGeom prst="rect">
            <a:avLst/>
          </a:prstGeom>
          <a:solidFill>
            <a:srgbClr val="0D5C2F">
              <a:alpha val="9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5" name="Picture 14" descr="A black and white logo&#10;&#10;Description automatically generated">
            <a:extLst>
              <a:ext uri="{FF2B5EF4-FFF2-40B4-BE49-F238E27FC236}">
                <a16:creationId xmlns:a16="http://schemas.microsoft.com/office/drawing/2014/main" id="{3CDBC1F8-3331-96F1-6A3C-CFAB8A4FD54D}"/>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280041" y="8366536"/>
            <a:ext cx="2165335" cy="724876"/>
          </a:xfrm>
          <a:prstGeom prst="rect">
            <a:avLst/>
          </a:prstGeom>
        </p:spPr>
      </p:pic>
      <p:pic>
        <p:nvPicPr>
          <p:cNvPr id="16" name="Picture 15" descr="A black and white logo&#10;&#10;Description automatically generated">
            <a:extLst>
              <a:ext uri="{FF2B5EF4-FFF2-40B4-BE49-F238E27FC236}">
                <a16:creationId xmlns:a16="http://schemas.microsoft.com/office/drawing/2014/main" id="{7FA5308B-0A08-15F7-5E2D-A3079721CF59}"/>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280041" y="5884986"/>
            <a:ext cx="2165335" cy="724876"/>
          </a:xfrm>
          <a:prstGeom prst="rect">
            <a:avLst/>
          </a:prstGeom>
        </p:spPr>
      </p:pic>
    </p:spTree>
    <p:extLst>
      <p:ext uri="{BB962C8B-B14F-4D97-AF65-F5344CB8AC3E}">
        <p14:creationId xmlns:p14="http://schemas.microsoft.com/office/powerpoint/2010/main" val="23127895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userDrawn="1">
  <p:cSld name="BULLET">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43100"/>
            <a:ext cx="10934304" cy="4180179"/>
          </a:xfrm>
        </p:spPr>
        <p:txBody>
          <a:bodyPr lIns="0" tIns="0">
            <a:normAutofit/>
          </a:bodyPr>
          <a:lstStyle>
            <a:lvl1pPr marL="228600" marR="0" indent="-228600" algn="l" defTabSz="914400" rtl="0" eaLnBrk="1" fontAlgn="auto" latinLnBrk="0" hangingPunct="1">
              <a:lnSpc>
                <a:spcPct val="100000"/>
              </a:lnSpc>
              <a:spcBef>
                <a:spcPts val="1000"/>
              </a:spcBef>
              <a:spcAft>
                <a:spcPts val="0"/>
              </a:spcAft>
              <a:buClr>
                <a:srgbClr val="EB7D2B"/>
              </a:buClr>
              <a:buSzTx/>
              <a:buFont typeface="Arial" panose="020B0604020202020204" pitchFamily="34" charset="0"/>
              <a:buChar char="•"/>
              <a:tabLst/>
              <a:defRPr sz="1600" b="0" i="0">
                <a:solidFill>
                  <a:srgbClr val="172F1C"/>
                </a:solidFill>
                <a:latin typeface="Arial" panose="020B0604020202020204" pitchFamily="34" charset="0"/>
                <a:ea typeface="Verdana" panose="020B0604030504040204" pitchFamily="34" charset="0"/>
                <a:cs typeface="Verdana" panose="020B0604030504040204" pitchFamily="34" charset="0"/>
              </a:defRPr>
            </a:lvl1pPr>
          </a:lstStyle>
          <a:p>
            <a:pPr lvl="0"/>
            <a:r>
              <a:rPr lang="en-US"/>
              <a:t>Bullet Item One</a:t>
            </a:r>
          </a:p>
          <a:p>
            <a:pPr lvl="0"/>
            <a:r>
              <a:rPr lang="en-US"/>
              <a:t>Bullet Item Two</a:t>
            </a:r>
          </a:p>
          <a:p>
            <a:pPr lvl="0"/>
            <a:r>
              <a:rPr lang="en-US"/>
              <a:t>Bullet Item Three</a:t>
            </a:r>
          </a:p>
          <a:p>
            <a:pPr lvl="0"/>
            <a:r>
              <a:rPr lang="en-US"/>
              <a:t>Bullet Item Four</a:t>
            </a:r>
          </a:p>
          <a:p>
            <a:pPr lvl="0"/>
            <a:r>
              <a:rPr lang="en-US"/>
              <a:t>Bullet Item Five</a:t>
            </a:r>
          </a:p>
          <a:p>
            <a:pPr lvl="0"/>
            <a:r>
              <a:rPr lang="en-US"/>
              <a:t>Bullet Item Six</a:t>
            </a:r>
          </a:p>
        </p:txBody>
      </p:sp>
      <p:sp>
        <p:nvSpPr>
          <p:cNvPr id="7" name="Text Placeholder 8">
            <a:extLst>
              <a:ext uri="{FF2B5EF4-FFF2-40B4-BE49-F238E27FC236}">
                <a16:creationId xmlns:a16="http://schemas.microsoft.com/office/drawing/2014/main" id="{BC6EA2F8-AB82-9948-871F-3880E8513D5A}"/>
              </a:ext>
            </a:extLst>
          </p:cNvPr>
          <p:cNvSpPr>
            <a:spLocks noGrp="1"/>
          </p:cNvSpPr>
          <p:nvPr>
            <p:ph type="body" sz="quarter" idx="15" hasCustomPrompt="1"/>
          </p:nvPr>
        </p:nvSpPr>
        <p:spPr>
          <a:xfrm>
            <a:off x="633046" y="1018138"/>
            <a:ext cx="10934304" cy="423863"/>
          </a:xfrm>
        </p:spPr>
        <p:txBody>
          <a:bodyPr vert="horz" lIns="0" tIns="0" rIns="91440" bIns="45720" rtlCol="0" anchor="t">
            <a:noAutofit/>
          </a:bodyPr>
          <a:lstStyle>
            <a:lvl1pPr marL="0" indent="0">
              <a:buNone/>
              <a:defRPr lang="en-US" sz="2000" b="1" i="0" dirty="0">
                <a:solidFill>
                  <a:srgbClr val="EB7D2B"/>
                </a:solidFill>
                <a:latin typeface="Arial" panose="020B0604020202020204" pitchFamily="34" charset="0"/>
              </a:defRPr>
            </a:lvl1pPr>
          </a:lstStyle>
          <a:p>
            <a:pPr marL="228600" lvl="0" indent="-228600"/>
            <a:r>
              <a:rPr lang="en-US"/>
              <a:t>Subtitle if Needed</a:t>
            </a:r>
          </a:p>
        </p:txBody>
      </p:sp>
      <p:sp>
        <p:nvSpPr>
          <p:cNvPr id="8" name="Title 7">
            <a:extLst>
              <a:ext uri="{FF2B5EF4-FFF2-40B4-BE49-F238E27FC236}">
                <a16:creationId xmlns:a16="http://schemas.microsoft.com/office/drawing/2014/main" id="{6A2FA772-1959-CF41-BAA4-E146B36F5FA2}"/>
              </a:ext>
            </a:extLst>
          </p:cNvPr>
          <p:cNvSpPr>
            <a:spLocks noGrp="1"/>
          </p:cNvSpPr>
          <p:nvPr>
            <p:ph type="title" hasCustomPrompt="1"/>
          </p:nvPr>
        </p:nvSpPr>
        <p:spPr/>
        <p:txBody>
          <a:bodyPr/>
          <a:lstStyle>
            <a:lvl1pPr>
              <a:defRPr cap="none" baseline="0">
                <a:latin typeface="Avenir Heavy" panose="020B0703020203020204" pitchFamily="34" charset="0"/>
              </a:defRPr>
            </a:lvl1pPr>
          </a:lstStyle>
          <a:p>
            <a:r>
              <a:rPr lang="en-US"/>
              <a:t>Bullets or List</a:t>
            </a:r>
          </a:p>
        </p:txBody>
      </p:sp>
    </p:spTree>
    <p:extLst>
      <p:ext uri="{BB962C8B-B14F-4D97-AF65-F5344CB8AC3E}">
        <p14:creationId xmlns:p14="http://schemas.microsoft.com/office/powerpoint/2010/main" val="270756251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userDrawn="1">
  <p:cSld name="BULLET_SIDEBAR_LIGHT">
    <p:spTree>
      <p:nvGrpSpPr>
        <p:cNvPr id="1" name=""/>
        <p:cNvGrpSpPr/>
        <p:nvPr/>
      </p:nvGrpSpPr>
      <p:grpSpPr>
        <a:xfrm>
          <a:off x="0" y="0"/>
          <a:ext cx="0" cy="0"/>
          <a:chOff x="0" y="0"/>
          <a:chExt cx="0" cy="0"/>
        </a:xfrm>
      </p:grpSpPr>
      <p:sp>
        <p:nvSpPr>
          <p:cNvPr id="8" name="Rectangle 7">
            <a:extLst>
              <a:ext uri="{FF2B5EF4-FFF2-40B4-BE49-F238E27FC236}">
                <a16:creationId xmlns:a16="http://schemas.microsoft.com/office/drawing/2014/main" id="{D7F3DC1B-950E-FE27-A387-50E4F2365550}"/>
              </a:ext>
            </a:extLst>
          </p:cNvPr>
          <p:cNvSpPr/>
          <p:nvPr userDrawn="1"/>
        </p:nvSpPr>
        <p:spPr>
          <a:xfrm>
            <a:off x="14776017" y="0"/>
            <a:ext cx="3446019" cy="6858000"/>
          </a:xfrm>
          <a:prstGeom prst="rect">
            <a:avLst/>
          </a:prstGeom>
          <a:gradFill flip="none" rotWithShape="1">
            <a:gsLst>
              <a:gs pos="100000">
                <a:srgbClr val="172F1C"/>
              </a:gs>
              <a:gs pos="0">
                <a:srgbClr val="BC6124"/>
              </a:gs>
            </a:gsLst>
            <a:lin ang="54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3A9AD751-8CDF-044E-3279-2BDFC1EBFF0D}"/>
              </a:ext>
            </a:extLst>
          </p:cNvPr>
          <p:cNvSpPr/>
          <p:nvPr userDrawn="1"/>
        </p:nvSpPr>
        <p:spPr>
          <a:xfrm>
            <a:off x="8745981" y="0"/>
            <a:ext cx="3446019" cy="6858000"/>
          </a:xfrm>
          <a:prstGeom prst="rect">
            <a:avLst/>
          </a:prstGeom>
          <a:gradFill flip="none" rotWithShape="1">
            <a:gsLst>
              <a:gs pos="100000">
                <a:srgbClr val="EB7D2B"/>
              </a:gs>
              <a:gs pos="7000">
                <a:srgbClr val="BC6124"/>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descr="A black and white logo&#10;&#10;Description automatically generated">
            <a:extLst>
              <a:ext uri="{FF2B5EF4-FFF2-40B4-BE49-F238E27FC236}">
                <a16:creationId xmlns:a16="http://schemas.microsoft.com/office/drawing/2014/main" id="{BD326058-4C41-C11E-BCC7-E9D81BC84EDB}"/>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9476054" y="5880814"/>
            <a:ext cx="1985871" cy="664798"/>
          </a:xfrm>
          <a:prstGeom prst="rect">
            <a:avLst/>
          </a:prstGeom>
        </p:spPr>
      </p:pic>
      <p:sp>
        <p:nvSpPr>
          <p:cNvPr id="14" name="Text Placeholder 9">
            <a:extLst>
              <a:ext uri="{FF2B5EF4-FFF2-40B4-BE49-F238E27FC236}">
                <a16:creationId xmlns:a16="http://schemas.microsoft.com/office/drawing/2014/main" id="{AA160C45-3A5C-294D-807C-299CFED30221}"/>
              </a:ext>
            </a:extLst>
          </p:cNvPr>
          <p:cNvSpPr>
            <a:spLocks noGrp="1"/>
          </p:cNvSpPr>
          <p:nvPr>
            <p:ph type="body" sz="quarter" idx="18" hasCustomPrompt="1"/>
          </p:nvPr>
        </p:nvSpPr>
        <p:spPr>
          <a:xfrm>
            <a:off x="9208226" y="576068"/>
            <a:ext cx="2521528" cy="349413"/>
          </a:xfrm>
        </p:spPr>
        <p:txBody>
          <a:bodyPr>
            <a:noAutofit/>
          </a:bodyPr>
          <a:lstStyle>
            <a:lvl1pPr marL="0" indent="0">
              <a:lnSpc>
                <a:spcPct val="90000"/>
              </a:lnSpc>
              <a:spcBef>
                <a:spcPts val="0"/>
              </a:spcBef>
              <a:buNone/>
              <a:defRPr sz="2000" b="1" i="0" cap="all" baseline="0">
                <a:solidFill>
                  <a:schemeClr val="bg1"/>
                </a:solidFill>
                <a:latin typeface="Arial" panose="020B0604020202020204" pitchFamily="34" charset="0"/>
              </a:defRPr>
            </a:lvl1pPr>
          </a:lstStyle>
          <a:p>
            <a:r>
              <a:rPr lang="en-US"/>
              <a:t>SIDEBAR HEADING</a:t>
            </a:r>
          </a:p>
        </p:txBody>
      </p:sp>
      <p:sp>
        <p:nvSpPr>
          <p:cNvPr id="15" name="Text Placeholder 10">
            <a:extLst>
              <a:ext uri="{FF2B5EF4-FFF2-40B4-BE49-F238E27FC236}">
                <a16:creationId xmlns:a16="http://schemas.microsoft.com/office/drawing/2014/main" id="{F6DF75F6-D930-0642-AFBB-7EBB69496509}"/>
              </a:ext>
            </a:extLst>
          </p:cNvPr>
          <p:cNvSpPr>
            <a:spLocks noGrp="1"/>
          </p:cNvSpPr>
          <p:nvPr>
            <p:ph type="body" sz="quarter" idx="19" hasCustomPrompt="1"/>
          </p:nvPr>
        </p:nvSpPr>
        <p:spPr>
          <a:xfrm>
            <a:off x="9232473" y="1192545"/>
            <a:ext cx="2473035" cy="4375881"/>
          </a:xfrm>
        </p:spPr>
        <p:txBody>
          <a:bodyPr/>
          <a:lstStyle>
            <a:lvl1pPr marL="0" indent="0">
              <a:buNone/>
              <a:defRPr>
                <a:solidFill>
                  <a:schemeClr val="bg1"/>
                </a:solidFill>
              </a:defRPr>
            </a:lvl1pPr>
          </a:lstStyle>
          <a:p>
            <a:r>
              <a:rPr lang="en-US"/>
              <a:t>Lorem ipsum dolor sit </a:t>
            </a:r>
            <a:r>
              <a:rPr lang="en-US" err="1"/>
              <a:t>amet</a:t>
            </a:r>
            <a:r>
              <a:rPr lang="en-US"/>
              <a:t>, </a:t>
            </a:r>
            <a:r>
              <a:rPr lang="en-US" err="1"/>
              <a:t>consectetur</a:t>
            </a:r>
            <a:r>
              <a:rPr lang="en-US"/>
              <a:t> </a:t>
            </a:r>
            <a:r>
              <a:rPr lang="en-US" err="1"/>
              <a:t>adipiscing</a:t>
            </a:r>
            <a:r>
              <a:rPr lang="en-US"/>
              <a:t> </a:t>
            </a:r>
            <a:r>
              <a:rPr lang="en-US" err="1"/>
              <a:t>elit</a:t>
            </a:r>
            <a:r>
              <a:rPr lang="en-US"/>
              <a:t>, sed do </a:t>
            </a:r>
            <a:r>
              <a:rPr lang="en-US" err="1"/>
              <a:t>eiusmod</a:t>
            </a:r>
            <a:r>
              <a:rPr lang="en-US"/>
              <a:t> </a:t>
            </a:r>
            <a:r>
              <a:rPr lang="en-US" err="1"/>
              <a:t>tempor</a:t>
            </a:r>
            <a:r>
              <a:rPr lang="en-US"/>
              <a:t> </a:t>
            </a:r>
            <a:r>
              <a:rPr lang="en-US" err="1"/>
              <a:t>incididunt</a:t>
            </a:r>
            <a:r>
              <a:rPr lang="en-US"/>
              <a:t> </a:t>
            </a:r>
            <a:r>
              <a:rPr lang="en-US" err="1"/>
              <a:t>ut</a:t>
            </a:r>
            <a:r>
              <a:rPr lang="en-US"/>
              <a:t> </a:t>
            </a:r>
            <a:r>
              <a:rPr lang="en-US" err="1"/>
              <a:t>labore</a:t>
            </a:r>
            <a:r>
              <a:rPr lang="en-US"/>
              <a:t> et dolore magna </a:t>
            </a:r>
            <a:r>
              <a:rPr lang="en-US" err="1"/>
              <a:t>aliqua</a:t>
            </a:r>
            <a:r>
              <a:rPr lang="en-US"/>
              <a:t>. Ut </a:t>
            </a:r>
            <a:r>
              <a:rPr lang="en-US" err="1"/>
              <a:t>enim</a:t>
            </a:r>
            <a:r>
              <a:rPr lang="en-US"/>
              <a:t> ad minim </a:t>
            </a:r>
            <a:r>
              <a:rPr lang="en-US" err="1"/>
              <a:t>veniam</a:t>
            </a:r>
            <a:r>
              <a:rPr lang="en-US"/>
              <a:t>, </a:t>
            </a:r>
            <a:r>
              <a:rPr lang="en-US" err="1"/>
              <a:t>quis</a:t>
            </a:r>
            <a:r>
              <a:rPr lang="en-US"/>
              <a:t> </a:t>
            </a:r>
            <a:r>
              <a:rPr lang="en-US" err="1"/>
              <a:t>nostrud</a:t>
            </a:r>
            <a:r>
              <a:rPr lang="en-US"/>
              <a:t> exercitation </a:t>
            </a:r>
            <a:r>
              <a:rPr lang="en-US" err="1"/>
              <a:t>ullamco</a:t>
            </a:r>
            <a:r>
              <a:rPr lang="en-US"/>
              <a:t> </a:t>
            </a:r>
            <a:r>
              <a:rPr lang="en-US" err="1"/>
              <a:t>laboris</a:t>
            </a:r>
            <a:r>
              <a:rPr lang="en-US"/>
              <a:t> nisi </a:t>
            </a:r>
            <a:r>
              <a:rPr lang="en-US" err="1"/>
              <a:t>ut</a:t>
            </a:r>
            <a:r>
              <a:rPr lang="en-US"/>
              <a:t> </a:t>
            </a:r>
            <a:r>
              <a:rPr lang="en-US" err="1"/>
              <a:t>aliquip</a:t>
            </a:r>
            <a:r>
              <a:rPr lang="en-US"/>
              <a:t> ex </a:t>
            </a:r>
            <a:r>
              <a:rPr lang="en-US" err="1"/>
              <a:t>ea</a:t>
            </a:r>
            <a:r>
              <a:rPr lang="en-US"/>
              <a:t> </a:t>
            </a:r>
            <a:r>
              <a:rPr lang="en-US" err="1"/>
              <a:t>commodo</a:t>
            </a:r>
            <a:r>
              <a:rPr lang="en-US"/>
              <a:t> </a:t>
            </a:r>
            <a:r>
              <a:rPr lang="en-US" err="1"/>
              <a:t>consequat</a:t>
            </a:r>
            <a:r>
              <a:rPr lang="en-US"/>
              <a:t>. </a:t>
            </a:r>
          </a:p>
        </p:txBody>
      </p:sp>
      <p:sp>
        <p:nvSpPr>
          <p:cNvPr id="2" name="Text Placeholder 48">
            <a:extLst>
              <a:ext uri="{FF2B5EF4-FFF2-40B4-BE49-F238E27FC236}">
                <a16:creationId xmlns:a16="http://schemas.microsoft.com/office/drawing/2014/main" id="{3E4AC41D-ACF8-4F92-8810-3DBDB4A3EC65}"/>
              </a:ext>
            </a:extLst>
          </p:cNvPr>
          <p:cNvSpPr>
            <a:spLocks noGrp="1"/>
          </p:cNvSpPr>
          <p:nvPr>
            <p:ph type="body" sz="quarter" idx="13" hasCustomPrompt="1"/>
          </p:nvPr>
        </p:nvSpPr>
        <p:spPr>
          <a:xfrm>
            <a:off x="628848" y="1698509"/>
            <a:ext cx="7489916" cy="4180179"/>
          </a:xfrm>
        </p:spPr>
        <p:txBody>
          <a:bodyPr lIns="0" tIns="0">
            <a:normAutofit/>
          </a:bodyPr>
          <a:lstStyle>
            <a:lvl1pPr marL="228600" marR="0" indent="-228600" algn="l" defTabSz="914400" rtl="0" eaLnBrk="1" fontAlgn="auto" latinLnBrk="0" hangingPunct="1">
              <a:lnSpc>
                <a:spcPct val="100000"/>
              </a:lnSpc>
              <a:spcBef>
                <a:spcPts val="1000"/>
              </a:spcBef>
              <a:spcAft>
                <a:spcPts val="0"/>
              </a:spcAft>
              <a:buClr>
                <a:srgbClr val="EB7D2B"/>
              </a:buClr>
              <a:buSzTx/>
              <a:buFont typeface="Arial" panose="020B0604020202020204" pitchFamily="34" charset="0"/>
              <a:buChar char="•"/>
              <a:tabLst/>
              <a:defRPr sz="1600" b="0" i="0">
                <a:solidFill>
                  <a:srgbClr val="172F1C"/>
                </a:solidFill>
                <a:latin typeface="Arial" panose="020B0604020202020204" pitchFamily="34" charset="0"/>
                <a:ea typeface="Verdana" panose="020B0604030504040204" pitchFamily="34" charset="0"/>
                <a:cs typeface="Verdana" panose="020B0604030504040204" pitchFamily="34" charset="0"/>
              </a:defRPr>
            </a:lvl1pPr>
          </a:lstStyle>
          <a:p>
            <a:pPr lvl="0"/>
            <a:r>
              <a:rPr lang="en-US"/>
              <a:t>Bullet Item One</a:t>
            </a:r>
          </a:p>
          <a:p>
            <a:pPr lvl="0"/>
            <a:r>
              <a:rPr lang="en-US"/>
              <a:t>Bullet Item Two</a:t>
            </a:r>
          </a:p>
          <a:p>
            <a:pPr lvl="0"/>
            <a:r>
              <a:rPr lang="en-US"/>
              <a:t>Bullet Item Three</a:t>
            </a:r>
          </a:p>
          <a:p>
            <a:pPr lvl="0"/>
            <a:r>
              <a:rPr lang="en-US"/>
              <a:t>Bullet Item Four</a:t>
            </a:r>
          </a:p>
          <a:p>
            <a:pPr lvl="0"/>
            <a:r>
              <a:rPr lang="en-US"/>
              <a:t>Bullet Item Five</a:t>
            </a:r>
          </a:p>
          <a:p>
            <a:pPr lvl="0"/>
            <a:r>
              <a:rPr lang="en-US"/>
              <a:t>Bullet Item Six</a:t>
            </a:r>
          </a:p>
        </p:txBody>
      </p:sp>
      <p:sp>
        <p:nvSpPr>
          <p:cNvPr id="3" name="Text Placeholder 8">
            <a:extLst>
              <a:ext uri="{FF2B5EF4-FFF2-40B4-BE49-F238E27FC236}">
                <a16:creationId xmlns:a16="http://schemas.microsoft.com/office/drawing/2014/main" id="{397F15D7-F13A-0192-3563-C95B52E364F9}"/>
              </a:ext>
            </a:extLst>
          </p:cNvPr>
          <p:cNvSpPr>
            <a:spLocks noGrp="1"/>
          </p:cNvSpPr>
          <p:nvPr>
            <p:ph type="body" sz="quarter" idx="15" hasCustomPrompt="1"/>
          </p:nvPr>
        </p:nvSpPr>
        <p:spPr>
          <a:xfrm>
            <a:off x="633046" y="1018138"/>
            <a:ext cx="7489916" cy="423863"/>
          </a:xfrm>
        </p:spPr>
        <p:txBody>
          <a:bodyPr vert="horz" lIns="0" tIns="0" rIns="91440" bIns="45720" rtlCol="0" anchor="t">
            <a:noAutofit/>
          </a:bodyPr>
          <a:lstStyle>
            <a:lvl1pPr marL="0" indent="0">
              <a:buNone/>
              <a:defRPr lang="en-US" sz="2000" b="1" i="0" dirty="0">
                <a:solidFill>
                  <a:srgbClr val="EB7D2B"/>
                </a:solidFill>
                <a:latin typeface="Arial" panose="020B0604020202020204" pitchFamily="34" charset="0"/>
              </a:defRPr>
            </a:lvl1pPr>
          </a:lstStyle>
          <a:p>
            <a:pPr marL="228600" lvl="0" indent="-228600"/>
            <a:r>
              <a:rPr lang="en-US"/>
              <a:t>Subtitle if Needed</a:t>
            </a:r>
          </a:p>
        </p:txBody>
      </p:sp>
    </p:spTree>
    <p:extLst>
      <p:ext uri="{BB962C8B-B14F-4D97-AF65-F5344CB8AC3E}">
        <p14:creationId xmlns:p14="http://schemas.microsoft.com/office/powerpoint/2010/main" val="255683771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EXT_SIDEBAR">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749458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a:xfrm>
            <a:off x="633046" y="457201"/>
            <a:ext cx="7494588" cy="484324"/>
          </a:xfrm>
        </p:spPr>
        <p:txBody>
          <a:bodyPr/>
          <a:lstStyle/>
          <a:p>
            <a:r>
              <a:rPr lang="en-US"/>
              <a:t>ONE COLUMN W/ SIDEBAR</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7499488"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2" name="Rectangle 1">
            <a:extLst>
              <a:ext uri="{FF2B5EF4-FFF2-40B4-BE49-F238E27FC236}">
                <a16:creationId xmlns:a16="http://schemas.microsoft.com/office/drawing/2014/main" id="{1855C55C-AFC0-DC4A-8FE2-00E160DA13B5}"/>
              </a:ext>
            </a:extLst>
          </p:cNvPr>
          <p:cNvSpPr/>
          <p:nvPr userDrawn="1"/>
        </p:nvSpPr>
        <p:spPr>
          <a:xfrm>
            <a:off x="8392250" y="88900"/>
            <a:ext cx="3799750" cy="67691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xt Placeholder 8">
            <a:extLst>
              <a:ext uri="{FF2B5EF4-FFF2-40B4-BE49-F238E27FC236}">
                <a16:creationId xmlns:a16="http://schemas.microsoft.com/office/drawing/2014/main" id="{9DF4F0AC-DF2F-2440-8588-A3E43C984E98}"/>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accent2"/>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15" name="Text Placeholder 3">
            <a:extLst>
              <a:ext uri="{FF2B5EF4-FFF2-40B4-BE49-F238E27FC236}">
                <a16:creationId xmlns:a16="http://schemas.microsoft.com/office/drawing/2014/main" id="{7761D298-1DE8-B948-BEF3-6E35C08C77C6}"/>
              </a:ext>
            </a:extLst>
          </p:cNvPr>
          <p:cNvSpPr>
            <a:spLocks noGrp="1"/>
          </p:cNvSpPr>
          <p:nvPr>
            <p:ph type="body" sz="quarter" idx="19"/>
          </p:nvPr>
        </p:nvSpPr>
        <p:spPr>
          <a:xfrm>
            <a:off x="8839200" y="1396302"/>
            <a:ext cx="2743200" cy="4744391"/>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8" name="Slide Number Placeholder 7">
            <a:extLst>
              <a:ext uri="{FF2B5EF4-FFF2-40B4-BE49-F238E27FC236}">
                <a16:creationId xmlns:a16="http://schemas.microsoft.com/office/drawing/2014/main" id="{CE0A601D-D624-EB4D-9003-B1E4ADE20A1E}"/>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172255887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userDrawn="1">
          <p15:clr>
            <a:srgbClr val="FBAE40"/>
          </p15:clr>
        </p15:guide>
        <p15:guide id="2" pos="5280" userDrawn="1">
          <p15:clr>
            <a:srgbClr val="FBAE40"/>
          </p15:clr>
        </p15:guide>
      </p15:sldGuideLst>
    </p:ext>
  </p:extLst>
</p:sldLayout>
</file>

<file path=ppt/slideLayouts/slideLayout90.xml><?xml version="1.0" encoding="utf-8"?>
<p:sldLayout xmlns:a="http://schemas.openxmlformats.org/drawingml/2006/main" xmlns:r="http://schemas.openxmlformats.org/officeDocument/2006/relationships" xmlns:p="http://schemas.openxmlformats.org/presentationml/2006/main" userDrawn="1">
  <p:cSld name="IMAGE_CONTENT">
    <p:spTree>
      <p:nvGrpSpPr>
        <p:cNvPr id="1" name=""/>
        <p:cNvGrpSpPr/>
        <p:nvPr/>
      </p:nvGrpSpPr>
      <p:grpSpPr>
        <a:xfrm>
          <a:off x="0" y="0"/>
          <a:ext cx="0" cy="0"/>
          <a:chOff x="0" y="0"/>
          <a:chExt cx="0" cy="0"/>
        </a:xfrm>
      </p:grpSpPr>
      <p:pic>
        <p:nvPicPr>
          <p:cNvPr id="16" name="Picture Placeholder 9">
            <a:extLst>
              <a:ext uri="{FF2B5EF4-FFF2-40B4-BE49-F238E27FC236}">
                <a16:creationId xmlns:a16="http://schemas.microsoft.com/office/drawing/2014/main" id="{CE930238-1724-047B-A84C-86E78A67DB75}"/>
              </a:ext>
            </a:extLst>
          </p:cNvPr>
          <p:cNvPicPr>
            <a:picLocks noChangeAspect="1"/>
          </p:cNvPicPr>
          <p:nvPr userDrawn="1"/>
        </p:nvPicPr>
        <p:blipFill rotWithShape="1">
          <a:blip r:embed="rId2" cstate="screen">
            <a:extLst>
              <a:ext uri="{28A0092B-C50C-407E-A947-70E740481C1C}">
                <a14:useLocalDpi xmlns:a14="http://schemas.microsoft.com/office/drawing/2010/main"/>
              </a:ext>
            </a:extLst>
          </a:blip>
          <a:srcRect b="-47"/>
          <a:stretch/>
        </p:blipFill>
        <p:spPr>
          <a:xfrm>
            <a:off x="0" y="0"/>
            <a:ext cx="6098831" cy="6858001"/>
          </a:xfrm>
          <a:prstGeom prst="rect">
            <a:avLst/>
          </a:prstGeom>
        </p:spPr>
      </p:pic>
      <p:sp>
        <p:nvSpPr>
          <p:cNvPr id="7" name="Content Placeholder 7">
            <a:extLst>
              <a:ext uri="{FF2B5EF4-FFF2-40B4-BE49-F238E27FC236}">
                <a16:creationId xmlns:a16="http://schemas.microsoft.com/office/drawing/2014/main" id="{E8B61D7E-016E-EE37-7CDE-D78598735CF6}"/>
              </a:ext>
            </a:extLst>
          </p:cNvPr>
          <p:cNvSpPr>
            <a:spLocks noGrp="1"/>
          </p:cNvSpPr>
          <p:nvPr>
            <p:ph sz="quarter" idx="26"/>
          </p:nvPr>
        </p:nvSpPr>
        <p:spPr>
          <a:xfrm>
            <a:off x="6483926" y="1793538"/>
            <a:ext cx="5098473" cy="3944938"/>
          </a:xfrm>
        </p:spPr>
        <p:txBody>
          <a:bodyPr/>
          <a:lstStyle>
            <a:lvl1pPr>
              <a:defRPr b="0" i="0"/>
            </a:lvl1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Text Placeholder 8">
            <a:extLst>
              <a:ext uri="{FF2B5EF4-FFF2-40B4-BE49-F238E27FC236}">
                <a16:creationId xmlns:a16="http://schemas.microsoft.com/office/drawing/2014/main" id="{5F53FDF1-BF85-125D-9E5C-863507672ACD}"/>
              </a:ext>
            </a:extLst>
          </p:cNvPr>
          <p:cNvSpPr>
            <a:spLocks noGrp="1"/>
          </p:cNvSpPr>
          <p:nvPr>
            <p:ph type="body" sz="quarter" idx="15" hasCustomPrompt="1"/>
          </p:nvPr>
        </p:nvSpPr>
        <p:spPr>
          <a:xfrm>
            <a:off x="6483927" y="980615"/>
            <a:ext cx="5098473" cy="423863"/>
          </a:xfrm>
        </p:spPr>
        <p:txBody>
          <a:bodyPr vert="horz" lIns="0" tIns="0" rIns="91440" bIns="45720" rtlCol="0" anchor="t">
            <a:noAutofit/>
          </a:bodyPr>
          <a:lstStyle>
            <a:lvl1pPr marL="0" indent="0">
              <a:buNone/>
              <a:defRPr lang="en-US" sz="2000" b="1" i="0" dirty="0">
                <a:solidFill>
                  <a:srgbClr val="0D5C2F"/>
                </a:solidFill>
                <a:latin typeface="Arial" panose="020B0604020202020204" pitchFamily="34" charset="0"/>
              </a:defRPr>
            </a:lvl1pPr>
          </a:lstStyle>
          <a:p>
            <a:pPr marL="228600" lvl="0" indent="-228600"/>
            <a:r>
              <a:rPr lang="en-US"/>
              <a:t>Subtitle if Needed</a:t>
            </a:r>
          </a:p>
        </p:txBody>
      </p:sp>
      <p:sp>
        <p:nvSpPr>
          <p:cNvPr id="11" name="Title 4">
            <a:extLst>
              <a:ext uri="{FF2B5EF4-FFF2-40B4-BE49-F238E27FC236}">
                <a16:creationId xmlns:a16="http://schemas.microsoft.com/office/drawing/2014/main" id="{47005DE3-EFB9-48DF-E1ED-30C32782977F}"/>
              </a:ext>
            </a:extLst>
          </p:cNvPr>
          <p:cNvSpPr>
            <a:spLocks noGrp="1"/>
          </p:cNvSpPr>
          <p:nvPr>
            <p:ph type="title" hasCustomPrompt="1"/>
          </p:nvPr>
        </p:nvSpPr>
        <p:spPr>
          <a:xfrm>
            <a:off x="6483925" y="457201"/>
            <a:ext cx="5098474" cy="483703"/>
          </a:xfrm>
        </p:spPr>
        <p:txBody>
          <a:bodyPr/>
          <a:lstStyle>
            <a:lvl1pPr>
              <a:defRPr>
                <a:solidFill>
                  <a:srgbClr val="EB7D2B"/>
                </a:solidFill>
              </a:defRPr>
            </a:lvl1pPr>
          </a:lstStyle>
          <a:p>
            <a:r>
              <a:rPr lang="en-US"/>
              <a:t>Image &amp; Chart</a:t>
            </a:r>
          </a:p>
        </p:txBody>
      </p:sp>
      <p:pic>
        <p:nvPicPr>
          <p:cNvPr id="12" name="Picture Placeholder 9">
            <a:extLst>
              <a:ext uri="{FF2B5EF4-FFF2-40B4-BE49-F238E27FC236}">
                <a16:creationId xmlns:a16="http://schemas.microsoft.com/office/drawing/2014/main" id="{62D5A26E-D501-F8A1-472F-523B96F8620E}"/>
              </a:ext>
            </a:extLst>
          </p:cNvPr>
          <p:cNvPicPr>
            <a:picLocks noChangeAspect="1"/>
          </p:cNvPicPr>
          <p:nvPr userDrawn="1"/>
        </p:nvPicPr>
        <p:blipFill rotWithShape="1">
          <a:blip r:embed="rId3" cstate="screen">
            <a:extLst>
              <a:ext uri="{28A0092B-C50C-407E-A947-70E740481C1C}">
                <a14:useLocalDpi xmlns:a14="http://schemas.microsoft.com/office/drawing/2010/main"/>
              </a:ext>
            </a:extLst>
          </a:blip>
          <a:srcRect t="-1401"/>
          <a:stretch/>
        </p:blipFill>
        <p:spPr>
          <a:xfrm>
            <a:off x="-8041046" y="2551814"/>
            <a:ext cx="6098831" cy="6858001"/>
          </a:xfrm>
          <a:prstGeom prst="rect">
            <a:avLst/>
          </a:prstGeom>
        </p:spPr>
      </p:pic>
      <p:sp>
        <p:nvSpPr>
          <p:cNvPr id="13" name="Rectangle 12">
            <a:extLst>
              <a:ext uri="{FF2B5EF4-FFF2-40B4-BE49-F238E27FC236}">
                <a16:creationId xmlns:a16="http://schemas.microsoft.com/office/drawing/2014/main" id="{2551F3EC-C3BC-B683-27C9-F4E88AE3F1A4}"/>
              </a:ext>
            </a:extLst>
          </p:cNvPr>
          <p:cNvSpPr/>
          <p:nvPr userDrawn="1"/>
        </p:nvSpPr>
        <p:spPr>
          <a:xfrm>
            <a:off x="0" y="457201"/>
            <a:ext cx="694208" cy="2493672"/>
          </a:xfrm>
          <a:prstGeom prst="rect">
            <a:avLst/>
          </a:prstGeom>
          <a:solidFill>
            <a:srgbClr val="0D5C2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Rectangle 13">
            <a:extLst>
              <a:ext uri="{FF2B5EF4-FFF2-40B4-BE49-F238E27FC236}">
                <a16:creationId xmlns:a16="http://schemas.microsoft.com/office/drawing/2014/main" id="{08032229-0680-1F1E-B47D-F3D54C430272}"/>
              </a:ext>
            </a:extLst>
          </p:cNvPr>
          <p:cNvSpPr/>
          <p:nvPr userDrawn="1"/>
        </p:nvSpPr>
        <p:spPr>
          <a:xfrm>
            <a:off x="5401918" y="6183164"/>
            <a:ext cx="422949" cy="429355"/>
          </a:xfrm>
          <a:prstGeom prst="rect">
            <a:avLst/>
          </a:prstGeom>
          <a:solidFill>
            <a:srgbClr val="EB7D2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02423456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guide id="2" orient="horz" pos="1224">
          <p15:clr>
            <a:srgbClr val="FBAE40"/>
          </p15:clr>
        </p15:guide>
      </p15:sldGuideLst>
    </p:ext>
  </p:extLs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theme" Target="../theme/theme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image" Target="../media/image1.png"/></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8.xml"/><Relationship Id="rId13" Type="http://schemas.openxmlformats.org/officeDocument/2006/relationships/slideLayout" Target="../slideLayouts/slideLayout33.xml"/><Relationship Id="rId18" Type="http://schemas.openxmlformats.org/officeDocument/2006/relationships/slideLayout" Target="../slideLayouts/slideLayout38.xml"/><Relationship Id="rId3" Type="http://schemas.openxmlformats.org/officeDocument/2006/relationships/slideLayout" Target="../slideLayouts/slideLayout23.xml"/><Relationship Id="rId21" Type="http://schemas.openxmlformats.org/officeDocument/2006/relationships/slideLayout" Target="../slideLayouts/slideLayout41.xml"/><Relationship Id="rId7" Type="http://schemas.openxmlformats.org/officeDocument/2006/relationships/slideLayout" Target="../slideLayouts/slideLayout27.xml"/><Relationship Id="rId12" Type="http://schemas.openxmlformats.org/officeDocument/2006/relationships/slideLayout" Target="../slideLayouts/slideLayout32.xml"/><Relationship Id="rId17" Type="http://schemas.openxmlformats.org/officeDocument/2006/relationships/slideLayout" Target="../slideLayouts/slideLayout37.xml"/><Relationship Id="rId2" Type="http://schemas.openxmlformats.org/officeDocument/2006/relationships/slideLayout" Target="../slideLayouts/slideLayout22.xml"/><Relationship Id="rId16" Type="http://schemas.openxmlformats.org/officeDocument/2006/relationships/slideLayout" Target="../slideLayouts/slideLayout36.xml"/><Relationship Id="rId20" Type="http://schemas.openxmlformats.org/officeDocument/2006/relationships/slideLayout" Target="../slideLayouts/slideLayout40.xml"/><Relationship Id="rId1" Type="http://schemas.openxmlformats.org/officeDocument/2006/relationships/slideLayout" Target="../slideLayouts/slideLayout21.xml"/><Relationship Id="rId6" Type="http://schemas.openxmlformats.org/officeDocument/2006/relationships/slideLayout" Target="../slideLayouts/slideLayout26.xml"/><Relationship Id="rId11" Type="http://schemas.openxmlformats.org/officeDocument/2006/relationships/slideLayout" Target="../slideLayouts/slideLayout31.xml"/><Relationship Id="rId5" Type="http://schemas.openxmlformats.org/officeDocument/2006/relationships/slideLayout" Target="../slideLayouts/slideLayout25.xml"/><Relationship Id="rId15" Type="http://schemas.openxmlformats.org/officeDocument/2006/relationships/slideLayout" Target="../slideLayouts/slideLayout35.xml"/><Relationship Id="rId23" Type="http://schemas.openxmlformats.org/officeDocument/2006/relationships/image" Target="../media/image9.emf"/><Relationship Id="rId10" Type="http://schemas.openxmlformats.org/officeDocument/2006/relationships/slideLayout" Target="../slideLayouts/slideLayout30.xml"/><Relationship Id="rId19" Type="http://schemas.openxmlformats.org/officeDocument/2006/relationships/slideLayout" Target="../slideLayouts/slideLayout39.xml"/><Relationship Id="rId4" Type="http://schemas.openxmlformats.org/officeDocument/2006/relationships/slideLayout" Target="../slideLayouts/slideLayout24.xml"/><Relationship Id="rId9" Type="http://schemas.openxmlformats.org/officeDocument/2006/relationships/slideLayout" Target="../slideLayouts/slideLayout29.xml"/><Relationship Id="rId14" Type="http://schemas.openxmlformats.org/officeDocument/2006/relationships/slideLayout" Target="../slideLayouts/slideLayout34.xml"/><Relationship Id="rId22" Type="http://schemas.openxmlformats.org/officeDocument/2006/relationships/theme" Target="../theme/theme2.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49.xml"/><Relationship Id="rId13" Type="http://schemas.openxmlformats.org/officeDocument/2006/relationships/slideLayout" Target="../slideLayouts/slideLayout54.xml"/><Relationship Id="rId18" Type="http://schemas.openxmlformats.org/officeDocument/2006/relationships/slideLayout" Target="../slideLayouts/slideLayout59.xml"/><Relationship Id="rId3" Type="http://schemas.openxmlformats.org/officeDocument/2006/relationships/slideLayout" Target="../slideLayouts/slideLayout44.xml"/><Relationship Id="rId21" Type="http://schemas.openxmlformats.org/officeDocument/2006/relationships/slideLayout" Target="../slideLayouts/slideLayout62.xml"/><Relationship Id="rId7" Type="http://schemas.openxmlformats.org/officeDocument/2006/relationships/slideLayout" Target="../slideLayouts/slideLayout48.xml"/><Relationship Id="rId12" Type="http://schemas.openxmlformats.org/officeDocument/2006/relationships/slideLayout" Target="../slideLayouts/slideLayout53.xml"/><Relationship Id="rId17" Type="http://schemas.openxmlformats.org/officeDocument/2006/relationships/slideLayout" Target="../slideLayouts/slideLayout58.xml"/><Relationship Id="rId2" Type="http://schemas.openxmlformats.org/officeDocument/2006/relationships/slideLayout" Target="../slideLayouts/slideLayout43.xml"/><Relationship Id="rId16" Type="http://schemas.openxmlformats.org/officeDocument/2006/relationships/slideLayout" Target="../slideLayouts/slideLayout57.xml"/><Relationship Id="rId20" Type="http://schemas.openxmlformats.org/officeDocument/2006/relationships/slideLayout" Target="../slideLayouts/slideLayout61.xml"/><Relationship Id="rId1" Type="http://schemas.openxmlformats.org/officeDocument/2006/relationships/slideLayout" Target="../slideLayouts/slideLayout42.xml"/><Relationship Id="rId6" Type="http://schemas.openxmlformats.org/officeDocument/2006/relationships/slideLayout" Target="../slideLayouts/slideLayout47.xml"/><Relationship Id="rId11" Type="http://schemas.openxmlformats.org/officeDocument/2006/relationships/slideLayout" Target="../slideLayouts/slideLayout52.xml"/><Relationship Id="rId5" Type="http://schemas.openxmlformats.org/officeDocument/2006/relationships/slideLayout" Target="../slideLayouts/slideLayout46.xml"/><Relationship Id="rId15" Type="http://schemas.openxmlformats.org/officeDocument/2006/relationships/slideLayout" Target="../slideLayouts/slideLayout56.xml"/><Relationship Id="rId23" Type="http://schemas.openxmlformats.org/officeDocument/2006/relationships/image" Target="../media/image9.emf"/><Relationship Id="rId10" Type="http://schemas.openxmlformats.org/officeDocument/2006/relationships/slideLayout" Target="../slideLayouts/slideLayout51.xml"/><Relationship Id="rId19" Type="http://schemas.openxmlformats.org/officeDocument/2006/relationships/slideLayout" Target="../slideLayouts/slideLayout60.xml"/><Relationship Id="rId4" Type="http://schemas.openxmlformats.org/officeDocument/2006/relationships/slideLayout" Target="../slideLayouts/slideLayout45.xml"/><Relationship Id="rId9" Type="http://schemas.openxmlformats.org/officeDocument/2006/relationships/slideLayout" Target="../slideLayouts/slideLayout50.xml"/><Relationship Id="rId14" Type="http://schemas.openxmlformats.org/officeDocument/2006/relationships/slideLayout" Target="../slideLayouts/slideLayout55.xml"/><Relationship Id="rId22" Type="http://schemas.openxmlformats.org/officeDocument/2006/relationships/theme" Target="../theme/theme3.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70.xml"/><Relationship Id="rId13" Type="http://schemas.openxmlformats.org/officeDocument/2006/relationships/slideLayout" Target="../slideLayouts/slideLayout75.xml"/><Relationship Id="rId18" Type="http://schemas.openxmlformats.org/officeDocument/2006/relationships/slideLayout" Target="../slideLayouts/slideLayout80.xml"/><Relationship Id="rId26" Type="http://schemas.openxmlformats.org/officeDocument/2006/relationships/slideLayout" Target="../slideLayouts/slideLayout88.xml"/><Relationship Id="rId3" Type="http://schemas.openxmlformats.org/officeDocument/2006/relationships/slideLayout" Target="../slideLayouts/slideLayout65.xml"/><Relationship Id="rId21" Type="http://schemas.openxmlformats.org/officeDocument/2006/relationships/slideLayout" Target="../slideLayouts/slideLayout83.xml"/><Relationship Id="rId7" Type="http://schemas.openxmlformats.org/officeDocument/2006/relationships/slideLayout" Target="../slideLayouts/slideLayout69.xml"/><Relationship Id="rId12" Type="http://schemas.openxmlformats.org/officeDocument/2006/relationships/slideLayout" Target="../slideLayouts/slideLayout74.xml"/><Relationship Id="rId17" Type="http://schemas.openxmlformats.org/officeDocument/2006/relationships/slideLayout" Target="../slideLayouts/slideLayout79.xml"/><Relationship Id="rId25" Type="http://schemas.openxmlformats.org/officeDocument/2006/relationships/slideLayout" Target="../slideLayouts/slideLayout87.xml"/><Relationship Id="rId2" Type="http://schemas.openxmlformats.org/officeDocument/2006/relationships/slideLayout" Target="../slideLayouts/slideLayout64.xml"/><Relationship Id="rId16" Type="http://schemas.openxmlformats.org/officeDocument/2006/relationships/slideLayout" Target="../slideLayouts/slideLayout78.xml"/><Relationship Id="rId20" Type="http://schemas.openxmlformats.org/officeDocument/2006/relationships/slideLayout" Target="../slideLayouts/slideLayout82.xml"/><Relationship Id="rId29" Type="http://schemas.openxmlformats.org/officeDocument/2006/relationships/theme" Target="../theme/theme4.xml"/><Relationship Id="rId1" Type="http://schemas.openxmlformats.org/officeDocument/2006/relationships/slideLayout" Target="../slideLayouts/slideLayout63.xml"/><Relationship Id="rId6" Type="http://schemas.openxmlformats.org/officeDocument/2006/relationships/slideLayout" Target="../slideLayouts/slideLayout68.xml"/><Relationship Id="rId11" Type="http://schemas.openxmlformats.org/officeDocument/2006/relationships/slideLayout" Target="../slideLayouts/slideLayout73.xml"/><Relationship Id="rId24" Type="http://schemas.openxmlformats.org/officeDocument/2006/relationships/slideLayout" Target="../slideLayouts/slideLayout86.xml"/><Relationship Id="rId5" Type="http://schemas.openxmlformats.org/officeDocument/2006/relationships/slideLayout" Target="../slideLayouts/slideLayout67.xml"/><Relationship Id="rId15" Type="http://schemas.openxmlformats.org/officeDocument/2006/relationships/slideLayout" Target="../slideLayouts/slideLayout77.xml"/><Relationship Id="rId23" Type="http://schemas.openxmlformats.org/officeDocument/2006/relationships/slideLayout" Target="../slideLayouts/slideLayout85.xml"/><Relationship Id="rId28" Type="http://schemas.openxmlformats.org/officeDocument/2006/relationships/slideLayout" Target="../slideLayouts/slideLayout90.xml"/><Relationship Id="rId10" Type="http://schemas.openxmlformats.org/officeDocument/2006/relationships/slideLayout" Target="../slideLayouts/slideLayout72.xml"/><Relationship Id="rId19" Type="http://schemas.openxmlformats.org/officeDocument/2006/relationships/slideLayout" Target="../slideLayouts/slideLayout81.xml"/><Relationship Id="rId4" Type="http://schemas.openxmlformats.org/officeDocument/2006/relationships/slideLayout" Target="../slideLayouts/slideLayout66.xml"/><Relationship Id="rId9" Type="http://schemas.openxmlformats.org/officeDocument/2006/relationships/slideLayout" Target="../slideLayouts/slideLayout71.xml"/><Relationship Id="rId14" Type="http://schemas.openxmlformats.org/officeDocument/2006/relationships/slideLayout" Target="../slideLayouts/slideLayout76.xml"/><Relationship Id="rId22" Type="http://schemas.openxmlformats.org/officeDocument/2006/relationships/slideLayout" Target="../slideLayouts/slideLayout84.xml"/><Relationship Id="rId27" Type="http://schemas.openxmlformats.org/officeDocument/2006/relationships/slideLayout" Target="../slideLayouts/slideLayout89.xml"/><Relationship Id="rId30" Type="http://schemas.openxmlformats.org/officeDocument/2006/relationships/image" Target="../media/image13.jpeg"/></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0B95E848-18DB-884C-88C5-9FC848D4C8E8}"/>
              </a:ext>
            </a:extLst>
          </p:cNvPr>
          <p:cNvSpPr>
            <a:spLocks noGrp="1"/>
          </p:cNvSpPr>
          <p:nvPr>
            <p:ph type="title"/>
          </p:nvPr>
        </p:nvSpPr>
        <p:spPr>
          <a:xfrm>
            <a:off x="633046" y="457201"/>
            <a:ext cx="10949354" cy="484324"/>
          </a:xfrm>
          <a:prstGeom prst="rect">
            <a:avLst/>
          </a:prstGeom>
        </p:spPr>
        <p:txBody>
          <a:bodyPr vert="horz" lIns="0" tIns="0" rIns="91440" bIns="45720" rtlCol="0" anchor="t" anchorCtr="0">
            <a:noAutofit/>
          </a:bodyPr>
          <a:lstStyle/>
          <a:p>
            <a:r>
              <a:rPr lang="en-US"/>
              <a:t>CLICK TO EDIT MASTER TITLE STYLE</a:t>
            </a:r>
          </a:p>
        </p:txBody>
      </p:sp>
      <p:sp>
        <p:nvSpPr>
          <p:cNvPr id="3" name="Text Placeholder 2">
            <a:extLst>
              <a:ext uri="{FF2B5EF4-FFF2-40B4-BE49-F238E27FC236}">
                <a16:creationId xmlns:a16="http://schemas.microsoft.com/office/drawing/2014/main" id="{814F9CBA-B706-864E-8385-34C8A1D51B9E}"/>
              </a:ext>
            </a:extLst>
          </p:cNvPr>
          <p:cNvSpPr>
            <a:spLocks noGrp="1"/>
          </p:cNvSpPr>
          <p:nvPr>
            <p:ph type="body" idx="1"/>
          </p:nvPr>
        </p:nvSpPr>
        <p:spPr>
          <a:xfrm>
            <a:off x="633046" y="1828801"/>
            <a:ext cx="10949354" cy="4178300"/>
          </a:xfrm>
          <a:prstGeom prst="rect">
            <a:avLst/>
          </a:prstGeom>
        </p:spPr>
        <p:txBody>
          <a:bodyPr vert="horz" lIns="0" tIns="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Slide Number Placeholder 7">
            <a:extLst>
              <a:ext uri="{FF2B5EF4-FFF2-40B4-BE49-F238E27FC236}">
                <a16:creationId xmlns:a16="http://schemas.microsoft.com/office/drawing/2014/main" id="{3F3AD5BB-02A9-974F-AA88-8936233B4727}"/>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pic>
        <p:nvPicPr>
          <p:cNvPr id="9" name="Picture 8">
            <a:extLst>
              <a:ext uri="{FF2B5EF4-FFF2-40B4-BE49-F238E27FC236}">
                <a16:creationId xmlns:a16="http://schemas.microsoft.com/office/drawing/2014/main" id="{790D0B58-9895-A047-962D-C63ACBF53A40}"/>
              </a:ext>
            </a:extLst>
          </p:cNvPr>
          <p:cNvPicPr>
            <a:picLocks noChangeAspect="1"/>
          </p:cNvPicPr>
          <p:nvPr userDrawn="1"/>
        </p:nvPicPr>
        <p:blipFill>
          <a:blip r:embed="rId22" cstate="screen">
            <a:extLst>
              <a:ext uri="{28A0092B-C50C-407E-A947-70E740481C1C}">
                <a14:useLocalDpi xmlns:a14="http://schemas.microsoft.com/office/drawing/2010/main"/>
              </a:ext>
            </a:extLst>
          </a:blip>
          <a:srcRect/>
          <a:stretch/>
        </p:blipFill>
        <p:spPr>
          <a:xfrm>
            <a:off x="609600" y="6123165"/>
            <a:ext cx="1149041" cy="453667"/>
          </a:xfrm>
          <a:prstGeom prst="rect">
            <a:avLst/>
          </a:prstGeom>
        </p:spPr>
      </p:pic>
      <p:sp>
        <p:nvSpPr>
          <p:cNvPr id="10" name="Rectangle 9">
            <a:extLst>
              <a:ext uri="{FF2B5EF4-FFF2-40B4-BE49-F238E27FC236}">
                <a16:creationId xmlns:a16="http://schemas.microsoft.com/office/drawing/2014/main" id="{BF101B35-1C05-F245-954A-F32FEB6254E5}"/>
              </a:ext>
            </a:extLst>
          </p:cNvPr>
          <p:cNvSpPr/>
          <p:nvPr userDrawn="1"/>
        </p:nvSpPr>
        <p:spPr>
          <a:xfrm>
            <a:off x="0" y="0"/>
            <a:ext cx="12192000" cy="889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57764275"/>
      </p:ext>
    </p:extLst>
  </p:cSld>
  <p:clrMap bg1="lt1" tx1="dk1" bg2="lt2" tx2="dk2" accent1="accent1" accent2="accent2" accent3="accent3" accent4="accent4" accent5="accent5" accent6="accent6" hlink="hlink" folHlink="folHlink"/>
  <p:sldLayoutIdLst>
    <p:sldLayoutId id="2147483858" r:id="rId1"/>
    <p:sldLayoutId id="2147483859" r:id="rId2"/>
    <p:sldLayoutId id="2147483860" r:id="rId3"/>
    <p:sldLayoutId id="2147483861" r:id="rId4"/>
    <p:sldLayoutId id="2147483820" r:id="rId5"/>
    <p:sldLayoutId id="2147483824" r:id="rId6"/>
    <p:sldLayoutId id="2147483853" r:id="rId7"/>
    <p:sldLayoutId id="2147483826" r:id="rId8"/>
    <p:sldLayoutId id="2147483852" r:id="rId9"/>
    <p:sldLayoutId id="2147483830" r:id="rId10"/>
    <p:sldLayoutId id="2147483850" r:id="rId11"/>
    <p:sldLayoutId id="2147483851" r:id="rId12"/>
    <p:sldLayoutId id="2147483840" r:id="rId13"/>
    <p:sldLayoutId id="2147483855" r:id="rId14"/>
    <p:sldLayoutId id="2147483842" r:id="rId15"/>
    <p:sldLayoutId id="2147483854" r:id="rId16"/>
    <p:sldLayoutId id="2147483845" r:id="rId17"/>
    <p:sldLayoutId id="2147483846" r:id="rId18"/>
    <p:sldLayoutId id="2147483848" r:id="rId19"/>
    <p:sldLayoutId id="2147483849" r:id="rId20"/>
  </p:sldLayoutIdLst>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hdr="0" ftr="0" dt="0"/>
  <p:txStyles>
    <p:titleStyle>
      <a:lvl1pPr algn="l" defTabSz="914400" rtl="0" eaLnBrk="1" latinLnBrk="0" hangingPunct="1">
        <a:lnSpc>
          <a:spcPct val="90000"/>
        </a:lnSpc>
        <a:spcBef>
          <a:spcPct val="0"/>
        </a:spcBef>
        <a:buNone/>
        <a:defRPr lang="en-US" sz="3000" b="1" i="0" kern="1200" spc="50" baseline="0" dirty="0">
          <a:solidFill>
            <a:schemeClr val="accent1"/>
          </a:solidFill>
          <a:latin typeface="Avenir Heavy" panose="02000503020000020003" pitchFamily="2" charset="0"/>
          <a:ea typeface="Verdana" panose="020B0604030504040204" pitchFamily="34" charset="0"/>
          <a:cs typeface="Rubik Medium" pitchFamily="2" charset="-79"/>
        </a:defRPr>
      </a:lvl1pPr>
    </p:titleStyle>
    <p:bodyStyle>
      <a:lvl1pPr marL="228600" indent="-228600" algn="l" defTabSz="914400" rtl="0" eaLnBrk="1" latinLnBrk="0" hangingPunct="1">
        <a:lnSpc>
          <a:spcPct val="110000"/>
        </a:lnSpc>
        <a:spcBef>
          <a:spcPts val="1000"/>
        </a:spcBef>
        <a:buClr>
          <a:schemeClr val="tx2"/>
        </a:buClr>
        <a:buSzPct val="9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840" userDrawn="1">
          <p15:clr>
            <a:srgbClr val="F26B43"/>
          </p15:clr>
        </p15:guide>
        <p15:guide id="2" orient="horz" pos="2184" userDrawn="1">
          <p15:clr>
            <a:srgbClr val="F26B43"/>
          </p15:clr>
        </p15:guide>
        <p15:guide id="4" pos="384" userDrawn="1">
          <p15:clr>
            <a:srgbClr val="F26B43"/>
          </p15:clr>
        </p15:guide>
        <p15:guide id="5" pos="7296" userDrawn="1">
          <p15:clr>
            <a:srgbClr val="F26B43"/>
          </p15:clr>
        </p15:guide>
        <p15:guide id="6" orient="horz" pos="288"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0B95E848-18DB-884C-88C5-9FC848D4C8E8}"/>
              </a:ext>
            </a:extLst>
          </p:cNvPr>
          <p:cNvSpPr>
            <a:spLocks noGrp="1"/>
          </p:cNvSpPr>
          <p:nvPr>
            <p:ph type="title"/>
          </p:nvPr>
        </p:nvSpPr>
        <p:spPr>
          <a:xfrm>
            <a:off x="633046" y="457201"/>
            <a:ext cx="10949354" cy="484324"/>
          </a:xfrm>
          <a:prstGeom prst="rect">
            <a:avLst/>
          </a:prstGeom>
        </p:spPr>
        <p:txBody>
          <a:bodyPr vert="horz" lIns="0" tIns="0" rIns="91440" bIns="45720" rtlCol="0" anchor="t" anchorCtr="0">
            <a:noAutofit/>
          </a:bodyPr>
          <a:lstStyle/>
          <a:p>
            <a:r>
              <a:rPr lang="en-US"/>
              <a:t>CLICK TO EDIT MASTER TITLE STYLE</a:t>
            </a:r>
          </a:p>
        </p:txBody>
      </p:sp>
      <p:sp>
        <p:nvSpPr>
          <p:cNvPr id="3" name="Text Placeholder 2">
            <a:extLst>
              <a:ext uri="{FF2B5EF4-FFF2-40B4-BE49-F238E27FC236}">
                <a16:creationId xmlns:a16="http://schemas.microsoft.com/office/drawing/2014/main" id="{814F9CBA-B706-864E-8385-34C8A1D51B9E}"/>
              </a:ext>
            </a:extLst>
          </p:cNvPr>
          <p:cNvSpPr>
            <a:spLocks noGrp="1"/>
          </p:cNvSpPr>
          <p:nvPr>
            <p:ph type="body" idx="1"/>
          </p:nvPr>
        </p:nvSpPr>
        <p:spPr>
          <a:xfrm>
            <a:off x="633046" y="1828801"/>
            <a:ext cx="10949354" cy="4178300"/>
          </a:xfrm>
          <a:prstGeom prst="rect">
            <a:avLst/>
          </a:prstGeom>
        </p:spPr>
        <p:txBody>
          <a:bodyPr vert="horz" lIns="0" tIns="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Slide Number Placeholder 7">
            <a:extLst>
              <a:ext uri="{FF2B5EF4-FFF2-40B4-BE49-F238E27FC236}">
                <a16:creationId xmlns:a16="http://schemas.microsoft.com/office/drawing/2014/main" id="{3F3AD5BB-02A9-974F-AA88-8936233B4727}"/>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
        <p:nvSpPr>
          <p:cNvPr id="10" name="Rectangle 9">
            <a:extLst>
              <a:ext uri="{FF2B5EF4-FFF2-40B4-BE49-F238E27FC236}">
                <a16:creationId xmlns:a16="http://schemas.microsoft.com/office/drawing/2014/main" id="{BF101B35-1C05-F245-954A-F32FEB6254E5}"/>
              </a:ext>
            </a:extLst>
          </p:cNvPr>
          <p:cNvSpPr/>
          <p:nvPr userDrawn="1"/>
        </p:nvSpPr>
        <p:spPr>
          <a:xfrm>
            <a:off x="0" y="0"/>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a:extLst>
              <a:ext uri="{FF2B5EF4-FFF2-40B4-BE49-F238E27FC236}">
                <a16:creationId xmlns:a16="http://schemas.microsoft.com/office/drawing/2014/main" id="{89B5992F-01CD-284E-8471-015AE1371F74}"/>
              </a:ext>
            </a:extLst>
          </p:cNvPr>
          <p:cNvPicPr>
            <a:picLocks noChangeAspect="1"/>
          </p:cNvPicPr>
          <p:nvPr userDrawn="1"/>
        </p:nvPicPr>
        <p:blipFill>
          <a:blip r:embed="rId23"/>
          <a:stretch>
            <a:fillRect/>
          </a:stretch>
        </p:blipFill>
        <p:spPr>
          <a:xfrm>
            <a:off x="609601" y="6139014"/>
            <a:ext cx="1040296" cy="505632"/>
          </a:xfrm>
          <a:prstGeom prst="rect">
            <a:avLst/>
          </a:prstGeom>
        </p:spPr>
      </p:pic>
      <p:sp>
        <p:nvSpPr>
          <p:cNvPr id="5" name="Footer Placeholder 4">
            <a:extLst>
              <a:ext uri="{FF2B5EF4-FFF2-40B4-BE49-F238E27FC236}">
                <a16:creationId xmlns:a16="http://schemas.microsoft.com/office/drawing/2014/main" id="{27A04AF3-1EFF-4825-8811-11E9AF1FE65D}"/>
              </a:ext>
            </a:extLst>
          </p:cNvPr>
          <p:cNvSpPr>
            <a:spLocks noGrp="1"/>
          </p:cNvSpPr>
          <p:nvPr>
            <p:ph type="ftr" sz="quarter" idx="3"/>
          </p:nvPr>
        </p:nvSpPr>
        <p:spPr>
          <a:xfrm>
            <a:off x="1687291" y="6298294"/>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r>
              <a:rPr lang="en-US"/>
              <a:t>For financial professional/institutional use only.</a:t>
            </a:r>
          </a:p>
        </p:txBody>
      </p:sp>
    </p:spTree>
    <p:extLst>
      <p:ext uri="{BB962C8B-B14F-4D97-AF65-F5344CB8AC3E}">
        <p14:creationId xmlns:p14="http://schemas.microsoft.com/office/powerpoint/2010/main" val="1410965339"/>
      </p:ext>
    </p:extLst>
  </p:cSld>
  <p:clrMap bg1="lt1" tx1="dk1" bg2="lt2" tx2="dk2" accent1="accent1" accent2="accent2" accent3="accent3" accent4="accent4" accent5="accent5" accent6="accent6" hlink="hlink" folHlink="folHlink"/>
  <p:sldLayoutIdLst>
    <p:sldLayoutId id="2147483885" r:id="rId1"/>
    <p:sldLayoutId id="2147483886" r:id="rId2"/>
    <p:sldLayoutId id="2147483887" r:id="rId3"/>
    <p:sldLayoutId id="2147483888" r:id="rId4"/>
    <p:sldLayoutId id="2147483889" r:id="rId5"/>
    <p:sldLayoutId id="2147483890" r:id="rId6"/>
    <p:sldLayoutId id="2147483891" r:id="rId7"/>
    <p:sldLayoutId id="2147483892" r:id="rId8"/>
    <p:sldLayoutId id="2147483893" r:id="rId9"/>
    <p:sldLayoutId id="2147483894" r:id="rId10"/>
    <p:sldLayoutId id="2147483895" r:id="rId11"/>
    <p:sldLayoutId id="2147483896" r:id="rId12"/>
    <p:sldLayoutId id="2147483897" r:id="rId13"/>
    <p:sldLayoutId id="2147483898" r:id="rId14"/>
    <p:sldLayoutId id="2147483899" r:id="rId15"/>
    <p:sldLayoutId id="2147483900" r:id="rId16"/>
    <p:sldLayoutId id="2147483901" r:id="rId17"/>
    <p:sldLayoutId id="2147483902" r:id="rId18"/>
    <p:sldLayoutId id="2147483903" r:id="rId19"/>
    <p:sldLayoutId id="2147483904" r:id="rId20"/>
    <p:sldLayoutId id="2147483905" r:id="rId21"/>
  </p:sldLayoutIdLst>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hdr="0" dt="0"/>
  <p:txStyles>
    <p:titleStyle>
      <a:lvl1pPr algn="l" defTabSz="914400" rtl="0" eaLnBrk="1" latinLnBrk="0" hangingPunct="1">
        <a:lnSpc>
          <a:spcPct val="90000"/>
        </a:lnSpc>
        <a:spcBef>
          <a:spcPct val="0"/>
        </a:spcBef>
        <a:buNone/>
        <a:defRPr lang="en-US" sz="3000" b="1" i="0" kern="1200" spc="50" baseline="0" dirty="0">
          <a:solidFill>
            <a:schemeClr val="accent5"/>
          </a:solidFill>
          <a:latin typeface="Avenir Heavy" panose="02000503020000020003" pitchFamily="2" charset="0"/>
          <a:ea typeface="Verdana" panose="020B0604030504040204" pitchFamily="34" charset="0"/>
          <a:cs typeface="Rubik Medium" pitchFamily="2" charset="-79"/>
        </a:defRPr>
      </a:lvl1pPr>
    </p:titleStyle>
    <p:bodyStyle>
      <a:lvl1pPr marL="228600" indent="-228600" algn="l" defTabSz="914400" rtl="0" eaLnBrk="1" latinLnBrk="0" hangingPunct="1">
        <a:lnSpc>
          <a:spcPct val="110000"/>
        </a:lnSpc>
        <a:spcBef>
          <a:spcPts val="1000"/>
        </a:spcBef>
        <a:buClr>
          <a:schemeClr val="tx2"/>
        </a:buClr>
        <a:buSzPct val="9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840">
          <p15:clr>
            <a:srgbClr val="F26B43"/>
          </p15:clr>
        </p15:guide>
        <p15:guide id="2" orient="horz" pos="2184">
          <p15:clr>
            <a:srgbClr val="F26B43"/>
          </p15:clr>
        </p15:guide>
        <p15:guide id="4" pos="384">
          <p15:clr>
            <a:srgbClr val="F26B43"/>
          </p15:clr>
        </p15:guide>
        <p15:guide id="5" pos="7296">
          <p15:clr>
            <a:srgbClr val="F26B43"/>
          </p15:clr>
        </p15:guide>
        <p15:guide id="6" orient="horz" pos="288">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0B95E848-18DB-884C-88C5-9FC848D4C8E8}"/>
              </a:ext>
            </a:extLst>
          </p:cNvPr>
          <p:cNvSpPr>
            <a:spLocks noGrp="1"/>
          </p:cNvSpPr>
          <p:nvPr>
            <p:ph type="title"/>
          </p:nvPr>
        </p:nvSpPr>
        <p:spPr>
          <a:xfrm>
            <a:off x="633046" y="457201"/>
            <a:ext cx="10949354" cy="484324"/>
          </a:xfrm>
          <a:prstGeom prst="rect">
            <a:avLst/>
          </a:prstGeom>
        </p:spPr>
        <p:txBody>
          <a:bodyPr vert="horz" lIns="0" tIns="0" rIns="91440" bIns="45720" rtlCol="0" anchor="t" anchorCtr="0">
            <a:noAutofit/>
          </a:bodyPr>
          <a:lstStyle/>
          <a:p>
            <a:r>
              <a:rPr lang="en-US"/>
              <a:t>CLICK TO EDIT MASTER TITLE STYLE</a:t>
            </a:r>
          </a:p>
        </p:txBody>
      </p:sp>
      <p:sp>
        <p:nvSpPr>
          <p:cNvPr id="3" name="Text Placeholder 2">
            <a:extLst>
              <a:ext uri="{FF2B5EF4-FFF2-40B4-BE49-F238E27FC236}">
                <a16:creationId xmlns:a16="http://schemas.microsoft.com/office/drawing/2014/main" id="{814F9CBA-B706-864E-8385-34C8A1D51B9E}"/>
              </a:ext>
            </a:extLst>
          </p:cNvPr>
          <p:cNvSpPr>
            <a:spLocks noGrp="1"/>
          </p:cNvSpPr>
          <p:nvPr>
            <p:ph type="body" idx="1"/>
          </p:nvPr>
        </p:nvSpPr>
        <p:spPr>
          <a:xfrm>
            <a:off x="633046" y="1828801"/>
            <a:ext cx="10949354" cy="4178300"/>
          </a:xfrm>
          <a:prstGeom prst="rect">
            <a:avLst/>
          </a:prstGeom>
        </p:spPr>
        <p:txBody>
          <a:bodyPr vert="horz" lIns="0" tIns="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Slide Number Placeholder 7">
            <a:extLst>
              <a:ext uri="{FF2B5EF4-FFF2-40B4-BE49-F238E27FC236}">
                <a16:creationId xmlns:a16="http://schemas.microsoft.com/office/drawing/2014/main" id="{3F3AD5BB-02A9-974F-AA88-8936233B4727}"/>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
        <p:nvSpPr>
          <p:cNvPr id="10" name="Rectangle 9">
            <a:extLst>
              <a:ext uri="{FF2B5EF4-FFF2-40B4-BE49-F238E27FC236}">
                <a16:creationId xmlns:a16="http://schemas.microsoft.com/office/drawing/2014/main" id="{BF101B35-1C05-F245-954A-F32FEB6254E5}"/>
              </a:ext>
            </a:extLst>
          </p:cNvPr>
          <p:cNvSpPr/>
          <p:nvPr userDrawn="1"/>
        </p:nvSpPr>
        <p:spPr>
          <a:xfrm>
            <a:off x="0" y="0"/>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a:extLst>
              <a:ext uri="{FF2B5EF4-FFF2-40B4-BE49-F238E27FC236}">
                <a16:creationId xmlns:a16="http://schemas.microsoft.com/office/drawing/2014/main" id="{89B5992F-01CD-284E-8471-015AE1371F74}"/>
              </a:ext>
            </a:extLst>
          </p:cNvPr>
          <p:cNvPicPr>
            <a:picLocks noChangeAspect="1"/>
          </p:cNvPicPr>
          <p:nvPr userDrawn="1"/>
        </p:nvPicPr>
        <p:blipFill>
          <a:blip r:embed="rId23"/>
          <a:stretch>
            <a:fillRect/>
          </a:stretch>
        </p:blipFill>
        <p:spPr>
          <a:xfrm>
            <a:off x="609601" y="6139014"/>
            <a:ext cx="1040296" cy="505632"/>
          </a:xfrm>
          <a:prstGeom prst="rect">
            <a:avLst/>
          </a:prstGeom>
        </p:spPr>
      </p:pic>
    </p:spTree>
    <p:extLst>
      <p:ext uri="{BB962C8B-B14F-4D97-AF65-F5344CB8AC3E}">
        <p14:creationId xmlns:p14="http://schemas.microsoft.com/office/powerpoint/2010/main" val="3137009391"/>
      </p:ext>
    </p:extLst>
  </p:cSld>
  <p:clrMap bg1="lt1" tx1="dk1" bg2="lt2" tx2="dk2" accent1="accent1" accent2="accent2" accent3="accent3" accent4="accent4" accent5="accent5" accent6="accent6" hlink="hlink" folHlink="folHlink"/>
  <p:sldLayoutIdLst>
    <p:sldLayoutId id="2147483907" r:id="rId1"/>
    <p:sldLayoutId id="2147483908" r:id="rId2"/>
    <p:sldLayoutId id="2147483909" r:id="rId3"/>
    <p:sldLayoutId id="2147483910" r:id="rId4"/>
    <p:sldLayoutId id="2147483911" r:id="rId5"/>
    <p:sldLayoutId id="2147483912" r:id="rId6"/>
    <p:sldLayoutId id="2147483913" r:id="rId7"/>
    <p:sldLayoutId id="2147483914" r:id="rId8"/>
    <p:sldLayoutId id="2147483915" r:id="rId9"/>
    <p:sldLayoutId id="2147483916" r:id="rId10"/>
    <p:sldLayoutId id="2147483917" r:id="rId11"/>
    <p:sldLayoutId id="2147483918" r:id="rId12"/>
    <p:sldLayoutId id="2147483919" r:id="rId13"/>
    <p:sldLayoutId id="2147483920" r:id="rId14"/>
    <p:sldLayoutId id="2147483921" r:id="rId15"/>
    <p:sldLayoutId id="2147483922" r:id="rId16"/>
    <p:sldLayoutId id="2147483923" r:id="rId17"/>
    <p:sldLayoutId id="2147483924" r:id="rId18"/>
    <p:sldLayoutId id="2147483925" r:id="rId19"/>
    <p:sldLayoutId id="2147483926" r:id="rId20"/>
    <p:sldLayoutId id="2147483927" r:id="rId21"/>
  </p:sldLayoutIdLst>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hdr="0" ftr="0" dt="0"/>
  <p:txStyles>
    <p:titleStyle>
      <a:lvl1pPr algn="l" defTabSz="914400" rtl="0" eaLnBrk="1" latinLnBrk="0" hangingPunct="1">
        <a:lnSpc>
          <a:spcPct val="90000"/>
        </a:lnSpc>
        <a:spcBef>
          <a:spcPct val="0"/>
        </a:spcBef>
        <a:buNone/>
        <a:defRPr lang="en-US" sz="3000" b="1" i="0" kern="1200" spc="50" baseline="0" dirty="0">
          <a:solidFill>
            <a:schemeClr val="accent5"/>
          </a:solidFill>
          <a:latin typeface="Avenir Heavy" panose="02000503020000020003" pitchFamily="2" charset="0"/>
          <a:ea typeface="Verdana" panose="020B0604030504040204" pitchFamily="34" charset="0"/>
          <a:cs typeface="Rubik Medium" pitchFamily="2" charset="-79"/>
        </a:defRPr>
      </a:lvl1pPr>
    </p:titleStyle>
    <p:bodyStyle>
      <a:lvl1pPr marL="228600" indent="-228600" algn="l" defTabSz="914400" rtl="0" eaLnBrk="1" latinLnBrk="0" hangingPunct="1">
        <a:lnSpc>
          <a:spcPct val="110000"/>
        </a:lnSpc>
        <a:spcBef>
          <a:spcPts val="1000"/>
        </a:spcBef>
        <a:buClr>
          <a:schemeClr val="tx2"/>
        </a:buClr>
        <a:buSzPct val="9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840">
          <p15:clr>
            <a:srgbClr val="F26B43"/>
          </p15:clr>
        </p15:guide>
        <p15:guide id="2" orient="horz" pos="2184">
          <p15:clr>
            <a:srgbClr val="F26B43"/>
          </p15:clr>
        </p15:guide>
        <p15:guide id="4" pos="384">
          <p15:clr>
            <a:srgbClr val="F26B43"/>
          </p15:clr>
        </p15:guide>
        <p15:guide id="5" pos="7296">
          <p15:clr>
            <a:srgbClr val="F26B43"/>
          </p15:clr>
        </p15:guide>
        <p15:guide id="6" orient="horz" pos="288">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rgbClr val="FFFFFF"/>
        </a:solidFill>
        <a:effectLst/>
      </p:bgPr>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0B95E848-18DB-884C-88C5-9FC848D4C8E8}"/>
              </a:ext>
            </a:extLst>
          </p:cNvPr>
          <p:cNvSpPr>
            <a:spLocks noGrp="1"/>
          </p:cNvSpPr>
          <p:nvPr>
            <p:ph type="title"/>
          </p:nvPr>
        </p:nvSpPr>
        <p:spPr>
          <a:xfrm>
            <a:off x="633046" y="457201"/>
            <a:ext cx="10949354" cy="484324"/>
          </a:xfrm>
          <a:prstGeom prst="rect">
            <a:avLst/>
          </a:prstGeom>
        </p:spPr>
        <p:txBody>
          <a:bodyPr vert="horz" lIns="0" tIns="0" rIns="91440" bIns="45720" rtlCol="0" anchor="t" anchorCtr="0">
            <a:noAutofit/>
          </a:bodyPr>
          <a:lstStyle/>
          <a:p>
            <a:r>
              <a:rPr lang="en-US"/>
              <a:t>CLICK TO EDIT MASTER TITLE STYLE</a:t>
            </a:r>
          </a:p>
        </p:txBody>
      </p:sp>
      <p:sp>
        <p:nvSpPr>
          <p:cNvPr id="3" name="Text Placeholder 2">
            <a:extLst>
              <a:ext uri="{FF2B5EF4-FFF2-40B4-BE49-F238E27FC236}">
                <a16:creationId xmlns:a16="http://schemas.microsoft.com/office/drawing/2014/main" id="{814F9CBA-B706-864E-8385-34C8A1D51B9E}"/>
              </a:ext>
            </a:extLst>
          </p:cNvPr>
          <p:cNvSpPr>
            <a:spLocks noGrp="1"/>
          </p:cNvSpPr>
          <p:nvPr>
            <p:ph type="body" idx="1"/>
          </p:nvPr>
        </p:nvSpPr>
        <p:spPr>
          <a:xfrm>
            <a:off x="633046" y="1828801"/>
            <a:ext cx="10949354" cy="4178300"/>
          </a:xfrm>
          <a:prstGeom prst="rect">
            <a:avLst/>
          </a:prstGeom>
        </p:spPr>
        <p:txBody>
          <a:bodyPr vert="horz" lIns="0" tIns="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Slide Number Placeholder 7">
            <a:extLst>
              <a:ext uri="{FF2B5EF4-FFF2-40B4-BE49-F238E27FC236}">
                <a16:creationId xmlns:a16="http://schemas.microsoft.com/office/drawing/2014/main" id="{3F3AD5BB-02A9-974F-AA88-8936233B4727}"/>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
        <p:nvSpPr>
          <p:cNvPr id="10" name="Rectangle 9">
            <a:extLst>
              <a:ext uri="{FF2B5EF4-FFF2-40B4-BE49-F238E27FC236}">
                <a16:creationId xmlns:a16="http://schemas.microsoft.com/office/drawing/2014/main" id="{BF101B35-1C05-F245-954A-F32FEB6254E5}"/>
              </a:ext>
            </a:extLst>
          </p:cNvPr>
          <p:cNvSpPr/>
          <p:nvPr userDrawn="1"/>
        </p:nvSpPr>
        <p:spPr>
          <a:xfrm>
            <a:off x="0" y="0"/>
            <a:ext cx="12192000" cy="889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6" name="Picture 5" descr="Text&#10;&#10;Description automatically generated">
            <a:extLst>
              <a:ext uri="{FF2B5EF4-FFF2-40B4-BE49-F238E27FC236}">
                <a16:creationId xmlns:a16="http://schemas.microsoft.com/office/drawing/2014/main" id="{244C559B-8D3E-319A-989A-B86A75EF940E}"/>
              </a:ext>
            </a:extLst>
          </p:cNvPr>
          <p:cNvPicPr>
            <a:picLocks noChangeAspect="1"/>
          </p:cNvPicPr>
          <p:nvPr userDrawn="1"/>
        </p:nvPicPr>
        <p:blipFill>
          <a:blip r:embed="rId30"/>
          <a:stretch>
            <a:fillRect/>
          </a:stretch>
        </p:blipFill>
        <p:spPr>
          <a:xfrm>
            <a:off x="633046" y="6198509"/>
            <a:ext cx="1066800" cy="518954"/>
          </a:xfrm>
          <a:prstGeom prst="rect">
            <a:avLst/>
          </a:prstGeom>
        </p:spPr>
      </p:pic>
    </p:spTree>
    <p:extLst>
      <p:ext uri="{BB962C8B-B14F-4D97-AF65-F5344CB8AC3E}">
        <p14:creationId xmlns:p14="http://schemas.microsoft.com/office/powerpoint/2010/main" val="2933105786"/>
      </p:ext>
    </p:extLst>
  </p:cSld>
  <p:clrMap bg1="lt1" tx1="dk1" bg2="lt2" tx2="dk2" accent1="accent1" accent2="accent2" accent3="accent3" accent4="accent4" accent5="accent5" accent6="accent6" hlink="hlink" folHlink="folHlink"/>
  <p:sldLayoutIdLst>
    <p:sldLayoutId id="2147483929" r:id="rId1"/>
    <p:sldLayoutId id="2147483930" r:id="rId2"/>
    <p:sldLayoutId id="2147483931" r:id="rId3"/>
    <p:sldLayoutId id="2147483932" r:id="rId4"/>
    <p:sldLayoutId id="2147483933" r:id="rId5"/>
    <p:sldLayoutId id="2147483934" r:id="rId6"/>
    <p:sldLayoutId id="2147483935" r:id="rId7"/>
    <p:sldLayoutId id="2147483936" r:id="rId8"/>
    <p:sldLayoutId id="2147483937" r:id="rId9"/>
    <p:sldLayoutId id="2147483938" r:id="rId10"/>
    <p:sldLayoutId id="2147483939" r:id="rId11"/>
    <p:sldLayoutId id="2147483940" r:id="rId12"/>
    <p:sldLayoutId id="2147483941" r:id="rId13"/>
    <p:sldLayoutId id="2147483942" r:id="rId14"/>
    <p:sldLayoutId id="2147483943" r:id="rId15"/>
    <p:sldLayoutId id="2147483944" r:id="rId16"/>
    <p:sldLayoutId id="2147483945" r:id="rId17"/>
    <p:sldLayoutId id="2147483946" r:id="rId18"/>
    <p:sldLayoutId id="2147483947" r:id="rId19"/>
    <p:sldLayoutId id="2147483948" r:id="rId20"/>
    <p:sldLayoutId id="2147483949" r:id="rId21"/>
    <p:sldLayoutId id="2147483950" r:id="rId22"/>
    <p:sldLayoutId id="2147483951" r:id="rId23"/>
    <p:sldLayoutId id="2147483952" r:id="rId24"/>
    <p:sldLayoutId id="2147483953" r:id="rId25"/>
    <p:sldLayoutId id="2147483954" r:id="rId26"/>
    <p:sldLayoutId id="2147483955" r:id="rId27"/>
    <p:sldLayoutId id="2147483956" r:id="rId28"/>
  </p:sldLayoutIdLst>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txStyles>
    <p:titleStyle>
      <a:lvl1pPr algn="l" defTabSz="914400" rtl="0" eaLnBrk="1" latinLnBrk="0" hangingPunct="1">
        <a:lnSpc>
          <a:spcPct val="90000"/>
        </a:lnSpc>
        <a:spcBef>
          <a:spcPct val="0"/>
        </a:spcBef>
        <a:buNone/>
        <a:defRPr lang="en-US" sz="3000" b="1" i="0" kern="1200" spc="50" baseline="0" dirty="0">
          <a:solidFill>
            <a:schemeClr val="tx1"/>
          </a:solidFill>
          <a:latin typeface="Avenir Heavy" panose="02000503020000020003" pitchFamily="2" charset="0"/>
          <a:ea typeface="Verdana" panose="020B0604030504040204" pitchFamily="34" charset="0"/>
          <a:cs typeface="Rubik Medium" pitchFamily="2" charset="-79"/>
        </a:defRPr>
      </a:lvl1pPr>
    </p:titleStyle>
    <p:bodyStyle>
      <a:lvl1pPr marL="228600" indent="-228600" algn="l" defTabSz="914400" rtl="0" eaLnBrk="1" latinLnBrk="0" hangingPunct="1">
        <a:lnSpc>
          <a:spcPct val="110000"/>
        </a:lnSpc>
        <a:spcBef>
          <a:spcPts val="1000"/>
        </a:spcBef>
        <a:buClr>
          <a:schemeClr val="tx2"/>
        </a:buClr>
        <a:buSzPct val="90000"/>
        <a:buFont typeface="Arial" panose="020B0604020202020204" pitchFamily="34" charset="0"/>
        <a:buChar char="•"/>
        <a:defRPr lang="en-US" sz="1600" b="0" i="0" kern="1200" dirty="0">
          <a:solidFill>
            <a:schemeClr val="bg1"/>
          </a:solidFill>
          <a:latin typeface="Georgia" panose="02040502050405020303" pitchFamily="18" charset="0"/>
          <a:ea typeface="Verdana" panose="020B0604030504040204" pitchFamily="34" charset="0"/>
          <a:cs typeface="Rubik"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bg1"/>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bg1"/>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bg1"/>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bg1"/>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840">
          <p15:clr>
            <a:srgbClr val="F26B43"/>
          </p15:clr>
        </p15:guide>
        <p15:guide id="2" orient="horz" pos="2184">
          <p15:clr>
            <a:srgbClr val="F26B43"/>
          </p15:clr>
        </p15:guide>
        <p15:guide id="4" pos="384">
          <p15:clr>
            <a:srgbClr val="F26B43"/>
          </p15:clr>
        </p15:guide>
        <p15:guide id="5" pos="7296">
          <p15:clr>
            <a:srgbClr val="F26B43"/>
          </p15:clr>
        </p15:guide>
        <p15:guide id="6" orient="horz" pos="288">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42.xml"/></Relationships>
</file>

<file path=ppt/slides/_rels/slide10.xml.rels><?xml version="1.0" encoding="UTF-8" standalone="yes"?>
<Relationships xmlns="http://schemas.openxmlformats.org/package/2006/relationships"><Relationship Id="rId3" Type="http://schemas.openxmlformats.org/officeDocument/2006/relationships/chart" Target="../charts/chart4.xml"/><Relationship Id="rId2" Type="http://schemas.openxmlformats.org/officeDocument/2006/relationships/notesSlide" Target="../notesSlides/notesSlide10.xml"/><Relationship Id="rId1" Type="http://schemas.openxmlformats.org/officeDocument/2006/relationships/slideLayout" Target="../slideLayouts/slideLayout26.xml"/></Relationships>
</file>

<file path=ppt/slides/_rels/slide11.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notesSlide" Target="../notesSlides/notesSlide11.xml"/><Relationship Id="rId1" Type="http://schemas.openxmlformats.org/officeDocument/2006/relationships/slideLayout" Target="../slideLayouts/slideLayout32.xml"/><Relationship Id="rId4" Type="http://schemas.openxmlformats.org/officeDocument/2006/relationships/image" Target="../media/image33.emf"/></Relationships>
</file>

<file path=ppt/slides/_rels/slide12.xml.rels><?xml version="1.0" encoding="UTF-8" standalone="yes"?>
<Relationships xmlns="http://schemas.openxmlformats.org/package/2006/relationships"><Relationship Id="rId3" Type="http://schemas.openxmlformats.org/officeDocument/2006/relationships/chart" Target="../charts/chart5.xml"/><Relationship Id="rId2" Type="http://schemas.openxmlformats.org/officeDocument/2006/relationships/notesSlide" Target="../notesSlides/notesSlide12.xml"/><Relationship Id="rId1" Type="http://schemas.openxmlformats.org/officeDocument/2006/relationships/slideLayout" Target="../slideLayouts/slideLayout32.xml"/></Relationships>
</file>

<file path=ppt/slides/_rels/slide13.xml.rels><?xml version="1.0" encoding="UTF-8" standalone="yes"?>
<Relationships xmlns="http://schemas.openxmlformats.org/package/2006/relationships"><Relationship Id="rId3" Type="http://schemas.openxmlformats.org/officeDocument/2006/relationships/chart" Target="../charts/chart6.xml"/><Relationship Id="rId2" Type="http://schemas.openxmlformats.org/officeDocument/2006/relationships/notesSlide" Target="../notesSlides/notesSlide13.xml"/><Relationship Id="rId1" Type="http://schemas.openxmlformats.org/officeDocument/2006/relationships/slideLayout" Target="../slideLayouts/slideLayout26.xml"/><Relationship Id="rId4" Type="http://schemas.openxmlformats.org/officeDocument/2006/relationships/chart" Target="../charts/chart7.xml"/></Relationships>
</file>

<file path=ppt/slides/_rels/slide14.xml.rels><?xml version="1.0" encoding="UTF-8" standalone="yes"?>
<Relationships xmlns="http://schemas.openxmlformats.org/package/2006/relationships"><Relationship Id="rId3" Type="http://schemas.openxmlformats.org/officeDocument/2006/relationships/chart" Target="../charts/chart8.xml"/><Relationship Id="rId2" Type="http://schemas.openxmlformats.org/officeDocument/2006/relationships/notesSlide" Target="../notesSlides/notesSlide14.xml"/><Relationship Id="rId1" Type="http://schemas.openxmlformats.org/officeDocument/2006/relationships/slideLayout" Target="../slideLayouts/slideLayout26.xml"/></Relationships>
</file>

<file path=ppt/slides/_rels/slide15.xml.rels><?xml version="1.0" encoding="UTF-8" standalone="yes"?>
<Relationships xmlns="http://schemas.openxmlformats.org/package/2006/relationships"><Relationship Id="rId3" Type="http://schemas.openxmlformats.org/officeDocument/2006/relationships/chart" Target="../charts/chart9.xml"/><Relationship Id="rId2" Type="http://schemas.openxmlformats.org/officeDocument/2006/relationships/notesSlide" Target="../notesSlides/notesSlide15.xml"/><Relationship Id="rId1" Type="http://schemas.openxmlformats.org/officeDocument/2006/relationships/slideLayout" Target="../slideLayouts/slideLayout26.xml"/></Relationships>
</file>

<file path=ppt/slides/_rels/slide16.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notesSlide" Target="../notesSlides/notesSlide16.xml"/><Relationship Id="rId1" Type="http://schemas.openxmlformats.org/officeDocument/2006/relationships/slideLayout" Target="../slideLayouts/slideLayout26.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22.xml"/></Relationships>
</file>

<file path=ppt/slides/_rels/slide18.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notesSlide" Target="../notesSlides/notesSlide18.xml"/><Relationship Id="rId1" Type="http://schemas.openxmlformats.org/officeDocument/2006/relationships/slideLayout" Target="../slideLayouts/slideLayout26.xml"/></Relationships>
</file>

<file path=ppt/slides/_rels/slide19.xml.rels><?xml version="1.0" encoding="UTF-8" standalone="yes"?>
<Relationships xmlns="http://schemas.openxmlformats.org/package/2006/relationships"><Relationship Id="rId3" Type="http://schemas.openxmlformats.org/officeDocument/2006/relationships/chart" Target="../charts/chart10.xml"/><Relationship Id="rId2" Type="http://schemas.openxmlformats.org/officeDocument/2006/relationships/notesSlide" Target="../notesSlides/notesSlide19.xml"/><Relationship Id="rId1" Type="http://schemas.openxmlformats.org/officeDocument/2006/relationships/slideLayout" Target="../slideLayouts/slideLayout26.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6.xml"/></Relationships>
</file>

<file path=ppt/slides/_rels/slide20.xml.rels><?xml version="1.0" encoding="UTF-8" standalone="yes"?>
<Relationships xmlns="http://schemas.openxmlformats.org/package/2006/relationships"><Relationship Id="rId2" Type="http://schemas.openxmlformats.org/officeDocument/2006/relationships/chart" Target="../charts/chart11.xml"/><Relationship Id="rId1" Type="http://schemas.openxmlformats.org/officeDocument/2006/relationships/slideLayout" Target="../slideLayouts/slideLayout71.xml"/></Relationships>
</file>

<file path=ppt/slides/_rels/slide21.xml.rels><?xml version="1.0" encoding="UTF-8" standalone="yes"?>
<Relationships xmlns="http://schemas.openxmlformats.org/package/2006/relationships"><Relationship Id="rId3" Type="http://schemas.openxmlformats.org/officeDocument/2006/relationships/chart" Target="../charts/chart12.xml"/><Relationship Id="rId2" Type="http://schemas.openxmlformats.org/officeDocument/2006/relationships/notesSlide" Target="../notesSlides/notesSlide20.xml"/><Relationship Id="rId1" Type="http://schemas.openxmlformats.org/officeDocument/2006/relationships/slideLayout" Target="../slideLayouts/slideLayout26.xml"/><Relationship Id="rId4" Type="http://schemas.openxmlformats.org/officeDocument/2006/relationships/chart" Target="../charts/chart13.xml"/></Relationships>
</file>

<file path=ppt/slides/_rels/slide22.xml.rels><?xml version="1.0" encoding="UTF-8" standalone="yes"?>
<Relationships xmlns="http://schemas.openxmlformats.org/package/2006/relationships"><Relationship Id="rId3" Type="http://schemas.openxmlformats.org/officeDocument/2006/relationships/chart" Target="../charts/chart14.xml"/><Relationship Id="rId2" Type="http://schemas.openxmlformats.org/officeDocument/2006/relationships/notesSlide" Target="../notesSlides/notesSlide21.xml"/><Relationship Id="rId1" Type="http://schemas.openxmlformats.org/officeDocument/2006/relationships/slideLayout" Target="../slideLayouts/slideLayout26.xml"/></Relationships>
</file>

<file path=ppt/slides/_rels/slide23.xml.rels><?xml version="1.0" encoding="UTF-8" standalone="yes"?>
<Relationships xmlns="http://schemas.openxmlformats.org/package/2006/relationships"><Relationship Id="rId3" Type="http://schemas.openxmlformats.org/officeDocument/2006/relationships/chart" Target="../charts/chart15.xml"/><Relationship Id="rId2" Type="http://schemas.openxmlformats.org/officeDocument/2006/relationships/notesSlide" Target="../notesSlides/notesSlide22.xml"/><Relationship Id="rId1" Type="http://schemas.openxmlformats.org/officeDocument/2006/relationships/slideLayout" Target="../slideLayouts/slideLayout26.xml"/></Relationships>
</file>

<file path=ppt/slides/_rels/slide2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notesSlide" Target="../notesSlides/notesSlide23.xml"/><Relationship Id="rId1" Type="http://schemas.openxmlformats.org/officeDocument/2006/relationships/slideLayout" Target="../slideLayouts/slideLayout26.xml"/><Relationship Id="rId4" Type="http://schemas.openxmlformats.org/officeDocument/2006/relationships/image" Target="../media/image36.emf"/></Relationships>
</file>

<file path=ppt/slides/_rels/slide25.xml.rels><?xml version="1.0" encoding="UTF-8" standalone="yes"?>
<Relationships xmlns="http://schemas.openxmlformats.org/package/2006/relationships"><Relationship Id="rId3" Type="http://schemas.openxmlformats.org/officeDocument/2006/relationships/chart" Target="../charts/chart16.xml"/><Relationship Id="rId2" Type="http://schemas.openxmlformats.org/officeDocument/2006/relationships/notesSlide" Target="../notesSlides/notesSlide24.xml"/><Relationship Id="rId1" Type="http://schemas.openxmlformats.org/officeDocument/2006/relationships/slideLayout" Target="../slideLayouts/slideLayout26.xml"/></Relationships>
</file>

<file path=ppt/slides/_rels/slide26.xml.rels><?xml version="1.0" encoding="UTF-8" standalone="yes"?>
<Relationships xmlns="http://schemas.openxmlformats.org/package/2006/relationships"><Relationship Id="rId3" Type="http://schemas.openxmlformats.org/officeDocument/2006/relationships/chart" Target="../charts/chart17.xml"/><Relationship Id="rId2" Type="http://schemas.openxmlformats.org/officeDocument/2006/relationships/notesSlide" Target="../notesSlides/notesSlide25.xml"/><Relationship Id="rId1" Type="http://schemas.openxmlformats.org/officeDocument/2006/relationships/slideLayout" Target="../slideLayouts/slideLayout32.xml"/><Relationship Id="rId4" Type="http://schemas.openxmlformats.org/officeDocument/2006/relationships/chart" Target="../charts/chart18.xml"/></Relationships>
</file>

<file path=ppt/slides/_rels/slide27.xml.rels><?xml version="1.0" encoding="UTF-8" standalone="yes"?>
<Relationships xmlns="http://schemas.openxmlformats.org/package/2006/relationships"><Relationship Id="rId3" Type="http://schemas.openxmlformats.org/officeDocument/2006/relationships/image" Target="../media/image37.png"/><Relationship Id="rId2" Type="http://schemas.openxmlformats.org/officeDocument/2006/relationships/notesSlide" Target="../notesSlides/notesSlide26.xml"/><Relationship Id="rId1" Type="http://schemas.openxmlformats.org/officeDocument/2006/relationships/slideLayout" Target="../slideLayouts/slideLayout71.xml"/></Relationships>
</file>

<file path=ppt/slides/_rels/slide28.xml.rels><?xml version="1.0" encoding="UTF-8" standalone="yes"?>
<Relationships xmlns="http://schemas.openxmlformats.org/package/2006/relationships"><Relationship Id="rId3" Type="http://schemas.openxmlformats.org/officeDocument/2006/relationships/chart" Target="../charts/chart19.xml"/><Relationship Id="rId2" Type="http://schemas.openxmlformats.org/officeDocument/2006/relationships/notesSlide" Target="../notesSlides/notesSlide27.xml"/><Relationship Id="rId1" Type="http://schemas.openxmlformats.org/officeDocument/2006/relationships/slideLayout" Target="../slideLayouts/slideLayout26.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8.xml"/><Relationship Id="rId1" Type="http://schemas.openxmlformats.org/officeDocument/2006/relationships/slideLayout" Target="../slideLayouts/slideLayout60.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43.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43.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53.xml"/><Relationship Id="rId1" Type="http://schemas.openxmlformats.org/officeDocument/2006/relationships/tags" Target="../tags/tag1.xml"/><Relationship Id="rId4" Type="http://schemas.openxmlformats.org/officeDocument/2006/relationships/chart" Target="../charts/chart1.xml"/></Relationships>
</file>

<file path=ppt/slides/_rels/slide6.xml.rels><?xml version="1.0" encoding="UTF-8" standalone="yes"?>
<Relationships xmlns="http://schemas.openxmlformats.org/package/2006/relationships"><Relationship Id="rId3" Type="http://schemas.openxmlformats.org/officeDocument/2006/relationships/chart" Target="../charts/chart2.xml"/><Relationship Id="rId2" Type="http://schemas.openxmlformats.org/officeDocument/2006/relationships/notesSlide" Target="../notesSlides/notesSlide6.xml"/><Relationship Id="rId1" Type="http://schemas.openxmlformats.org/officeDocument/2006/relationships/slideLayout" Target="../slideLayouts/slideLayout32.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2.xml"/></Relationships>
</file>

<file path=ppt/slides/_rels/slide8.xml.rels><?xml version="1.0" encoding="UTF-8" standalone="yes"?>
<Relationships xmlns="http://schemas.openxmlformats.org/package/2006/relationships"><Relationship Id="rId8" Type="http://schemas.openxmlformats.org/officeDocument/2006/relationships/image" Target="../media/image26.png"/><Relationship Id="rId3" Type="http://schemas.openxmlformats.org/officeDocument/2006/relationships/chart" Target="../charts/chart3.xml"/><Relationship Id="rId7" Type="http://schemas.openxmlformats.org/officeDocument/2006/relationships/image" Target="../media/image25.png"/><Relationship Id="rId12" Type="http://schemas.openxmlformats.org/officeDocument/2006/relationships/image" Target="../media/image30.png"/><Relationship Id="rId2" Type="http://schemas.openxmlformats.org/officeDocument/2006/relationships/notesSlide" Target="../notesSlides/notesSlide8.xml"/><Relationship Id="rId1" Type="http://schemas.openxmlformats.org/officeDocument/2006/relationships/slideLayout" Target="../slideLayouts/slideLayout26.xml"/><Relationship Id="rId6" Type="http://schemas.openxmlformats.org/officeDocument/2006/relationships/image" Target="../media/image24.png"/><Relationship Id="rId11" Type="http://schemas.openxmlformats.org/officeDocument/2006/relationships/image" Target="../media/image29.png"/><Relationship Id="rId5" Type="http://schemas.openxmlformats.org/officeDocument/2006/relationships/image" Target="../media/image23.png"/><Relationship Id="rId10" Type="http://schemas.openxmlformats.org/officeDocument/2006/relationships/image" Target="../media/image28.png"/><Relationship Id="rId4" Type="http://schemas.openxmlformats.org/officeDocument/2006/relationships/image" Target="../media/image22.png"/><Relationship Id="rId9" Type="http://schemas.openxmlformats.org/officeDocument/2006/relationships/image" Target="../media/image27.svg"/></Relationships>
</file>

<file path=ppt/slides/_rels/slide9.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notesSlide" Target="../notesSlides/notesSlide9.xml"/><Relationship Id="rId1" Type="http://schemas.openxmlformats.org/officeDocument/2006/relationships/slideLayout" Target="../slideLayouts/slideLayout26.xml"/><Relationship Id="rId5" Type="http://schemas.openxmlformats.org/officeDocument/2006/relationships/image" Target="../media/image32.emf"/><Relationship Id="rId4" Type="http://schemas.openxmlformats.org/officeDocument/2006/relationships/oleObject" Target="../embeddings/oleObject1.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67D3D0A-B204-5B40-B697-8D06BFE3F7AF}"/>
              </a:ext>
            </a:extLst>
          </p:cNvPr>
          <p:cNvSpPr>
            <a:spLocks noGrp="1"/>
          </p:cNvSpPr>
          <p:nvPr>
            <p:ph type="title"/>
          </p:nvPr>
        </p:nvSpPr>
        <p:spPr>
          <a:xfrm>
            <a:off x="174033" y="2629129"/>
            <a:ext cx="7798636" cy="1406361"/>
          </a:xfrm>
        </p:spPr>
        <p:txBody>
          <a:bodyPr/>
          <a:lstStyle/>
          <a:p>
            <a:r>
              <a:rPr lang="en-US" sz="4200">
                <a:latin typeface="Arial"/>
                <a:ea typeface="Verdana"/>
                <a:cs typeface="Arial"/>
              </a:rPr>
              <a:t>Market Outlook</a:t>
            </a:r>
            <a:br>
              <a:rPr lang="en-US" sz="4200">
                <a:latin typeface="Arial"/>
                <a:ea typeface="Verdana"/>
                <a:cs typeface="Arial"/>
              </a:rPr>
            </a:br>
            <a:r>
              <a:rPr lang="en-US" sz="2000">
                <a:latin typeface="Arial"/>
                <a:ea typeface="Verdana"/>
                <a:cs typeface="Arial"/>
              </a:rPr>
              <a:t>September 2023</a:t>
            </a:r>
            <a:endParaRPr lang="en-US"/>
          </a:p>
        </p:txBody>
      </p:sp>
      <p:sp>
        <p:nvSpPr>
          <p:cNvPr id="3" name="Text Placeholder 2">
            <a:extLst>
              <a:ext uri="{FF2B5EF4-FFF2-40B4-BE49-F238E27FC236}">
                <a16:creationId xmlns:a16="http://schemas.microsoft.com/office/drawing/2014/main" id="{46D937A3-CB3D-E741-BE81-28C0E9CA4FA8}"/>
              </a:ext>
            </a:extLst>
          </p:cNvPr>
          <p:cNvSpPr>
            <a:spLocks noGrp="1"/>
          </p:cNvSpPr>
          <p:nvPr>
            <p:ph type="body" sz="quarter" idx="13"/>
          </p:nvPr>
        </p:nvSpPr>
        <p:spPr>
          <a:xfrm>
            <a:off x="174033" y="3832597"/>
            <a:ext cx="7075714" cy="1055930"/>
          </a:xfrm>
        </p:spPr>
        <p:txBody>
          <a:bodyPr/>
          <a:lstStyle/>
          <a:p>
            <a:pPr>
              <a:lnSpc>
                <a:spcPct val="100000"/>
              </a:lnSpc>
              <a:spcBef>
                <a:spcPts val="0"/>
              </a:spcBef>
            </a:pPr>
            <a:r>
              <a:rPr lang="en-US" sz="2000">
                <a:latin typeface="Arial" panose="020B0604020202020204" pitchFamily="34" charset="0"/>
                <a:cs typeface="Arial" panose="020B0604020202020204" pitchFamily="34" charset="0"/>
              </a:rPr>
              <a:t>Kara Murphy, CFA</a:t>
            </a:r>
          </a:p>
          <a:p>
            <a:pPr>
              <a:lnSpc>
                <a:spcPct val="100000"/>
              </a:lnSpc>
              <a:spcBef>
                <a:spcPts val="0"/>
              </a:spcBef>
            </a:pPr>
            <a:r>
              <a:rPr lang="en-US" sz="2000">
                <a:latin typeface="Arial" panose="020B0604020202020204" pitchFamily="34" charset="0"/>
                <a:cs typeface="Arial" panose="020B0604020202020204" pitchFamily="34" charset="0"/>
              </a:rPr>
              <a:t>Chief Investment Officer</a:t>
            </a:r>
          </a:p>
          <a:p>
            <a:pPr>
              <a:lnSpc>
                <a:spcPct val="100000"/>
              </a:lnSpc>
              <a:spcBef>
                <a:spcPts val="0"/>
              </a:spcBef>
            </a:pPr>
            <a:r>
              <a:rPr lang="en-US" sz="2000">
                <a:latin typeface="Arial" panose="020B0604020202020204" pitchFamily="34" charset="0"/>
                <a:cs typeface="Arial" panose="020B0604020202020204" pitchFamily="34" charset="0"/>
              </a:rPr>
              <a:t>Kestra Investment Management</a:t>
            </a:r>
          </a:p>
          <a:p>
            <a:endParaRPr lang="en-US">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172414130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Chart 7">
            <a:extLst>
              <a:ext uri="{FF2B5EF4-FFF2-40B4-BE49-F238E27FC236}">
                <a16:creationId xmlns:a16="http://schemas.microsoft.com/office/drawing/2014/main" id="{00000000-0008-0000-0D00-000007000000}"/>
              </a:ext>
            </a:extLst>
          </p:cNvPr>
          <p:cNvGraphicFramePr>
            <a:graphicFrameLocks/>
          </p:cNvGraphicFramePr>
          <p:nvPr>
            <p:extLst>
              <p:ext uri="{D42A27DB-BD31-4B8C-83A1-F6EECF244321}">
                <p14:modId xmlns:p14="http://schemas.microsoft.com/office/powerpoint/2010/main" val="991785415"/>
              </p:ext>
            </p:extLst>
          </p:nvPr>
        </p:nvGraphicFramePr>
        <p:xfrm>
          <a:off x="2327040" y="1548678"/>
          <a:ext cx="6986016" cy="3758184"/>
        </p:xfrm>
        <a:graphic>
          <a:graphicData uri="http://schemas.openxmlformats.org/drawingml/2006/chart">
            <c:chart xmlns:c="http://schemas.openxmlformats.org/drawingml/2006/chart" xmlns:r="http://schemas.openxmlformats.org/officeDocument/2006/relationships" r:id="rId3"/>
          </a:graphicData>
        </a:graphic>
      </p:graphicFrame>
      <p:sp>
        <p:nvSpPr>
          <p:cNvPr id="5" name="Slide Number Placeholder 4">
            <a:extLst>
              <a:ext uri="{FF2B5EF4-FFF2-40B4-BE49-F238E27FC236}">
                <a16:creationId xmlns:a16="http://schemas.microsoft.com/office/drawing/2014/main" id="{FDB3BD9F-4450-4A71-CC44-5A8ADA196EAA}"/>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10" name="TextBox 9">
            <a:extLst>
              <a:ext uri="{FF2B5EF4-FFF2-40B4-BE49-F238E27FC236}">
                <a16:creationId xmlns:a16="http://schemas.microsoft.com/office/drawing/2014/main" id="{F146363E-8825-1EBD-F52B-1E23C05C70BB}"/>
              </a:ext>
            </a:extLst>
          </p:cNvPr>
          <p:cNvSpPr txBox="1"/>
          <p:nvPr/>
        </p:nvSpPr>
        <p:spPr>
          <a:xfrm>
            <a:off x="1748853" y="6275424"/>
            <a:ext cx="8694294"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Source: Kestra Investment Management, Fed Funds Futures data from Bloomberg. Data as of September </a:t>
            </a:r>
            <a:r>
              <a:rPr lang="en-US" sz="900">
                <a:solidFill>
                  <a:srgbClr val="000000"/>
                </a:solidFill>
                <a:latin typeface="Verdana" panose="020B0604030504040204" pitchFamily="34" charset="0"/>
              </a:rPr>
              <a:t>30</a:t>
            </a: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 2023.</a:t>
            </a:r>
            <a:endParaRPr kumimoji="0" lang="en-US" sz="900" b="1" i="0" u="none" strike="noStrike" kern="1200" cap="none" spc="0" normalizeH="0" baseline="0" noProof="0">
              <a:ln>
                <a:noFill/>
              </a:ln>
              <a:solidFill>
                <a:srgbClr val="000000"/>
              </a:solidFill>
              <a:effectLst/>
              <a:uLnTx/>
              <a:uFillTx/>
              <a:latin typeface="Verdana"/>
              <a:ea typeface="+mn-ea"/>
              <a:cs typeface="+mn-cs"/>
            </a:endParaRPr>
          </a:p>
        </p:txBody>
      </p:sp>
      <p:sp>
        <p:nvSpPr>
          <p:cNvPr id="11" name="TextBox 10">
            <a:extLst>
              <a:ext uri="{FF2B5EF4-FFF2-40B4-BE49-F238E27FC236}">
                <a16:creationId xmlns:a16="http://schemas.microsoft.com/office/drawing/2014/main" id="{F29F5648-EAB8-E67D-70BB-42A022F29F7D}"/>
              </a:ext>
            </a:extLst>
          </p:cNvPr>
          <p:cNvSpPr txBox="1"/>
          <p:nvPr/>
        </p:nvSpPr>
        <p:spPr>
          <a:xfrm>
            <a:off x="2465539" y="1079093"/>
            <a:ext cx="6737673"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Fed Funds Futures as of 4/28/2023 and 9/30/2023</a:t>
            </a:r>
          </a:p>
        </p:txBody>
      </p:sp>
      <p:cxnSp>
        <p:nvCxnSpPr>
          <p:cNvPr id="7" name="Straight Arrow Connector 6">
            <a:extLst>
              <a:ext uri="{FF2B5EF4-FFF2-40B4-BE49-F238E27FC236}">
                <a16:creationId xmlns:a16="http://schemas.microsoft.com/office/drawing/2014/main" id="{9D30C57B-7CC5-579B-8F9F-F4514871833A}"/>
              </a:ext>
            </a:extLst>
          </p:cNvPr>
          <p:cNvCxnSpPr>
            <a:cxnSpLocks/>
          </p:cNvCxnSpPr>
          <p:nvPr/>
        </p:nvCxnSpPr>
        <p:spPr>
          <a:xfrm>
            <a:off x="3701441" y="1826996"/>
            <a:ext cx="979390" cy="315111"/>
          </a:xfrm>
          <a:prstGeom prst="straightConnector1">
            <a:avLst/>
          </a:prstGeom>
          <a:ln w="19050">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6" name="TextBox 5">
            <a:extLst>
              <a:ext uri="{FF2B5EF4-FFF2-40B4-BE49-F238E27FC236}">
                <a16:creationId xmlns:a16="http://schemas.microsoft.com/office/drawing/2014/main" id="{FE7AB50A-39E9-6553-27CD-B1726EA9709F}"/>
              </a:ext>
            </a:extLst>
          </p:cNvPr>
          <p:cNvSpPr txBox="1"/>
          <p:nvPr/>
        </p:nvSpPr>
        <p:spPr>
          <a:xfrm rot="16200000" flipH="1">
            <a:off x="1466808" y="3031308"/>
            <a:ext cx="1997463"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 Effective Rate (bps)</a:t>
            </a:r>
          </a:p>
        </p:txBody>
      </p:sp>
      <p:cxnSp>
        <p:nvCxnSpPr>
          <p:cNvPr id="17" name="Straight Arrow Connector 16">
            <a:extLst>
              <a:ext uri="{FF2B5EF4-FFF2-40B4-BE49-F238E27FC236}">
                <a16:creationId xmlns:a16="http://schemas.microsoft.com/office/drawing/2014/main" id="{DFC287CF-28ED-EB76-7AB8-3C77AC87A46F}"/>
              </a:ext>
            </a:extLst>
          </p:cNvPr>
          <p:cNvCxnSpPr>
            <a:cxnSpLocks/>
          </p:cNvCxnSpPr>
          <p:nvPr/>
        </p:nvCxnSpPr>
        <p:spPr>
          <a:xfrm>
            <a:off x="6756358" y="1555733"/>
            <a:ext cx="1450427" cy="0"/>
          </a:xfrm>
          <a:prstGeom prst="straightConnector1">
            <a:avLst/>
          </a:prstGeom>
          <a:ln w="19050">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18" name="Title 3">
            <a:extLst>
              <a:ext uri="{FF2B5EF4-FFF2-40B4-BE49-F238E27FC236}">
                <a16:creationId xmlns:a16="http://schemas.microsoft.com/office/drawing/2014/main" id="{DE6AE69A-4EEB-4380-8DCD-ED2388EB0CC5}"/>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Higher Interest Rates for Longer</a:t>
            </a:r>
          </a:p>
        </p:txBody>
      </p:sp>
      <p:sp>
        <p:nvSpPr>
          <p:cNvPr id="2" name="Speech Bubble: Rectangle 1">
            <a:extLst>
              <a:ext uri="{FF2B5EF4-FFF2-40B4-BE49-F238E27FC236}">
                <a16:creationId xmlns:a16="http://schemas.microsoft.com/office/drawing/2014/main" id="{A318FAA7-EF13-F183-0CDC-2C5014884AAF}"/>
              </a:ext>
            </a:extLst>
          </p:cNvPr>
          <p:cNvSpPr/>
          <p:nvPr/>
        </p:nvSpPr>
        <p:spPr>
          <a:xfrm>
            <a:off x="437949" y="2171075"/>
            <a:ext cx="1545791" cy="3010712"/>
          </a:xfrm>
          <a:prstGeom prst="wedgeRectCallout">
            <a:avLst>
              <a:gd name="adj1" fmla="val 107536"/>
              <a:gd name="adj2" fmla="val 16386"/>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At the end of April, markets expected the Fed funds rate to reach a peak of 4.9% and then drop to 4.5% by the end of the year</a:t>
            </a:r>
          </a:p>
        </p:txBody>
      </p:sp>
      <p:sp>
        <p:nvSpPr>
          <p:cNvPr id="3" name="Speech Bubble: Rectangle 2">
            <a:extLst>
              <a:ext uri="{FF2B5EF4-FFF2-40B4-BE49-F238E27FC236}">
                <a16:creationId xmlns:a16="http://schemas.microsoft.com/office/drawing/2014/main" id="{551635DB-119B-9A54-0002-66A738173343}"/>
              </a:ext>
            </a:extLst>
          </p:cNvPr>
          <p:cNvSpPr/>
          <p:nvPr/>
        </p:nvSpPr>
        <p:spPr>
          <a:xfrm>
            <a:off x="9313055" y="2290354"/>
            <a:ext cx="2043649" cy="2573746"/>
          </a:xfrm>
          <a:prstGeom prst="wedgeRectCallout">
            <a:avLst>
              <a:gd name="adj1" fmla="val -80854"/>
              <a:gd name="adj2" fmla="val -3929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But then by the end of September, the Fed Funds rate was expected to reach 5.5% and remain there through the end of the year</a:t>
            </a:r>
          </a:p>
        </p:txBody>
      </p:sp>
    </p:spTree>
    <p:extLst>
      <p:ext uri="{BB962C8B-B14F-4D97-AF65-F5344CB8AC3E}">
        <p14:creationId xmlns:p14="http://schemas.microsoft.com/office/powerpoint/2010/main" val="232651436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Slide Number Placeholder 5">
            <a:extLst>
              <a:ext uri="{FF2B5EF4-FFF2-40B4-BE49-F238E27FC236}">
                <a16:creationId xmlns:a16="http://schemas.microsoft.com/office/drawing/2014/main" id="{0CA11929-4174-4CA8-ACE4-E9B25403C62B}"/>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2" name="TextBox 1">
            <a:extLst>
              <a:ext uri="{FF2B5EF4-FFF2-40B4-BE49-F238E27FC236}">
                <a16:creationId xmlns:a16="http://schemas.microsoft.com/office/drawing/2014/main" id="{EA773132-D6F6-D2F9-957B-EC5AA067BC81}"/>
              </a:ext>
            </a:extLst>
          </p:cNvPr>
          <p:cNvSpPr txBox="1"/>
          <p:nvPr/>
        </p:nvSpPr>
        <p:spPr>
          <a:xfrm>
            <a:off x="1993693" y="6277688"/>
            <a:ext cx="8694294" cy="230832"/>
          </a:xfrm>
          <a:prstGeom prst="rect">
            <a:avLst/>
          </a:prstGeom>
          <a:noFill/>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a:ea typeface="Verdana"/>
                <a:cs typeface="+mn-cs"/>
              </a:rPr>
              <a:t>Source: Kestra Investment Management, Bureau of Labor Statistics with data from FactSet. Data as of September </a:t>
            </a:r>
            <a:r>
              <a:rPr lang="en-US" sz="900">
                <a:solidFill>
                  <a:srgbClr val="000000"/>
                </a:solidFill>
                <a:latin typeface="Verdana"/>
                <a:ea typeface="Verdana"/>
              </a:rPr>
              <a:t>30</a:t>
            </a:r>
            <a:r>
              <a:rPr kumimoji="0" lang="en-US" sz="900" b="0" i="0" u="none" strike="noStrike" kern="1200" cap="none" spc="0" normalizeH="0" baseline="0" noProof="0">
                <a:ln>
                  <a:noFill/>
                </a:ln>
                <a:solidFill>
                  <a:srgbClr val="000000"/>
                </a:solidFill>
                <a:effectLst/>
                <a:uLnTx/>
                <a:uFillTx/>
                <a:latin typeface="Verdana"/>
                <a:ea typeface="Verdana"/>
                <a:cs typeface="+mn-cs"/>
              </a:rPr>
              <a:t>, 2023.</a:t>
            </a:r>
            <a:endParaRPr kumimoji="0" lang="en-US" sz="900" b="1" i="0" u="none" strike="noStrike" kern="1200" cap="none" spc="0" normalizeH="0" baseline="0" noProof="0">
              <a:ln>
                <a:noFill/>
              </a:ln>
              <a:solidFill>
                <a:srgbClr val="000000"/>
              </a:solidFill>
              <a:effectLst/>
              <a:uLnTx/>
              <a:uFillTx/>
              <a:latin typeface="Verdana"/>
              <a:ea typeface="Verdana"/>
              <a:cs typeface="+mn-cs"/>
            </a:endParaRPr>
          </a:p>
        </p:txBody>
      </p:sp>
      <p:graphicFrame>
        <p:nvGraphicFramePr>
          <p:cNvPr id="11" name="Object 10">
            <a:extLst>
              <a:ext uri="{FF2B5EF4-FFF2-40B4-BE49-F238E27FC236}">
                <a16:creationId xmlns:a16="http://schemas.microsoft.com/office/drawing/2014/main" id="{5BBCDF05-A6D7-BE99-8AE8-D31B628585E7}"/>
              </a:ext>
            </a:extLst>
          </p:cNvPr>
          <p:cNvGraphicFramePr>
            <a:graphicFrameLocks noChangeAspect="1"/>
          </p:cNvGraphicFramePr>
          <p:nvPr>
            <p:extLst>
              <p:ext uri="{D42A27DB-BD31-4B8C-83A1-F6EECF244321}">
                <p14:modId xmlns:p14="http://schemas.microsoft.com/office/powerpoint/2010/main" val="3998197638"/>
              </p:ext>
            </p:extLst>
          </p:nvPr>
        </p:nvGraphicFramePr>
        <p:xfrm>
          <a:off x="787400" y="1511300"/>
          <a:ext cx="6691313" cy="4376738"/>
        </p:xfrm>
        <a:graphic>
          <a:graphicData uri="http://schemas.openxmlformats.org/presentationml/2006/ole">
            <mc:AlternateContent xmlns:mc="http://schemas.openxmlformats.org/markup-compatibility/2006">
              <mc:Choice xmlns:v="urn:schemas-microsoft-com:vml" Requires="v">
                <p:oleObj name="ActiveGraph" r:id="rId3" imgW="6648388" imgH="4343400" progId="FDSCHART.FDSChartCtrl.1">
                  <p:embed/>
                </p:oleObj>
              </mc:Choice>
              <mc:Fallback>
                <p:oleObj name="ActiveGraph" r:id="rId3" imgW="6648388" imgH="4343400" progId="FDSCHART.FDSChartCtrl.1">
                  <p:embed/>
                  <p:pic>
                    <p:nvPicPr>
                      <p:cNvPr id="11" name="Object 10">
                        <a:extLst>
                          <a:ext uri="{FF2B5EF4-FFF2-40B4-BE49-F238E27FC236}">
                            <a16:creationId xmlns:a16="http://schemas.microsoft.com/office/drawing/2014/main" id="{5BBCDF05-A6D7-BE99-8AE8-D31B628585E7}"/>
                          </a:ext>
                        </a:extLst>
                      </p:cNvPr>
                      <p:cNvPicPr>
                        <a:picLocks noChangeAspect="1" noChangeArrowheads="1"/>
                      </p:cNvPicPr>
                      <p:nvPr/>
                    </p:nvPicPr>
                    <p:blipFill>
                      <a:blip r:embed="rId4"/>
                      <a:srcRect/>
                      <a:stretch>
                        <a:fillRect/>
                      </a:stretch>
                    </p:blipFill>
                    <p:spPr bwMode="auto">
                      <a:xfrm>
                        <a:off x="787400" y="1511300"/>
                        <a:ext cx="6691313" cy="4376738"/>
                      </a:xfrm>
                      <a:prstGeom prst="rect">
                        <a:avLst/>
                      </a:prstGeom>
                      <a:solidFill>
                        <a:srgbClr val="FFFFFF"/>
                      </a:solidFill>
                      <a:ln>
                        <a:noFill/>
                      </a:ln>
                    </p:spPr>
                  </p:pic>
                </p:oleObj>
              </mc:Fallback>
            </mc:AlternateContent>
          </a:graphicData>
        </a:graphic>
      </p:graphicFrame>
      <p:sp>
        <p:nvSpPr>
          <p:cNvPr id="13" name="TextBox 12">
            <a:extLst>
              <a:ext uri="{FF2B5EF4-FFF2-40B4-BE49-F238E27FC236}">
                <a16:creationId xmlns:a16="http://schemas.microsoft.com/office/drawing/2014/main" id="{F75A9382-8FE8-65FA-4194-74D3AAA944F7}"/>
              </a:ext>
            </a:extLst>
          </p:cNvPr>
          <p:cNvSpPr txBox="1"/>
          <p:nvPr/>
        </p:nvSpPr>
        <p:spPr>
          <a:xfrm>
            <a:off x="644746" y="969424"/>
            <a:ext cx="4892040" cy="523220"/>
          </a:xfrm>
          <a:prstGeom prst="rect">
            <a:avLst/>
          </a:prstGeom>
          <a:solidFill>
            <a:schemeClr val="bg1"/>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Consumer Price Index 12-Month Percent Change</a:t>
            </a:r>
          </a:p>
        </p:txBody>
      </p:sp>
      <p:sp>
        <p:nvSpPr>
          <p:cNvPr id="16" name="TextBox 15">
            <a:extLst>
              <a:ext uri="{FF2B5EF4-FFF2-40B4-BE49-F238E27FC236}">
                <a16:creationId xmlns:a16="http://schemas.microsoft.com/office/drawing/2014/main" id="{FC30064E-EDC9-FF20-D9FE-3CCC11723595}"/>
              </a:ext>
            </a:extLst>
          </p:cNvPr>
          <p:cNvSpPr txBox="1"/>
          <p:nvPr/>
        </p:nvSpPr>
        <p:spPr>
          <a:xfrm>
            <a:off x="8058323" y="2844224"/>
            <a:ext cx="3009894" cy="1569660"/>
          </a:xfrm>
          <a:prstGeom prst="rect">
            <a:avLst/>
          </a:prstGeom>
          <a:solidFill>
            <a:srgbClr val="56849B"/>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Goods price increases are already well below the Federal Reserve’s target of 2%, but services price increases remain well above.</a:t>
            </a:r>
          </a:p>
        </p:txBody>
      </p:sp>
      <p:sp>
        <p:nvSpPr>
          <p:cNvPr id="7" name="Title 3">
            <a:extLst>
              <a:ext uri="{FF2B5EF4-FFF2-40B4-BE49-F238E27FC236}">
                <a16:creationId xmlns:a16="http://schemas.microsoft.com/office/drawing/2014/main" id="{B177BEFD-2FEE-43E0-D50A-720148CA71A1}"/>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Inflation Falling But Some Prices Remain Sticky</a:t>
            </a:r>
          </a:p>
        </p:txBody>
      </p:sp>
      <p:sp>
        <p:nvSpPr>
          <p:cNvPr id="3" name="TextBox 2">
            <a:extLst>
              <a:ext uri="{FF2B5EF4-FFF2-40B4-BE49-F238E27FC236}">
                <a16:creationId xmlns:a16="http://schemas.microsoft.com/office/drawing/2014/main" id="{0C4E7932-D662-FDDA-6C38-41FA6820C6C9}"/>
              </a:ext>
            </a:extLst>
          </p:cNvPr>
          <p:cNvSpPr txBox="1"/>
          <p:nvPr/>
        </p:nvSpPr>
        <p:spPr>
          <a:xfrm rot="16200000">
            <a:off x="-203683" y="3252836"/>
            <a:ext cx="1960449"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a:solidFill>
                  <a:srgbClr val="000000"/>
                </a:solidFill>
                <a:latin typeface="Verdana"/>
              </a:rPr>
              <a:t>12-Month Change (%)</a:t>
            </a:r>
            <a:endParaRPr kumimoji="0" lang="en-US" sz="1200" b="0" i="0" u="none" strike="noStrike" kern="1200" cap="none" spc="0" normalizeH="0" baseline="0" noProof="0">
              <a:ln>
                <a:noFill/>
              </a:ln>
              <a:solidFill>
                <a:srgbClr val="000000"/>
              </a:solidFill>
              <a:effectLst/>
              <a:uLnTx/>
              <a:uFillTx/>
              <a:latin typeface="Verdana"/>
              <a:ea typeface="+mn-ea"/>
              <a:cs typeface="+mn-cs"/>
            </a:endParaRPr>
          </a:p>
        </p:txBody>
      </p:sp>
    </p:spTree>
    <p:extLst>
      <p:ext uri="{BB962C8B-B14F-4D97-AF65-F5344CB8AC3E}">
        <p14:creationId xmlns:p14="http://schemas.microsoft.com/office/powerpoint/2010/main" val="241789331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Slide Number Placeholder 5">
            <a:extLst>
              <a:ext uri="{FF2B5EF4-FFF2-40B4-BE49-F238E27FC236}">
                <a16:creationId xmlns:a16="http://schemas.microsoft.com/office/drawing/2014/main" id="{0CA11929-4174-4CA8-ACE4-E9B25403C62B}"/>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2</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23" name="Star: 4 Points 22">
            <a:extLst>
              <a:ext uri="{FF2B5EF4-FFF2-40B4-BE49-F238E27FC236}">
                <a16:creationId xmlns:a16="http://schemas.microsoft.com/office/drawing/2014/main" id="{C29BDF6F-3275-4BD4-A7A4-B32A0E0F0BA8}"/>
              </a:ext>
            </a:extLst>
          </p:cNvPr>
          <p:cNvSpPr/>
          <p:nvPr/>
        </p:nvSpPr>
        <p:spPr>
          <a:xfrm>
            <a:off x="738664" y="4127748"/>
            <a:ext cx="701335" cy="656948"/>
          </a:xfrm>
          <a:prstGeom prst="star4">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FFFFFF"/>
              </a:solidFill>
              <a:effectLst/>
              <a:uLnTx/>
              <a:uFillTx/>
              <a:latin typeface="Verdana"/>
              <a:ea typeface="+mn-ea"/>
              <a:cs typeface="+mn-cs"/>
            </a:endParaRPr>
          </a:p>
        </p:txBody>
      </p:sp>
      <p:sp>
        <p:nvSpPr>
          <p:cNvPr id="25" name="TextBox 24">
            <a:extLst>
              <a:ext uri="{FF2B5EF4-FFF2-40B4-BE49-F238E27FC236}">
                <a16:creationId xmlns:a16="http://schemas.microsoft.com/office/drawing/2014/main" id="{8CB50A10-8EE0-4C83-9C7E-B06DDD749682}"/>
              </a:ext>
            </a:extLst>
          </p:cNvPr>
          <p:cNvSpPr txBox="1"/>
          <p:nvPr/>
        </p:nvSpPr>
        <p:spPr>
          <a:xfrm>
            <a:off x="2045617" y="6287243"/>
            <a:ext cx="8748074" cy="3693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a:ea typeface="Verdana"/>
                <a:cs typeface="+mn-cs"/>
              </a:rPr>
              <a:t>Forward looking projections may not come to pass.</a:t>
            </a:r>
            <a:br>
              <a:rPr kumimoji="0" lang="en-US" sz="900" b="0" i="0" u="none" strike="noStrike" kern="1200" cap="none" spc="0" normalizeH="0" baseline="0" noProof="0">
                <a:ln>
                  <a:noFill/>
                </a:ln>
                <a:solidFill>
                  <a:srgbClr val="000000"/>
                </a:solidFill>
                <a:effectLst/>
                <a:uLnTx/>
                <a:uFillTx/>
                <a:latin typeface="Verdana"/>
                <a:ea typeface="Verdana"/>
                <a:cs typeface="+mn-cs"/>
              </a:rPr>
            </a:b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Source: Kestra Investment Management, Institute For Supply Management and FactSet​. Data as of September </a:t>
            </a:r>
            <a:r>
              <a:rPr lang="en-US" sz="900">
                <a:solidFill>
                  <a:srgbClr val="000000"/>
                </a:solidFill>
                <a:latin typeface="Verdana" panose="020B0604030504040204" pitchFamily="34" charset="0"/>
              </a:rPr>
              <a:t>30</a:t>
            </a: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 2023.</a:t>
            </a:r>
            <a:endParaRPr kumimoji="0" lang="en-US" sz="900" b="1" i="0" u="none" strike="noStrike" kern="1200" cap="none" spc="0" normalizeH="0" baseline="0" noProof="0">
              <a:ln>
                <a:noFill/>
              </a:ln>
              <a:solidFill>
                <a:srgbClr val="000000"/>
              </a:solidFill>
              <a:effectLst/>
              <a:uLnTx/>
              <a:uFillTx/>
              <a:latin typeface="Verdana"/>
              <a:ea typeface="+mn-ea"/>
              <a:cs typeface="+mn-cs"/>
            </a:endParaRPr>
          </a:p>
        </p:txBody>
      </p:sp>
      <p:sp>
        <p:nvSpPr>
          <p:cNvPr id="17" name="TextBox 16">
            <a:extLst>
              <a:ext uri="{FF2B5EF4-FFF2-40B4-BE49-F238E27FC236}">
                <a16:creationId xmlns:a16="http://schemas.microsoft.com/office/drawing/2014/main" id="{9E7E189D-BD65-C629-22E4-5ED2A02012FC}"/>
              </a:ext>
            </a:extLst>
          </p:cNvPr>
          <p:cNvSpPr txBox="1"/>
          <p:nvPr/>
        </p:nvSpPr>
        <p:spPr>
          <a:xfrm rot="10800000" flipV="1">
            <a:off x="2328487" y="5368660"/>
            <a:ext cx="7535027" cy="830997"/>
          </a:xfrm>
          <a:prstGeom prst="rect">
            <a:avLst/>
          </a:prstGeom>
          <a:solidFill>
            <a:srgbClr val="56849B"/>
          </a:solid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ISM Manufacturing Index remains below 50, which indicates contraction. Its companion index, ISM Services, has also weakened, but remains in expansion territory.</a:t>
            </a:r>
            <a:endParaRPr kumimoji="0" lang="en-US" sz="2000" b="0" i="0" u="none" strike="noStrike" kern="1200" cap="none" spc="0" normalizeH="0" baseline="0" noProof="0">
              <a:ln>
                <a:noFill/>
              </a:ln>
              <a:solidFill>
                <a:srgbClr val="FFFFFF"/>
              </a:solidFill>
              <a:effectLst/>
              <a:uLnTx/>
              <a:uFillTx/>
              <a:latin typeface="Verdana"/>
              <a:ea typeface="+mn-ea"/>
              <a:cs typeface="+mn-cs"/>
            </a:endParaRPr>
          </a:p>
        </p:txBody>
      </p:sp>
      <p:sp>
        <p:nvSpPr>
          <p:cNvPr id="10" name="TextBox 9">
            <a:extLst>
              <a:ext uri="{FF2B5EF4-FFF2-40B4-BE49-F238E27FC236}">
                <a16:creationId xmlns:a16="http://schemas.microsoft.com/office/drawing/2014/main" id="{354145F0-9A23-B322-9844-2FCFD5A1362E}"/>
              </a:ext>
            </a:extLst>
          </p:cNvPr>
          <p:cNvSpPr txBox="1"/>
          <p:nvPr/>
        </p:nvSpPr>
        <p:spPr>
          <a:xfrm>
            <a:off x="1130808" y="1070459"/>
            <a:ext cx="4706073" cy="492443"/>
          </a:xfrm>
          <a:prstGeom prst="rect">
            <a:avLst/>
          </a:prstGeom>
          <a:solidFill>
            <a:schemeClr val="bg1"/>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ISM Manufacturing and Services Indexe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a:ln>
                <a:noFill/>
              </a:ln>
              <a:solidFill>
                <a:srgbClr val="000000"/>
              </a:solidFill>
              <a:effectLst/>
              <a:uLnTx/>
              <a:uFillTx/>
              <a:latin typeface="Verdana"/>
              <a:ea typeface="+mn-ea"/>
              <a:cs typeface="+mn-cs"/>
            </a:endParaRPr>
          </a:p>
        </p:txBody>
      </p:sp>
      <p:sp>
        <p:nvSpPr>
          <p:cNvPr id="5" name="TextBox 4">
            <a:extLst>
              <a:ext uri="{FF2B5EF4-FFF2-40B4-BE49-F238E27FC236}">
                <a16:creationId xmlns:a16="http://schemas.microsoft.com/office/drawing/2014/main" id="{5B4ED2CF-0471-6FCE-50D7-62EE9D9FB5AE}"/>
              </a:ext>
            </a:extLst>
          </p:cNvPr>
          <p:cNvSpPr txBox="1"/>
          <p:nvPr/>
        </p:nvSpPr>
        <p:spPr>
          <a:xfrm rot="16200000" flipH="1">
            <a:off x="181298" y="2747520"/>
            <a:ext cx="1622021"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Index</a:t>
            </a:r>
          </a:p>
        </p:txBody>
      </p:sp>
      <p:graphicFrame>
        <p:nvGraphicFramePr>
          <p:cNvPr id="3" name="Chart 2">
            <a:extLst>
              <a:ext uri="{FF2B5EF4-FFF2-40B4-BE49-F238E27FC236}">
                <a16:creationId xmlns:a16="http://schemas.microsoft.com/office/drawing/2014/main" id="{00000000-0008-0000-0900-000002000000}"/>
              </a:ext>
            </a:extLst>
          </p:cNvPr>
          <p:cNvGraphicFramePr>
            <a:graphicFrameLocks/>
          </p:cNvGraphicFramePr>
          <p:nvPr/>
        </p:nvGraphicFramePr>
        <p:xfrm>
          <a:off x="1130808" y="1449981"/>
          <a:ext cx="9930384" cy="3813048"/>
        </p:xfrm>
        <a:graphic>
          <a:graphicData uri="http://schemas.openxmlformats.org/drawingml/2006/chart">
            <c:chart xmlns:c="http://schemas.openxmlformats.org/drawingml/2006/chart" xmlns:r="http://schemas.openxmlformats.org/officeDocument/2006/relationships" r:id="rId3"/>
          </a:graphicData>
        </a:graphic>
      </p:graphicFrame>
      <p:sp>
        <p:nvSpPr>
          <p:cNvPr id="7" name="Title 3">
            <a:extLst>
              <a:ext uri="{FF2B5EF4-FFF2-40B4-BE49-F238E27FC236}">
                <a16:creationId xmlns:a16="http://schemas.microsoft.com/office/drawing/2014/main" id="{E457D269-019A-CCF1-1CDA-8208D8DA8B03}"/>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Manufacturing Activity Bottoming</a:t>
            </a:r>
          </a:p>
        </p:txBody>
      </p:sp>
    </p:spTree>
    <p:extLst>
      <p:ext uri="{BB962C8B-B14F-4D97-AF65-F5344CB8AC3E}">
        <p14:creationId xmlns:p14="http://schemas.microsoft.com/office/powerpoint/2010/main" val="270783643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3" name="Chart 22">
            <a:extLst>
              <a:ext uri="{FF2B5EF4-FFF2-40B4-BE49-F238E27FC236}">
                <a16:creationId xmlns:a16="http://schemas.microsoft.com/office/drawing/2014/main" id="{8BED021D-8DA5-2EF0-347C-A755CBFF8D0F}"/>
              </a:ext>
            </a:extLst>
          </p:cNvPr>
          <p:cNvGraphicFramePr>
            <a:graphicFrameLocks/>
          </p:cNvGraphicFramePr>
          <p:nvPr/>
        </p:nvGraphicFramePr>
        <p:xfrm>
          <a:off x="6292365" y="1753605"/>
          <a:ext cx="4892040" cy="3280439"/>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9" name="Chart 8">
            <a:extLst>
              <a:ext uri="{FF2B5EF4-FFF2-40B4-BE49-F238E27FC236}">
                <a16:creationId xmlns:a16="http://schemas.microsoft.com/office/drawing/2014/main" id="{00000000-0008-0000-5800-000002000000}"/>
              </a:ext>
            </a:extLst>
          </p:cNvPr>
          <p:cNvGraphicFramePr>
            <a:graphicFrameLocks/>
          </p:cNvGraphicFramePr>
          <p:nvPr/>
        </p:nvGraphicFramePr>
        <p:xfrm>
          <a:off x="776232" y="1707786"/>
          <a:ext cx="4892040" cy="3218688"/>
        </p:xfrm>
        <a:graphic>
          <a:graphicData uri="http://schemas.openxmlformats.org/drawingml/2006/chart">
            <c:chart xmlns:c="http://schemas.openxmlformats.org/drawingml/2006/chart" xmlns:r="http://schemas.openxmlformats.org/officeDocument/2006/relationships" r:id="rId4"/>
          </a:graphicData>
        </a:graphic>
      </p:graphicFrame>
      <p:sp>
        <p:nvSpPr>
          <p:cNvPr id="6" name="Slide Number Placeholder 5">
            <a:extLst>
              <a:ext uri="{FF2B5EF4-FFF2-40B4-BE49-F238E27FC236}">
                <a16:creationId xmlns:a16="http://schemas.microsoft.com/office/drawing/2014/main" id="{58C56678-43E4-44C6-BA55-E91BB5B56FD2}"/>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13" name="TextBox 12">
            <a:extLst>
              <a:ext uri="{FF2B5EF4-FFF2-40B4-BE49-F238E27FC236}">
                <a16:creationId xmlns:a16="http://schemas.microsoft.com/office/drawing/2014/main" id="{BA1F1252-465E-E549-0657-0404ED4EF6C3}"/>
              </a:ext>
            </a:extLst>
          </p:cNvPr>
          <p:cNvSpPr txBox="1"/>
          <p:nvPr/>
        </p:nvSpPr>
        <p:spPr>
          <a:xfrm>
            <a:off x="2003262" y="6319486"/>
            <a:ext cx="8938161" cy="3693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Source: Kestra Investment Management, U.S. Bureau of Economic Analysis, Conference Board U.S. with data from FactSet and Federal Reserve monthly G.19 report on consumer credit. Data as of September </a:t>
            </a:r>
            <a:r>
              <a:rPr lang="en-US" sz="900">
                <a:solidFill>
                  <a:srgbClr val="000000"/>
                </a:solidFill>
                <a:latin typeface="Verdana" panose="020B0604030504040204" pitchFamily="34" charset="0"/>
              </a:rPr>
              <a:t>30</a:t>
            </a: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 2023.</a:t>
            </a:r>
            <a:endParaRPr kumimoji="0" lang="en-US" sz="900" b="1" i="0" u="none" strike="noStrike" kern="1200" cap="none" spc="0" normalizeH="0" baseline="0" noProof="0">
              <a:ln>
                <a:noFill/>
              </a:ln>
              <a:solidFill>
                <a:srgbClr val="000000"/>
              </a:solidFill>
              <a:effectLst/>
              <a:uLnTx/>
              <a:uFillTx/>
              <a:latin typeface="Verdana"/>
              <a:ea typeface="+mn-ea"/>
              <a:cs typeface="+mn-cs"/>
            </a:endParaRPr>
          </a:p>
        </p:txBody>
      </p:sp>
      <p:sp>
        <p:nvSpPr>
          <p:cNvPr id="20" name="TextBox 19">
            <a:extLst>
              <a:ext uri="{FF2B5EF4-FFF2-40B4-BE49-F238E27FC236}">
                <a16:creationId xmlns:a16="http://schemas.microsoft.com/office/drawing/2014/main" id="{E11A5674-DADF-CD05-C600-2ACE373EBF79}"/>
              </a:ext>
            </a:extLst>
          </p:cNvPr>
          <p:cNvSpPr txBox="1"/>
          <p:nvPr/>
        </p:nvSpPr>
        <p:spPr>
          <a:xfrm>
            <a:off x="776232" y="4997605"/>
            <a:ext cx="5014700" cy="830997"/>
          </a:xfrm>
          <a:prstGeom prst="rect">
            <a:avLst/>
          </a:prstGeom>
          <a:solidFill>
            <a:srgbClr val="56849B"/>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After dropping in 2020 and 2021, credit usage is back to new highs as Americans ramp up spending and cope with higher prices</a:t>
            </a:r>
          </a:p>
        </p:txBody>
      </p:sp>
      <p:sp>
        <p:nvSpPr>
          <p:cNvPr id="5" name="TextBox 4">
            <a:extLst>
              <a:ext uri="{FF2B5EF4-FFF2-40B4-BE49-F238E27FC236}">
                <a16:creationId xmlns:a16="http://schemas.microsoft.com/office/drawing/2014/main" id="{5EE3107D-1F68-25D2-B223-6CED795CB84F}"/>
              </a:ext>
            </a:extLst>
          </p:cNvPr>
          <p:cNvSpPr txBox="1"/>
          <p:nvPr/>
        </p:nvSpPr>
        <p:spPr>
          <a:xfrm>
            <a:off x="633046" y="1185786"/>
            <a:ext cx="5414319"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202020"/>
                </a:solidFill>
                <a:effectLst/>
                <a:uLnTx/>
                <a:uFillTx/>
                <a:latin typeface="Arial" panose="020B0604020202020204" pitchFamily="34" charset="0"/>
                <a:ea typeface="Calibri" panose="020F0502020204030204" pitchFamily="34" charset="0"/>
                <a:cs typeface="+mn-cs"/>
              </a:rPr>
              <a:t>Household Debt Balance, Credit Cards</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sp>
        <p:nvSpPr>
          <p:cNvPr id="7" name="TextBox 6">
            <a:extLst>
              <a:ext uri="{FF2B5EF4-FFF2-40B4-BE49-F238E27FC236}">
                <a16:creationId xmlns:a16="http://schemas.microsoft.com/office/drawing/2014/main" id="{16E3BAAD-BAD8-8061-3FF6-20E7AAA8CA66}"/>
              </a:ext>
            </a:extLst>
          </p:cNvPr>
          <p:cNvSpPr txBox="1"/>
          <p:nvPr/>
        </p:nvSpPr>
        <p:spPr>
          <a:xfrm>
            <a:off x="6322273" y="5019871"/>
            <a:ext cx="4754446" cy="830997"/>
          </a:xfrm>
          <a:prstGeom prst="rect">
            <a:avLst/>
          </a:prstGeom>
          <a:solidFill>
            <a:srgbClr val="56849B"/>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Interest rates on credit cards have increased substantially, leading to higher delinquency rates</a:t>
            </a:r>
          </a:p>
        </p:txBody>
      </p:sp>
      <p:sp>
        <p:nvSpPr>
          <p:cNvPr id="3" name="TextBox 2">
            <a:extLst>
              <a:ext uri="{FF2B5EF4-FFF2-40B4-BE49-F238E27FC236}">
                <a16:creationId xmlns:a16="http://schemas.microsoft.com/office/drawing/2014/main" id="{E688264F-8CD2-3144-E198-1915B9224B3F}"/>
              </a:ext>
            </a:extLst>
          </p:cNvPr>
          <p:cNvSpPr txBox="1"/>
          <p:nvPr/>
        </p:nvSpPr>
        <p:spPr>
          <a:xfrm rot="16200000">
            <a:off x="5331130" y="2755815"/>
            <a:ext cx="1622021" cy="276999"/>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Interest Rate (%)</a:t>
            </a:r>
          </a:p>
        </p:txBody>
      </p:sp>
      <p:sp>
        <p:nvSpPr>
          <p:cNvPr id="10" name="TextBox 9">
            <a:extLst>
              <a:ext uri="{FF2B5EF4-FFF2-40B4-BE49-F238E27FC236}">
                <a16:creationId xmlns:a16="http://schemas.microsoft.com/office/drawing/2014/main" id="{A027F4F2-4862-151F-5043-3E8DEBF3E877}"/>
              </a:ext>
            </a:extLst>
          </p:cNvPr>
          <p:cNvSpPr txBox="1"/>
          <p:nvPr/>
        </p:nvSpPr>
        <p:spPr>
          <a:xfrm>
            <a:off x="6142140" y="1218301"/>
            <a:ext cx="5414319" cy="52322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202020"/>
                </a:solidFill>
                <a:effectLst/>
                <a:uLnTx/>
                <a:uFillTx/>
                <a:latin typeface="Arial" panose="020B0604020202020204" pitchFamily="34" charset="0"/>
                <a:ea typeface="Calibri" panose="020F0502020204030204" pitchFamily="34" charset="0"/>
                <a:cs typeface="+mn-cs"/>
              </a:rPr>
              <a:t>Average Interest Rate for All Credit Card Accounts, 1994 to Present</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sp>
        <p:nvSpPr>
          <p:cNvPr id="19" name="TextBox 18">
            <a:extLst>
              <a:ext uri="{FF2B5EF4-FFF2-40B4-BE49-F238E27FC236}">
                <a16:creationId xmlns:a16="http://schemas.microsoft.com/office/drawing/2014/main" id="{A816D10D-D9D9-56CF-D3F8-277BB6D9C8C2}"/>
              </a:ext>
            </a:extLst>
          </p:cNvPr>
          <p:cNvSpPr txBox="1"/>
          <p:nvPr/>
        </p:nvSpPr>
        <p:spPr>
          <a:xfrm rot="16200000">
            <a:off x="-173278" y="2957014"/>
            <a:ext cx="1622021" cy="276999"/>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Trillions ($)</a:t>
            </a:r>
          </a:p>
        </p:txBody>
      </p:sp>
      <p:cxnSp>
        <p:nvCxnSpPr>
          <p:cNvPr id="8" name="Straight Arrow Connector 7">
            <a:extLst>
              <a:ext uri="{FF2B5EF4-FFF2-40B4-BE49-F238E27FC236}">
                <a16:creationId xmlns:a16="http://schemas.microsoft.com/office/drawing/2014/main" id="{E0CC066F-FF62-0EFD-DB9D-1AEFD685F663}"/>
              </a:ext>
            </a:extLst>
          </p:cNvPr>
          <p:cNvCxnSpPr>
            <a:cxnSpLocks/>
          </p:cNvCxnSpPr>
          <p:nvPr/>
        </p:nvCxnSpPr>
        <p:spPr>
          <a:xfrm flipV="1">
            <a:off x="5324767" y="2333373"/>
            <a:ext cx="257556" cy="517664"/>
          </a:xfrm>
          <a:prstGeom prst="straightConnector1">
            <a:avLst/>
          </a:prstGeom>
          <a:ln w="15875">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7" name="Straight Arrow Connector 16">
            <a:extLst>
              <a:ext uri="{FF2B5EF4-FFF2-40B4-BE49-F238E27FC236}">
                <a16:creationId xmlns:a16="http://schemas.microsoft.com/office/drawing/2014/main" id="{74EF1AAB-B75B-1F43-95F9-09D024443D92}"/>
              </a:ext>
            </a:extLst>
          </p:cNvPr>
          <p:cNvCxnSpPr>
            <a:cxnSpLocks/>
          </p:cNvCxnSpPr>
          <p:nvPr/>
        </p:nvCxnSpPr>
        <p:spPr>
          <a:xfrm flipV="1">
            <a:off x="11029498" y="2366618"/>
            <a:ext cx="166632" cy="1262450"/>
          </a:xfrm>
          <a:prstGeom prst="straightConnector1">
            <a:avLst/>
          </a:prstGeom>
          <a:ln w="15875">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25" name="Title 3">
            <a:extLst>
              <a:ext uri="{FF2B5EF4-FFF2-40B4-BE49-F238E27FC236}">
                <a16:creationId xmlns:a16="http://schemas.microsoft.com/office/drawing/2014/main" id="{2615E4E9-09FA-2C6C-2486-544CF0C33127}"/>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Consumers: Feeling the Pinch of Higher Rates</a:t>
            </a:r>
          </a:p>
        </p:txBody>
      </p:sp>
    </p:spTree>
    <p:extLst>
      <p:ext uri="{BB962C8B-B14F-4D97-AF65-F5344CB8AC3E}">
        <p14:creationId xmlns:p14="http://schemas.microsoft.com/office/powerpoint/2010/main" val="109793582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4">
            <a:extLst>
              <a:ext uri="{FF2B5EF4-FFF2-40B4-BE49-F238E27FC236}">
                <a16:creationId xmlns:a16="http://schemas.microsoft.com/office/drawing/2014/main" id="{6C868DA7-15F7-EFCE-F0FF-1F27CD49EDEC}"/>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7" name="TextBox 6">
            <a:extLst>
              <a:ext uri="{FF2B5EF4-FFF2-40B4-BE49-F238E27FC236}">
                <a16:creationId xmlns:a16="http://schemas.microsoft.com/office/drawing/2014/main" id="{409ABD79-78BF-4D92-BC84-A75AC0B2D16C}"/>
              </a:ext>
            </a:extLst>
          </p:cNvPr>
          <p:cNvSpPr txBox="1"/>
          <p:nvPr/>
        </p:nvSpPr>
        <p:spPr>
          <a:xfrm>
            <a:off x="870363" y="1303050"/>
            <a:ext cx="5414319"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202020"/>
                </a:solidFill>
                <a:effectLst/>
                <a:uLnTx/>
                <a:uFillTx/>
                <a:latin typeface="Arial" panose="020B0604020202020204" pitchFamily="34" charset="0"/>
                <a:ea typeface="Calibri" panose="020F0502020204030204" pitchFamily="34" charset="0"/>
                <a:cs typeface="+mn-cs"/>
              </a:rPr>
              <a:t>U.S. 30-Year Fixed Rate Mortgage Average</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sp>
        <p:nvSpPr>
          <p:cNvPr id="8" name="TextBox 7">
            <a:extLst>
              <a:ext uri="{FF2B5EF4-FFF2-40B4-BE49-F238E27FC236}">
                <a16:creationId xmlns:a16="http://schemas.microsoft.com/office/drawing/2014/main" id="{0C5A83A5-4147-DD82-AC09-4CCB2541770C}"/>
              </a:ext>
            </a:extLst>
          </p:cNvPr>
          <p:cNvSpPr txBox="1"/>
          <p:nvPr/>
        </p:nvSpPr>
        <p:spPr>
          <a:xfrm>
            <a:off x="2003262" y="6319486"/>
            <a:ext cx="8938161"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Source: Kestra Investment Management, Freddie Mac with data from </a:t>
            </a:r>
            <a:r>
              <a:rPr lang="en-US" sz="900">
                <a:solidFill>
                  <a:srgbClr val="000000"/>
                </a:solidFill>
                <a:latin typeface="Verdana" panose="020B0604030504040204" pitchFamily="34" charset="0"/>
              </a:rPr>
              <a:t>Federal Reserve Bank of St. Louis</a:t>
            </a: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 Data as of </a:t>
            </a:r>
            <a:r>
              <a:rPr lang="en-US" sz="900">
                <a:solidFill>
                  <a:srgbClr val="000000"/>
                </a:solidFill>
                <a:latin typeface="Verdana" panose="020B0604030504040204" pitchFamily="34" charset="0"/>
              </a:rPr>
              <a:t>October</a:t>
            </a: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 5, 2023.</a:t>
            </a:r>
            <a:endParaRPr kumimoji="0" lang="en-US" sz="900" b="1" i="0" u="none" strike="noStrike" kern="1200" cap="none" spc="0" normalizeH="0" baseline="0" noProof="0">
              <a:ln>
                <a:noFill/>
              </a:ln>
              <a:solidFill>
                <a:srgbClr val="000000"/>
              </a:solidFill>
              <a:effectLst/>
              <a:uLnTx/>
              <a:uFillTx/>
              <a:latin typeface="Verdana"/>
              <a:ea typeface="+mn-ea"/>
              <a:cs typeface="+mn-cs"/>
            </a:endParaRPr>
          </a:p>
        </p:txBody>
      </p:sp>
      <p:sp>
        <p:nvSpPr>
          <p:cNvPr id="10" name="TextBox 9">
            <a:extLst>
              <a:ext uri="{FF2B5EF4-FFF2-40B4-BE49-F238E27FC236}">
                <a16:creationId xmlns:a16="http://schemas.microsoft.com/office/drawing/2014/main" id="{608B89B4-F626-74CF-A119-05020616E7F0}"/>
              </a:ext>
            </a:extLst>
          </p:cNvPr>
          <p:cNvSpPr txBox="1"/>
          <p:nvPr/>
        </p:nvSpPr>
        <p:spPr>
          <a:xfrm rot="16200000">
            <a:off x="-369238" y="3290501"/>
            <a:ext cx="2322968" cy="276999"/>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Rate (%)</a:t>
            </a:r>
          </a:p>
        </p:txBody>
      </p:sp>
      <p:sp>
        <p:nvSpPr>
          <p:cNvPr id="11" name="Rectangle 10">
            <a:extLst>
              <a:ext uri="{FF2B5EF4-FFF2-40B4-BE49-F238E27FC236}">
                <a16:creationId xmlns:a16="http://schemas.microsoft.com/office/drawing/2014/main" id="{905417D5-3A83-4C8D-AD81-CFE0E87678E9}"/>
              </a:ext>
            </a:extLst>
          </p:cNvPr>
          <p:cNvSpPr>
            <a:spLocks noChangeAspect="1"/>
          </p:cNvSpPr>
          <p:nvPr/>
        </p:nvSpPr>
        <p:spPr>
          <a:xfrm>
            <a:off x="8221194" y="3222170"/>
            <a:ext cx="3135511" cy="1384263"/>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R="0" lvl="0" algn="l" defTabSz="914400" rtl="0" eaLnBrk="1" fontAlgn="auto" latinLnBrk="0" hangingPunct="1">
              <a:lnSpc>
                <a:spcPct val="100000"/>
              </a:lnSpc>
              <a:spcBef>
                <a:spcPts val="0"/>
              </a:spcBef>
              <a:spcAft>
                <a:spcPts val="0"/>
              </a:spcAft>
              <a:buClrTx/>
              <a:buSzTx/>
              <a:tabLst/>
              <a:defRPr/>
            </a:pPr>
            <a:r>
              <a:rPr lang="en-US" sz="1600">
                <a:solidFill>
                  <a:srgbClr val="FFFFFF"/>
                </a:solidFill>
                <a:latin typeface="Verdana"/>
              </a:rPr>
              <a:t>The average rate on a 30-year fixed mortgage crossed above 7%. The last time rates were this high was in December 2000.</a:t>
            </a:r>
            <a:endParaRPr kumimoji="0" lang="en-US" sz="1600" b="0" i="0" u="none" strike="noStrike" kern="1200" cap="none" spc="0" normalizeH="0" baseline="0" noProof="0">
              <a:ln>
                <a:noFill/>
              </a:ln>
              <a:solidFill>
                <a:srgbClr val="FFFFFF"/>
              </a:solidFill>
              <a:effectLst/>
              <a:uLnTx/>
              <a:uFillTx/>
              <a:latin typeface="Verdana"/>
              <a:ea typeface="+mn-ea"/>
              <a:cs typeface="+mn-cs"/>
            </a:endParaRPr>
          </a:p>
        </p:txBody>
      </p:sp>
      <p:sp>
        <p:nvSpPr>
          <p:cNvPr id="13" name="Title 3">
            <a:extLst>
              <a:ext uri="{FF2B5EF4-FFF2-40B4-BE49-F238E27FC236}">
                <a16:creationId xmlns:a16="http://schemas.microsoft.com/office/drawing/2014/main" id="{77C22804-3AA7-D20F-1F8C-FCF91F61C308}"/>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Housing Market Remains Tight Despite Higher Interest Rates</a:t>
            </a:r>
          </a:p>
        </p:txBody>
      </p:sp>
      <p:graphicFrame>
        <p:nvGraphicFramePr>
          <p:cNvPr id="12" name="Chart 11">
            <a:extLst>
              <a:ext uri="{FF2B5EF4-FFF2-40B4-BE49-F238E27FC236}">
                <a16:creationId xmlns:a16="http://schemas.microsoft.com/office/drawing/2014/main" id="{C2FAC113-1B49-35F1-CCB0-B015E94CCF70}"/>
              </a:ext>
            </a:extLst>
          </p:cNvPr>
          <p:cNvGraphicFramePr>
            <a:graphicFrameLocks/>
          </p:cNvGraphicFramePr>
          <p:nvPr>
            <p:extLst>
              <p:ext uri="{D42A27DB-BD31-4B8C-83A1-F6EECF244321}">
                <p14:modId xmlns:p14="http://schemas.microsoft.com/office/powerpoint/2010/main" val="1819426161"/>
              </p:ext>
            </p:extLst>
          </p:nvPr>
        </p:nvGraphicFramePr>
        <p:xfrm>
          <a:off x="930746" y="1733195"/>
          <a:ext cx="7013448" cy="3849624"/>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333263871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4">
            <a:extLst>
              <a:ext uri="{FF2B5EF4-FFF2-40B4-BE49-F238E27FC236}">
                <a16:creationId xmlns:a16="http://schemas.microsoft.com/office/drawing/2014/main" id="{6C868DA7-15F7-EFCE-F0FF-1F27CD49EDEC}"/>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7" name="TextBox 6">
            <a:extLst>
              <a:ext uri="{FF2B5EF4-FFF2-40B4-BE49-F238E27FC236}">
                <a16:creationId xmlns:a16="http://schemas.microsoft.com/office/drawing/2014/main" id="{409ABD79-78BF-4D92-BC84-A75AC0B2D16C}"/>
              </a:ext>
            </a:extLst>
          </p:cNvPr>
          <p:cNvSpPr txBox="1"/>
          <p:nvPr/>
        </p:nvSpPr>
        <p:spPr>
          <a:xfrm>
            <a:off x="870363" y="1218212"/>
            <a:ext cx="5414319"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202020"/>
                </a:solidFill>
                <a:effectLst/>
                <a:uLnTx/>
                <a:uFillTx/>
                <a:latin typeface="Arial" panose="020B0604020202020204" pitchFamily="34" charset="0"/>
                <a:ea typeface="Calibri" panose="020F0502020204030204" pitchFamily="34" charset="0"/>
                <a:cs typeface="+mn-cs"/>
              </a:rPr>
              <a:t>Non-Farm Payrolls, Month-Over-Month Growth</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sp>
        <p:nvSpPr>
          <p:cNvPr id="8" name="TextBox 7">
            <a:extLst>
              <a:ext uri="{FF2B5EF4-FFF2-40B4-BE49-F238E27FC236}">
                <a16:creationId xmlns:a16="http://schemas.microsoft.com/office/drawing/2014/main" id="{0C5A83A5-4147-DD82-AC09-4CCB2541770C}"/>
              </a:ext>
            </a:extLst>
          </p:cNvPr>
          <p:cNvSpPr txBox="1"/>
          <p:nvPr/>
        </p:nvSpPr>
        <p:spPr>
          <a:xfrm>
            <a:off x="2003262" y="6319486"/>
            <a:ext cx="8938161"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Source: Kestra Investment Management, </a:t>
            </a:r>
            <a:r>
              <a:rPr lang="en-US" sz="900">
                <a:solidFill>
                  <a:srgbClr val="000000"/>
                </a:solidFill>
                <a:latin typeface="Verdana" panose="020B0604030504040204" pitchFamily="34" charset="0"/>
              </a:rPr>
              <a:t>US Bureau of Labor Statistics</a:t>
            </a: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 with data from FactSet. Data as of September </a:t>
            </a:r>
            <a:r>
              <a:rPr lang="en-US" sz="900">
                <a:solidFill>
                  <a:srgbClr val="000000"/>
                </a:solidFill>
                <a:latin typeface="Verdana" panose="020B0604030504040204" pitchFamily="34" charset="0"/>
              </a:rPr>
              <a:t>30</a:t>
            </a: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 2023.</a:t>
            </a:r>
            <a:endParaRPr kumimoji="0" lang="en-US" sz="900" b="1" i="0" u="none" strike="noStrike" kern="1200" cap="none" spc="0" normalizeH="0" baseline="0" noProof="0">
              <a:ln>
                <a:noFill/>
              </a:ln>
              <a:solidFill>
                <a:srgbClr val="000000"/>
              </a:solidFill>
              <a:effectLst/>
              <a:uLnTx/>
              <a:uFillTx/>
              <a:latin typeface="Verdana"/>
              <a:ea typeface="+mn-ea"/>
              <a:cs typeface="+mn-cs"/>
            </a:endParaRPr>
          </a:p>
        </p:txBody>
      </p:sp>
      <p:sp>
        <p:nvSpPr>
          <p:cNvPr id="10" name="TextBox 9">
            <a:extLst>
              <a:ext uri="{FF2B5EF4-FFF2-40B4-BE49-F238E27FC236}">
                <a16:creationId xmlns:a16="http://schemas.microsoft.com/office/drawing/2014/main" id="{608B89B4-F626-74CF-A119-05020616E7F0}"/>
              </a:ext>
            </a:extLst>
          </p:cNvPr>
          <p:cNvSpPr txBox="1"/>
          <p:nvPr/>
        </p:nvSpPr>
        <p:spPr>
          <a:xfrm rot="16200000">
            <a:off x="-296578" y="3191229"/>
            <a:ext cx="2322968" cy="276999"/>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 Thousands of Persons</a:t>
            </a:r>
          </a:p>
        </p:txBody>
      </p:sp>
      <p:sp>
        <p:nvSpPr>
          <p:cNvPr id="11" name="Rectangle 10">
            <a:extLst>
              <a:ext uri="{FF2B5EF4-FFF2-40B4-BE49-F238E27FC236}">
                <a16:creationId xmlns:a16="http://schemas.microsoft.com/office/drawing/2014/main" id="{905417D5-3A83-4C8D-AD81-CFE0E87678E9}"/>
              </a:ext>
            </a:extLst>
          </p:cNvPr>
          <p:cNvSpPr>
            <a:spLocks noChangeAspect="1"/>
          </p:cNvSpPr>
          <p:nvPr/>
        </p:nvSpPr>
        <p:spPr>
          <a:xfrm>
            <a:off x="8233851" y="2011680"/>
            <a:ext cx="3231743" cy="1964541"/>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R="0" lvl="0" algn="l" defTabSz="914400" rtl="0" eaLnBrk="1" fontAlgn="auto" latinLnBrk="0" hangingPunct="1">
              <a:lnSpc>
                <a:spcPct val="100000"/>
              </a:lnSpc>
              <a:spcBef>
                <a:spcPts val="0"/>
              </a:spcBef>
              <a:spcAft>
                <a:spcPts val="0"/>
              </a:spcAft>
              <a:buClrTx/>
              <a:buSzTx/>
              <a:tabLst/>
              <a:defRPr/>
            </a:pPr>
            <a:r>
              <a:rPr lang="en-US" sz="1600">
                <a:solidFill>
                  <a:srgbClr val="FFFFFF"/>
                </a:solidFill>
                <a:latin typeface="Verdana"/>
              </a:rPr>
              <a:t>Payrolls had been softening, providing the Federal Reserve cover to end its rate hiking spree. But the latest report suggests the labor market may be running hotter than hoped.</a:t>
            </a:r>
            <a:endParaRPr kumimoji="0" lang="en-US" sz="1600" b="0" i="0" u="none" strike="noStrike" kern="1200" cap="none" spc="0" normalizeH="0" baseline="0" noProof="0">
              <a:ln>
                <a:noFill/>
              </a:ln>
              <a:solidFill>
                <a:srgbClr val="FFFFFF"/>
              </a:solidFill>
              <a:effectLst/>
              <a:uLnTx/>
              <a:uFillTx/>
              <a:latin typeface="Verdana"/>
              <a:ea typeface="+mn-ea"/>
              <a:cs typeface="+mn-cs"/>
            </a:endParaRPr>
          </a:p>
        </p:txBody>
      </p:sp>
      <p:sp>
        <p:nvSpPr>
          <p:cNvPr id="6" name="Title 3">
            <a:extLst>
              <a:ext uri="{FF2B5EF4-FFF2-40B4-BE49-F238E27FC236}">
                <a16:creationId xmlns:a16="http://schemas.microsoft.com/office/drawing/2014/main" id="{1FCB4432-3A9B-658B-6C85-DDD4E2F08426}"/>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Labor Market Remains Tight</a:t>
            </a:r>
          </a:p>
        </p:txBody>
      </p:sp>
      <p:graphicFrame>
        <p:nvGraphicFramePr>
          <p:cNvPr id="4" name="Chart 3">
            <a:extLst>
              <a:ext uri="{FF2B5EF4-FFF2-40B4-BE49-F238E27FC236}">
                <a16:creationId xmlns:a16="http://schemas.microsoft.com/office/drawing/2014/main" id="{0D063A39-83C2-D4DC-A0EF-7BC6298360FB}"/>
              </a:ext>
            </a:extLst>
          </p:cNvPr>
          <p:cNvGraphicFramePr>
            <a:graphicFrameLocks/>
          </p:cNvGraphicFramePr>
          <p:nvPr>
            <p:extLst>
              <p:ext uri="{D42A27DB-BD31-4B8C-83A1-F6EECF244321}">
                <p14:modId xmlns:p14="http://schemas.microsoft.com/office/powerpoint/2010/main" val="1161458565"/>
              </p:ext>
            </p:extLst>
          </p:nvPr>
        </p:nvGraphicFramePr>
        <p:xfrm>
          <a:off x="1003405" y="1784734"/>
          <a:ext cx="7013448" cy="3849624"/>
        </p:xfrm>
        <a:graphic>
          <a:graphicData uri="http://schemas.openxmlformats.org/drawingml/2006/chart">
            <c:chart xmlns:c="http://schemas.openxmlformats.org/drawingml/2006/chart" xmlns:r="http://schemas.openxmlformats.org/officeDocument/2006/relationships" r:id="rId3"/>
          </a:graphicData>
        </a:graphic>
      </p:graphicFrame>
      <p:cxnSp>
        <p:nvCxnSpPr>
          <p:cNvPr id="9" name="Straight Arrow Connector 8">
            <a:extLst>
              <a:ext uri="{FF2B5EF4-FFF2-40B4-BE49-F238E27FC236}">
                <a16:creationId xmlns:a16="http://schemas.microsoft.com/office/drawing/2014/main" id="{F40B84C9-9ADD-1828-FD47-14A987CE1D3B}"/>
              </a:ext>
            </a:extLst>
          </p:cNvPr>
          <p:cNvCxnSpPr>
            <a:cxnSpLocks/>
          </p:cNvCxnSpPr>
          <p:nvPr/>
        </p:nvCxnSpPr>
        <p:spPr>
          <a:xfrm flipV="1">
            <a:off x="6847706" y="3231682"/>
            <a:ext cx="337605" cy="394636"/>
          </a:xfrm>
          <a:prstGeom prst="straightConnector1">
            <a:avLst/>
          </a:prstGeom>
          <a:ln w="19050">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2" name="Straight Arrow Connector 11">
            <a:extLst>
              <a:ext uri="{FF2B5EF4-FFF2-40B4-BE49-F238E27FC236}">
                <a16:creationId xmlns:a16="http://schemas.microsoft.com/office/drawing/2014/main" id="{974891A0-0E0B-2BC8-6E0E-A83A1FD91C66}"/>
              </a:ext>
            </a:extLst>
          </p:cNvPr>
          <p:cNvCxnSpPr>
            <a:cxnSpLocks/>
          </p:cNvCxnSpPr>
          <p:nvPr/>
        </p:nvCxnSpPr>
        <p:spPr>
          <a:xfrm>
            <a:off x="5740368" y="3709546"/>
            <a:ext cx="1089980" cy="0"/>
          </a:xfrm>
          <a:prstGeom prst="straightConnector1">
            <a:avLst/>
          </a:prstGeom>
          <a:ln w="19050">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3979771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4">
            <a:extLst>
              <a:ext uri="{FF2B5EF4-FFF2-40B4-BE49-F238E27FC236}">
                <a16:creationId xmlns:a16="http://schemas.microsoft.com/office/drawing/2014/main" id="{6C868DA7-15F7-EFCE-F0FF-1F27CD49EDEC}"/>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8" name="TextBox 7">
            <a:extLst>
              <a:ext uri="{FF2B5EF4-FFF2-40B4-BE49-F238E27FC236}">
                <a16:creationId xmlns:a16="http://schemas.microsoft.com/office/drawing/2014/main" id="{0C5A83A5-4147-DD82-AC09-4CCB2541770C}"/>
              </a:ext>
            </a:extLst>
          </p:cNvPr>
          <p:cNvSpPr txBox="1"/>
          <p:nvPr/>
        </p:nvSpPr>
        <p:spPr>
          <a:xfrm>
            <a:off x="1626920" y="6319486"/>
            <a:ext cx="8938161"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Source: Bloomberg, Department of Labor. Data as of September</a:t>
            </a:r>
            <a:r>
              <a:rPr kumimoji="0" lang="en-US" sz="900" b="0" i="0" u="none" strike="noStrike" kern="1200" cap="none" spc="0" normalizeH="0" baseline="0" noProof="0">
                <a:ln>
                  <a:noFill/>
                </a:ln>
                <a:solidFill>
                  <a:srgbClr val="FF0000"/>
                </a:solidFill>
                <a:effectLst/>
                <a:uLnTx/>
                <a:uFillTx/>
                <a:latin typeface="Verdana" panose="020B0604030504040204" pitchFamily="34" charset="0"/>
                <a:ea typeface="+mn-ea"/>
                <a:cs typeface="+mn-cs"/>
              </a:rPr>
              <a:t> </a:t>
            </a:r>
            <a:r>
              <a:rPr kumimoji="0" lang="en-US" sz="900" b="0" i="0" u="none" strike="noStrike" kern="1200" cap="none" spc="0" normalizeH="0" baseline="0" noProof="0">
                <a:ln>
                  <a:noFill/>
                </a:ln>
                <a:solidFill>
                  <a:srgbClr val="000000"/>
                </a:solidFill>
                <a:effectLst/>
                <a:uLnTx/>
                <a:uFillTx/>
                <a:latin typeface="Verdana" panose="020B0604030504040204" pitchFamily="34" charset="0"/>
                <a:ea typeface="+mn-ea"/>
                <a:cs typeface="+mn-cs"/>
              </a:rPr>
              <a:t>2023.</a:t>
            </a:r>
            <a:endParaRPr kumimoji="0" lang="en-US" sz="900" b="1" i="0" u="none" strike="noStrike" kern="1200" cap="none" spc="0" normalizeH="0" baseline="0" noProof="0">
              <a:ln>
                <a:noFill/>
              </a:ln>
              <a:solidFill>
                <a:srgbClr val="000000"/>
              </a:solidFill>
              <a:effectLst/>
              <a:uLnTx/>
              <a:uFillTx/>
              <a:latin typeface="Verdana"/>
              <a:ea typeface="+mn-ea"/>
              <a:cs typeface="+mn-cs"/>
            </a:endParaRPr>
          </a:p>
        </p:txBody>
      </p:sp>
      <p:sp>
        <p:nvSpPr>
          <p:cNvPr id="10" name="TextBox 9">
            <a:extLst>
              <a:ext uri="{FF2B5EF4-FFF2-40B4-BE49-F238E27FC236}">
                <a16:creationId xmlns:a16="http://schemas.microsoft.com/office/drawing/2014/main" id="{608B89B4-F626-74CF-A119-05020616E7F0}"/>
              </a:ext>
            </a:extLst>
          </p:cNvPr>
          <p:cNvSpPr txBox="1"/>
          <p:nvPr/>
        </p:nvSpPr>
        <p:spPr>
          <a:xfrm rot="16200000">
            <a:off x="-818847" y="3437135"/>
            <a:ext cx="2603269" cy="276999"/>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Real Wages ($)</a:t>
            </a:r>
          </a:p>
        </p:txBody>
      </p:sp>
      <p:sp>
        <p:nvSpPr>
          <p:cNvPr id="11" name="Rectangle 10">
            <a:extLst>
              <a:ext uri="{FF2B5EF4-FFF2-40B4-BE49-F238E27FC236}">
                <a16:creationId xmlns:a16="http://schemas.microsoft.com/office/drawing/2014/main" id="{905417D5-3A83-4C8D-AD81-CFE0E87678E9}"/>
              </a:ext>
            </a:extLst>
          </p:cNvPr>
          <p:cNvSpPr>
            <a:spLocks noChangeAspect="1"/>
          </p:cNvSpPr>
          <p:nvPr/>
        </p:nvSpPr>
        <p:spPr>
          <a:xfrm>
            <a:off x="8228496" y="2405008"/>
            <a:ext cx="3715021" cy="2472261"/>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Auto worker wages, adjusted for inflation, have declined by 30% since 2003, though they remain higher than other private sector worker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1600" b="0" i="0" u="none" strike="noStrike" kern="1200" cap="none" spc="0" normalizeH="0" baseline="0" noProof="0">
              <a:ln>
                <a:noFill/>
              </a:ln>
              <a:solidFill>
                <a:srgbClr val="FFFFFF"/>
              </a:solidFill>
              <a:effectLst/>
              <a:uLnTx/>
              <a:uFillTx/>
              <a:latin typeface="Verdana"/>
              <a:ea typeface="+mn-ea"/>
              <a:cs typeface="+mn-c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Real wages for all private sector workers, on average, peaked in 2020</a:t>
            </a:r>
          </a:p>
        </p:txBody>
      </p:sp>
      <p:pic>
        <p:nvPicPr>
          <p:cNvPr id="2" name="Picture 1">
            <a:extLst>
              <a:ext uri="{FF2B5EF4-FFF2-40B4-BE49-F238E27FC236}">
                <a16:creationId xmlns:a16="http://schemas.microsoft.com/office/drawing/2014/main" id="{5960CD50-602D-106F-435F-1045BC087798}"/>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789615" y="2023736"/>
            <a:ext cx="6972009" cy="3018682"/>
          </a:xfrm>
          <a:prstGeom prst="rect">
            <a:avLst/>
          </a:prstGeom>
          <a:ln>
            <a:noFill/>
          </a:ln>
          <a:effectLst>
            <a:outerShdw blurRad="292100" dist="139700" dir="2700000" algn="tl" rotWithShape="0">
              <a:srgbClr val="333333">
                <a:alpha val="65000"/>
              </a:srgbClr>
            </a:outerShdw>
          </a:effectLst>
        </p:spPr>
      </p:pic>
      <p:sp>
        <p:nvSpPr>
          <p:cNvPr id="9" name="Title 3">
            <a:extLst>
              <a:ext uri="{FF2B5EF4-FFF2-40B4-BE49-F238E27FC236}">
                <a16:creationId xmlns:a16="http://schemas.microsoft.com/office/drawing/2014/main" id="{D859763C-53C8-8A42-E04D-E42295753899}"/>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Labor Market: UAW Strike Impacts</a:t>
            </a:r>
          </a:p>
        </p:txBody>
      </p:sp>
    </p:spTree>
    <p:extLst>
      <p:ext uri="{BB962C8B-B14F-4D97-AF65-F5344CB8AC3E}">
        <p14:creationId xmlns:p14="http://schemas.microsoft.com/office/powerpoint/2010/main" val="151998919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0224B10-DCEB-584C-9E7C-663478B8C922}"/>
              </a:ext>
            </a:extLst>
          </p:cNvPr>
          <p:cNvSpPr>
            <a:spLocks noGrp="1"/>
          </p:cNvSpPr>
          <p:nvPr>
            <p:ph type="title"/>
          </p:nvPr>
        </p:nvSpPr>
        <p:spPr>
          <a:xfrm>
            <a:off x="1315397" y="2225557"/>
            <a:ext cx="9561206" cy="1218509"/>
          </a:xfrm>
        </p:spPr>
        <p:txBody>
          <a:bodyPr/>
          <a:lstStyle/>
          <a:p>
            <a:r>
              <a:rPr lang="en-US">
                <a:latin typeface="Arial" panose="020B0604020202020204" pitchFamily="34" charset="0"/>
                <a:cs typeface="Arial" panose="020B0604020202020204" pitchFamily="34" charset="0"/>
              </a:rPr>
              <a:t>Stocks and Bonds</a:t>
            </a:r>
          </a:p>
        </p:txBody>
      </p:sp>
    </p:spTree>
    <p:extLst>
      <p:ext uri="{BB962C8B-B14F-4D97-AF65-F5344CB8AC3E}">
        <p14:creationId xmlns:p14="http://schemas.microsoft.com/office/powerpoint/2010/main" val="44943621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4">
            <a:extLst>
              <a:ext uri="{FF2B5EF4-FFF2-40B4-BE49-F238E27FC236}">
                <a16:creationId xmlns:a16="http://schemas.microsoft.com/office/drawing/2014/main" id="{B6D8BC2A-1427-4038-A884-191C14C22376}"/>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pic>
        <p:nvPicPr>
          <p:cNvPr id="2" name="Picture 8" descr="Cartoon of the Day: Washed Up - 08.22.2023 long beached whale position cartoon">
            <a:extLst>
              <a:ext uri="{FF2B5EF4-FFF2-40B4-BE49-F238E27FC236}">
                <a16:creationId xmlns:a16="http://schemas.microsoft.com/office/drawing/2014/main" id="{15CEADFB-EE13-F02F-889E-7E50C4121D3D}"/>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210200" y="1239999"/>
            <a:ext cx="7771601" cy="437800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974884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BAEDB80B-2D7A-2630-4A3D-FA90278D37E9}"/>
              </a:ext>
            </a:extLst>
          </p:cNvPr>
          <p:cNvSpPr>
            <a:spLocks noGrp="1"/>
          </p:cNvSpPr>
          <p:nvPr>
            <p:ph type="title"/>
          </p:nvPr>
        </p:nvSpPr>
        <p:spPr/>
        <p:txBody>
          <a:bodyPr/>
          <a:lstStyle/>
          <a:p>
            <a:r>
              <a:rPr lang="en-US"/>
              <a:t>Stock Market Run Fueled by Technology Innovations</a:t>
            </a:r>
          </a:p>
        </p:txBody>
      </p:sp>
      <p:sp>
        <p:nvSpPr>
          <p:cNvPr id="5" name="Slide Number Placeholder 4">
            <a:extLst>
              <a:ext uri="{FF2B5EF4-FFF2-40B4-BE49-F238E27FC236}">
                <a16:creationId xmlns:a16="http://schemas.microsoft.com/office/drawing/2014/main" id="{42B070AD-20E4-DB47-AE0C-1C2C80195A9E}"/>
              </a:ext>
            </a:extLst>
          </p:cNvPr>
          <p:cNvSpPr>
            <a:spLocks noGrp="1"/>
          </p:cNvSpPr>
          <p:nvPr>
            <p:ph type="sldNum" sz="quarter" idx="4"/>
          </p:nvPr>
        </p:nvSpPr>
        <p:spPr/>
        <p:txBody>
          <a:bodyPr/>
          <a:lstStyle/>
          <a:p>
            <a:fld id="{E92998B1-16BE-2C4D-8951-5952C4F26F4F}" type="slidenum">
              <a:rPr lang="en-US" smtClean="0"/>
              <a:pPr/>
              <a:t>19</a:t>
            </a:fld>
            <a:endParaRPr lang="en-US" b="1">
              <a:latin typeface="Avenir Heavy" panose="02000503020000020003" pitchFamily="2" charset="0"/>
            </a:endParaRPr>
          </a:p>
        </p:txBody>
      </p:sp>
      <p:sp>
        <p:nvSpPr>
          <p:cNvPr id="17" name="TextBox 16">
            <a:extLst>
              <a:ext uri="{FF2B5EF4-FFF2-40B4-BE49-F238E27FC236}">
                <a16:creationId xmlns:a16="http://schemas.microsoft.com/office/drawing/2014/main" id="{879F9BBC-668F-D243-5742-D24551862AF3}"/>
              </a:ext>
            </a:extLst>
          </p:cNvPr>
          <p:cNvSpPr txBox="1"/>
          <p:nvPr/>
        </p:nvSpPr>
        <p:spPr>
          <a:xfrm>
            <a:off x="1877300" y="5814703"/>
            <a:ext cx="9136499" cy="969496"/>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900"/>
              <a:t>NOTE: Values are indexed to 100. </a:t>
            </a:r>
            <a:r>
              <a:rPr kumimoji="0" lang="en-US" sz="900" b="1" i="0" u="none" strike="noStrike" kern="1200" cap="none" spc="0" normalizeH="0" baseline="0" noProof="0">
                <a:ln>
                  <a:noFill/>
                </a:ln>
                <a:solidFill>
                  <a:srgbClr val="000000"/>
                </a:solidFill>
                <a:effectLst/>
                <a:uLnTx/>
                <a:uFillTx/>
                <a:latin typeface="Verdana"/>
                <a:ea typeface="Verdan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Note: views are from a U.S. dollar perspective. This material represents an assessment of the market environment at a specific time and is not intended to be a forecast or guarantee of future results. Source: Kestra Investment Management with data from FactSet. Index proxies: S&amp;P 500, Russell 2000, and The Big 7 ( Apple, </a:t>
            </a:r>
            <a:r>
              <a:rPr lang="en-US" sz="900">
                <a:solidFill>
                  <a:srgbClr val="000000"/>
                </a:solidFill>
                <a:latin typeface="Verdana"/>
                <a:ea typeface="Verdana"/>
              </a:rPr>
              <a:t>Amazon, Alphabet, Microsoft, Meta, Nvidia and Tesla). </a:t>
            </a:r>
            <a:r>
              <a:rPr kumimoji="0" lang="en-US" sz="900" b="0" i="0" u="none" strike="noStrike" kern="1200" cap="none" spc="0" normalizeH="0" baseline="0" noProof="0">
                <a:ln>
                  <a:noFill/>
                </a:ln>
                <a:solidFill>
                  <a:srgbClr val="000000"/>
                </a:solidFill>
                <a:effectLst/>
                <a:uLnTx/>
                <a:uFillTx/>
                <a:latin typeface="Verdana"/>
                <a:ea typeface="Verdana"/>
                <a:cs typeface="+mn-cs"/>
              </a:rPr>
              <a:t>Data as of September 30, 2023. </a:t>
            </a:r>
          </a:p>
        </p:txBody>
      </p:sp>
      <p:grpSp>
        <p:nvGrpSpPr>
          <p:cNvPr id="20" name="Group 19">
            <a:extLst>
              <a:ext uri="{FF2B5EF4-FFF2-40B4-BE49-F238E27FC236}">
                <a16:creationId xmlns:a16="http://schemas.microsoft.com/office/drawing/2014/main" id="{D3E34DEE-25A6-D384-FBBB-4CAC8ADA139E}"/>
              </a:ext>
            </a:extLst>
          </p:cNvPr>
          <p:cNvGrpSpPr/>
          <p:nvPr/>
        </p:nvGrpSpPr>
        <p:grpSpPr>
          <a:xfrm>
            <a:off x="2420112" y="1425448"/>
            <a:ext cx="7351776" cy="4489704"/>
            <a:chOff x="2420112" y="1425448"/>
            <a:chExt cx="7351776" cy="4489704"/>
          </a:xfrm>
        </p:grpSpPr>
        <p:graphicFrame>
          <p:nvGraphicFramePr>
            <p:cNvPr id="6" name="Chart 5">
              <a:extLst>
                <a:ext uri="{FF2B5EF4-FFF2-40B4-BE49-F238E27FC236}">
                  <a16:creationId xmlns:a16="http://schemas.microsoft.com/office/drawing/2014/main" id="{EA4D01A6-E190-79C3-3CE5-8D6A594717A0}"/>
                </a:ext>
              </a:extLst>
            </p:cNvPr>
            <p:cNvGraphicFramePr>
              <a:graphicFrameLocks/>
            </p:cNvGraphicFramePr>
            <p:nvPr>
              <p:extLst>
                <p:ext uri="{D42A27DB-BD31-4B8C-83A1-F6EECF244321}">
                  <p14:modId xmlns:p14="http://schemas.microsoft.com/office/powerpoint/2010/main" val="2767942768"/>
                </p:ext>
              </p:extLst>
            </p:nvPr>
          </p:nvGraphicFramePr>
          <p:xfrm>
            <a:off x="2420112" y="1425448"/>
            <a:ext cx="7351776" cy="4489704"/>
          </p:xfrm>
          <a:graphic>
            <a:graphicData uri="http://schemas.openxmlformats.org/drawingml/2006/chart">
              <c:chart xmlns:c="http://schemas.openxmlformats.org/drawingml/2006/chart" xmlns:r="http://schemas.openxmlformats.org/officeDocument/2006/relationships" r:id="rId3"/>
            </a:graphicData>
          </a:graphic>
        </p:graphicFrame>
        <p:sp>
          <p:nvSpPr>
            <p:cNvPr id="7" name="Oval 6">
              <a:extLst>
                <a:ext uri="{FF2B5EF4-FFF2-40B4-BE49-F238E27FC236}">
                  <a16:creationId xmlns:a16="http://schemas.microsoft.com/office/drawing/2014/main" id="{EE965CA4-D2F0-45E2-3B31-6C400B05E531}"/>
                </a:ext>
              </a:extLst>
            </p:cNvPr>
            <p:cNvSpPr/>
            <p:nvPr/>
          </p:nvSpPr>
          <p:spPr>
            <a:xfrm>
              <a:off x="3799872" y="3339232"/>
              <a:ext cx="161213" cy="194315"/>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endParaRPr lang="en-US"/>
            </a:p>
          </p:txBody>
        </p:sp>
        <p:sp>
          <p:nvSpPr>
            <p:cNvPr id="9" name="TextBox 8">
              <a:extLst>
                <a:ext uri="{FF2B5EF4-FFF2-40B4-BE49-F238E27FC236}">
                  <a16:creationId xmlns:a16="http://schemas.microsoft.com/office/drawing/2014/main" id="{B7B465FA-726A-1037-85F3-16B7D9CEBD05}"/>
                </a:ext>
              </a:extLst>
            </p:cNvPr>
            <p:cNvSpPr txBox="1"/>
            <p:nvPr/>
          </p:nvSpPr>
          <p:spPr>
            <a:xfrm>
              <a:off x="3324674" y="2939122"/>
              <a:ext cx="981138" cy="400110"/>
            </a:xfrm>
            <a:prstGeom prst="rect">
              <a:avLst/>
            </a:prstGeom>
            <a:noFill/>
          </p:spPr>
          <p:txBody>
            <a:bodyPr wrap="square" rtlCol="0">
              <a:spAutoFit/>
            </a:bodyPr>
            <a:lstStyle/>
            <a:p>
              <a:pPr algn="ctr"/>
              <a:r>
                <a:rPr lang="en-US" sz="1000"/>
                <a:t>Bard unveil, February 6</a:t>
              </a:r>
            </a:p>
          </p:txBody>
        </p:sp>
        <p:sp>
          <p:nvSpPr>
            <p:cNvPr id="10" name="TextBox 9">
              <a:extLst>
                <a:ext uri="{FF2B5EF4-FFF2-40B4-BE49-F238E27FC236}">
                  <a16:creationId xmlns:a16="http://schemas.microsoft.com/office/drawing/2014/main" id="{EFF1AC6C-956D-A6B4-33CF-59DF9A6D056E}"/>
                </a:ext>
              </a:extLst>
            </p:cNvPr>
            <p:cNvSpPr txBox="1"/>
            <p:nvPr/>
          </p:nvSpPr>
          <p:spPr>
            <a:xfrm>
              <a:off x="4688691" y="3581421"/>
              <a:ext cx="944901" cy="553998"/>
            </a:xfrm>
            <a:prstGeom prst="rect">
              <a:avLst/>
            </a:prstGeom>
            <a:noFill/>
          </p:spPr>
          <p:txBody>
            <a:bodyPr wrap="square" rtlCol="0">
              <a:spAutoFit/>
            </a:bodyPr>
            <a:lstStyle/>
            <a:p>
              <a:pPr algn="ctr"/>
              <a:r>
                <a:rPr lang="en-US" sz="1000"/>
                <a:t>Chat GPT-4 released, </a:t>
              </a:r>
            </a:p>
            <a:p>
              <a:pPr algn="ctr"/>
              <a:r>
                <a:rPr lang="en-US" sz="1000"/>
                <a:t>March 13</a:t>
              </a:r>
            </a:p>
          </p:txBody>
        </p:sp>
        <p:sp>
          <p:nvSpPr>
            <p:cNvPr id="11" name="Oval 10">
              <a:extLst>
                <a:ext uri="{FF2B5EF4-FFF2-40B4-BE49-F238E27FC236}">
                  <a16:creationId xmlns:a16="http://schemas.microsoft.com/office/drawing/2014/main" id="{E5C545A3-962C-46BE-71C5-9F6747529154}"/>
                </a:ext>
              </a:extLst>
            </p:cNvPr>
            <p:cNvSpPr/>
            <p:nvPr/>
          </p:nvSpPr>
          <p:spPr>
            <a:xfrm>
              <a:off x="4650951" y="3483504"/>
              <a:ext cx="161213" cy="194315"/>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endParaRPr lang="en-US"/>
            </a:p>
          </p:txBody>
        </p:sp>
        <p:sp>
          <p:nvSpPr>
            <p:cNvPr id="12" name="TextBox 11">
              <a:extLst>
                <a:ext uri="{FF2B5EF4-FFF2-40B4-BE49-F238E27FC236}">
                  <a16:creationId xmlns:a16="http://schemas.microsoft.com/office/drawing/2014/main" id="{C63258AB-EDC4-DFC1-5022-CE1E356DFC7E}"/>
                </a:ext>
              </a:extLst>
            </p:cNvPr>
            <p:cNvSpPr txBox="1"/>
            <p:nvPr/>
          </p:nvSpPr>
          <p:spPr>
            <a:xfrm>
              <a:off x="5677705" y="3231132"/>
              <a:ext cx="1063834" cy="553998"/>
            </a:xfrm>
            <a:prstGeom prst="rect">
              <a:avLst/>
            </a:prstGeom>
            <a:noFill/>
          </p:spPr>
          <p:txBody>
            <a:bodyPr wrap="square" rtlCol="0">
              <a:spAutoFit/>
            </a:bodyPr>
            <a:lstStyle/>
            <a:p>
              <a:pPr algn="ctr"/>
              <a:r>
                <a:rPr lang="en-US" sz="1000"/>
                <a:t>Microsoft Q1 Earnings, </a:t>
              </a:r>
            </a:p>
            <a:p>
              <a:pPr algn="ctr"/>
              <a:r>
                <a:rPr lang="en-US" sz="1000"/>
                <a:t>April 24</a:t>
              </a:r>
            </a:p>
          </p:txBody>
        </p:sp>
        <p:sp>
          <p:nvSpPr>
            <p:cNvPr id="13" name="Oval 12">
              <a:extLst>
                <a:ext uri="{FF2B5EF4-FFF2-40B4-BE49-F238E27FC236}">
                  <a16:creationId xmlns:a16="http://schemas.microsoft.com/office/drawing/2014/main" id="{9206484B-3AD9-B346-43D7-EB9F846C494E}"/>
                </a:ext>
              </a:extLst>
            </p:cNvPr>
            <p:cNvSpPr/>
            <p:nvPr/>
          </p:nvSpPr>
          <p:spPr>
            <a:xfrm>
              <a:off x="5633592" y="3086641"/>
              <a:ext cx="161213" cy="194315"/>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endParaRPr lang="en-US"/>
            </a:p>
          </p:txBody>
        </p:sp>
        <p:sp>
          <p:nvSpPr>
            <p:cNvPr id="18" name="TextBox 17">
              <a:extLst>
                <a:ext uri="{FF2B5EF4-FFF2-40B4-BE49-F238E27FC236}">
                  <a16:creationId xmlns:a16="http://schemas.microsoft.com/office/drawing/2014/main" id="{367EEECC-C788-42F3-BD01-D2FDB279114A}"/>
                </a:ext>
              </a:extLst>
            </p:cNvPr>
            <p:cNvSpPr txBox="1"/>
            <p:nvPr/>
          </p:nvSpPr>
          <p:spPr>
            <a:xfrm>
              <a:off x="6445549" y="2541759"/>
              <a:ext cx="1186602" cy="553998"/>
            </a:xfrm>
            <a:prstGeom prst="rect">
              <a:avLst/>
            </a:prstGeom>
            <a:noFill/>
          </p:spPr>
          <p:txBody>
            <a:bodyPr wrap="square" rtlCol="0">
              <a:spAutoFit/>
            </a:bodyPr>
            <a:lstStyle/>
            <a:p>
              <a:pPr algn="ctr"/>
              <a:r>
                <a:rPr lang="en-US" sz="1000"/>
                <a:t>Nvidia Q1 Earnings, </a:t>
              </a:r>
            </a:p>
            <a:p>
              <a:pPr algn="ctr"/>
              <a:r>
                <a:rPr lang="en-US" sz="1000"/>
                <a:t>May 24</a:t>
              </a:r>
            </a:p>
          </p:txBody>
        </p:sp>
        <p:sp>
          <p:nvSpPr>
            <p:cNvPr id="19" name="Oval 18">
              <a:extLst>
                <a:ext uri="{FF2B5EF4-FFF2-40B4-BE49-F238E27FC236}">
                  <a16:creationId xmlns:a16="http://schemas.microsoft.com/office/drawing/2014/main" id="{99013885-8230-5F4E-DCF5-C3BFF1361EDA}"/>
                </a:ext>
              </a:extLst>
            </p:cNvPr>
            <p:cNvSpPr/>
            <p:nvPr/>
          </p:nvSpPr>
          <p:spPr>
            <a:xfrm>
              <a:off x="6372547" y="2655466"/>
              <a:ext cx="161213" cy="194315"/>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endParaRPr lang="en-US"/>
            </a:p>
          </p:txBody>
        </p:sp>
      </p:grpSp>
      <p:sp>
        <p:nvSpPr>
          <p:cNvPr id="26" name="TextBox 25">
            <a:extLst>
              <a:ext uri="{FF2B5EF4-FFF2-40B4-BE49-F238E27FC236}">
                <a16:creationId xmlns:a16="http://schemas.microsoft.com/office/drawing/2014/main" id="{B1824448-711D-A30F-AE1D-A60E5F60BC0F}"/>
              </a:ext>
            </a:extLst>
          </p:cNvPr>
          <p:cNvSpPr txBox="1"/>
          <p:nvPr/>
        </p:nvSpPr>
        <p:spPr>
          <a:xfrm rot="16200000">
            <a:off x="1257978" y="2957258"/>
            <a:ext cx="2322968" cy="276999"/>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Indexed</a:t>
            </a:r>
          </a:p>
        </p:txBody>
      </p:sp>
      <p:sp>
        <p:nvSpPr>
          <p:cNvPr id="27" name="Oval 26">
            <a:extLst>
              <a:ext uri="{FF2B5EF4-FFF2-40B4-BE49-F238E27FC236}">
                <a16:creationId xmlns:a16="http://schemas.microsoft.com/office/drawing/2014/main" id="{86DCDDD6-952F-1F82-676E-BF14ED97879B}"/>
              </a:ext>
            </a:extLst>
          </p:cNvPr>
          <p:cNvSpPr/>
          <p:nvPr/>
        </p:nvSpPr>
        <p:spPr>
          <a:xfrm>
            <a:off x="8057413" y="1934273"/>
            <a:ext cx="161213" cy="194315"/>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endParaRPr lang="en-US"/>
          </a:p>
        </p:txBody>
      </p:sp>
      <p:sp>
        <p:nvSpPr>
          <p:cNvPr id="28" name="TextBox 27">
            <a:extLst>
              <a:ext uri="{FF2B5EF4-FFF2-40B4-BE49-F238E27FC236}">
                <a16:creationId xmlns:a16="http://schemas.microsoft.com/office/drawing/2014/main" id="{C1E68A0A-4FD8-B081-8F5A-178216D63439}"/>
              </a:ext>
            </a:extLst>
          </p:cNvPr>
          <p:cNvSpPr txBox="1"/>
          <p:nvPr/>
        </p:nvSpPr>
        <p:spPr>
          <a:xfrm>
            <a:off x="7581662" y="2195490"/>
            <a:ext cx="1186602" cy="553998"/>
          </a:xfrm>
          <a:prstGeom prst="rect">
            <a:avLst/>
          </a:prstGeom>
          <a:noFill/>
        </p:spPr>
        <p:txBody>
          <a:bodyPr wrap="square" rtlCol="0">
            <a:spAutoFit/>
          </a:bodyPr>
          <a:lstStyle/>
          <a:p>
            <a:pPr algn="ctr"/>
            <a:r>
              <a:rPr lang="en-US" sz="1000"/>
              <a:t>Apple Q3 Earnings, </a:t>
            </a:r>
          </a:p>
          <a:p>
            <a:pPr algn="ctr"/>
            <a:r>
              <a:rPr lang="en-US" sz="1000"/>
              <a:t>August 3</a:t>
            </a:r>
          </a:p>
        </p:txBody>
      </p:sp>
    </p:spTree>
    <p:extLst>
      <p:ext uri="{BB962C8B-B14F-4D97-AF65-F5344CB8AC3E}">
        <p14:creationId xmlns:p14="http://schemas.microsoft.com/office/powerpoint/2010/main" val="271438733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Title 19">
            <a:extLst>
              <a:ext uri="{FF2B5EF4-FFF2-40B4-BE49-F238E27FC236}">
                <a16:creationId xmlns:a16="http://schemas.microsoft.com/office/drawing/2014/main" id="{7A14C409-9A19-C34D-BA9A-00EA0937AE02}"/>
              </a:ext>
            </a:extLst>
          </p:cNvPr>
          <p:cNvSpPr>
            <a:spLocks noGrp="1"/>
          </p:cNvSpPr>
          <p:nvPr>
            <p:ph type="title"/>
          </p:nvPr>
        </p:nvSpPr>
        <p:spPr>
          <a:xfrm>
            <a:off x="609600" y="217451"/>
            <a:ext cx="10972800" cy="484324"/>
          </a:xfrm>
        </p:spPr>
        <p:txBody>
          <a:bodyPr/>
          <a:lstStyle/>
          <a:p>
            <a:r>
              <a:rPr lang="en-US" sz="3200">
                <a:latin typeface="Avenir Heavy" panose="02000503020000020003"/>
                <a:cs typeface="Arial" panose="020B0604020202020204" pitchFamily="34" charset="0"/>
              </a:rPr>
              <a:t>Disclosure</a:t>
            </a:r>
            <a:r>
              <a:rPr lang="en-US">
                <a:latin typeface="Arial" panose="020B0604020202020204" pitchFamily="34" charset="0"/>
                <a:cs typeface="Arial" panose="020B0604020202020204" pitchFamily="34" charset="0"/>
              </a:rPr>
              <a:t> </a:t>
            </a:r>
          </a:p>
        </p:txBody>
      </p:sp>
      <p:sp>
        <p:nvSpPr>
          <p:cNvPr id="2" name="Slide Number Placeholder 1">
            <a:extLst>
              <a:ext uri="{FF2B5EF4-FFF2-40B4-BE49-F238E27FC236}">
                <a16:creationId xmlns:a16="http://schemas.microsoft.com/office/drawing/2014/main" id="{E7BBFE07-B94A-D142-87B5-32A5ABDD6339}"/>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3" name="TextBox 2">
            <a:extLst>
              <a:ext uri="{FF2B5EF4-FFF2-40B4-BE49-F238E27FC236}">
                <a16:creationId xmlns:a16="http://schemas.microsoft.com/office/drawing/2014/main" id="{B438F0A6-954F-6EF1-8507-FD00D12E8ED1}"/>
              </a:ext>
            </a:extLst>
          </p:cNvPr>
          <p:cNvSpPr txBox="1"/>
          <p:nvPr/>
        </p:nvSpPr>
        <p:spPr>
          <a:xfrm>
            <a:off x="542593" y="701775"/>
            <a:ext cx="11406751" cy="5940088"/>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rPr>
              <a:t>Kestra Investment Management, LLC (Kestra IM) is an SEC registered investment adviser. Registration does not imply a certain level of skill or training. Kestra IM provides market commentary, research, model management, and other investment advice to its affiliated broker-dealers, dually registered broker-dealers and registered investment adviser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rPr>
              <a:t>This material is intended for information purposes only, and does not constitute investment advice, a recommendation or an offer or solicitation to purchase or sell any securities to any person in any jurisdiction in which an offer, solicitation, purchase or sale would be unlawful under the securities laws of such jurisdiction. Reliance upon information in this material is at the sole discretion of the reader. Investing involves risks. </a:t>
            </a:r>
            <a:r>
              <a:rPr kumimoji="0" lang="en-US" sz="1000" b="0" i="0" u="none" strike="noStrike" kern="1200" cap="none" spc="0" normalizeH="0" baseline="0" noProof="0">
                <a:ln>
                  <a:noFill/>
                </a:ln>
                <a:solidFill>
                  <a:srgbClr val="000000"/>
                </a:solidFill>
                <a:effectLst/>
                <a:uLnTx/>
                <a:uFillTx/>
                <a:latin typeface="Arial"/>
                <a:ea typeface="+mn-ea"/>
                <a:cs typeface="Arial"/>
              </a:rPr>
              <a:t>Asset allocation does not assure a profit or protect against a loss in declining financial markets. Different asset classes present different risks. </a:t>
            </a:r>
            <a:r>
              <a:rPr kumimoji="0" lang="en-US" sz="1000" b="1" i="0" u="none" strike="noStrike" kern="1200" cap="none" spc="0" normalizeH="0" baseline="0" noProof="0">
                <a:ln>
                  <a:noFill/>
                </a:ln>
                <a:solidFill>
                  <a:srgbClr val="000000"/>
                </a:solidFill>
                <a:effectLst/>
                <a:uLnTx/>
                <a:uFillTx/>
                <a:latin typeface="Arial"/>
                <a:ea typeface="+mn-ea"/>
                <a:cs typeface="Arial"/>
              </a:rPr>
              <a:t>Past performance is no guarantee of future results.</a:t>
            </a:r>
            <a:endParaRPr kumimoji="0" lang="en-US" sz="1000" b="1"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Times New Roman" panose="02020603050405020304" pitchFamily="18" charset="0"/>
              <a:cs typeface="Arial" panose="020B0604020202020204" pitchFamily="34" charset="0"/>
            </a:endParaRPr>
          </a:p>
          <a:p>
            <a:pPr>
              <a:defRPr/>
            </a:pPr>
            <a:r>
              <a:rPr kumimoji="0" lang="en-US" sz="1000" b="0"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rPr>
              <a:t>The opinions expressed in this commentary are as </a:t>
            </a:r>
            <a:r>
              <a:rPr kumimoji="0" lang="en-US" sz="1000" b="0" i="0" u="none" strike="noStrike" kern="1200" cap="none" spc="0" normalizeH="0" baseline="0" noProof="0">
                <a:ln>
                  <a:noFill/>
                </a:ln>
                <a:effectLst/>
                <a:uLnTx/>
                <a:uFillTx/>
                <a:latin typeface="Arial"/>
                <a:ea typeface="Times New Roman" panose="02020603050405020304" pitchFamily="18" charset="0"/>
                <a:cs typeface="Arial"/>
              </a:rPr>
              <a:t>of </a:t>
            </a:r>
            <a:r>
              <a:rPr lang="en-US" sz="1000">
                <a:latin typeface="Arial"/>
                <a:ea typeface="Times New Roman" panose="02020603050405020304" pitchFamily="18" charset="0"/>
                <a:cs typeface="Arial"/>
              </a:rPr>
              <a:t>September</a:t>
            </a:r>
            <a:r>
              <a:rPr kumimoji="0" lang="en-US" sz="1000" b="0" i="0" u="none" strike="noStrike" kern="1200" cap="none" spc="0" normalizeH="0" baseline="0" noProof="0">
                <a:ln>
                  <a:noFill/>
                </a:ln>
                <a:effectLst/>
                <a:uLnTx/>
                <a:uFillTx/>
                <a:latin typeface="Arial"/>
                <a:ea typeface="Times New Roman" panose="02020603050405020304" pitchFamily="18" charset="0"/>
                <a:cs typeface="Arial"/>
              </a:rPr>
              <a:t> 30</a:t>
            </a:r>
            <a:r>
              <a:rPr lang="en-US" sz="1000">
                <a:latin typeface="Arial"/>
                <a:ea typeface="Times New Roman" panose="02020603050405020304" pitchFamily="18" charset="0"/>
                <a:cs typeface="Arial"/>
              </a:rPr>
              <a:t>,</a:t>
            </a:r>
            <a:r>
              <a:rPr kumimoji="0" lang="en-US" sz="1000" b="0" i="0" u="none" strike="noStrike" kern="1200" cap="none" spc="0" normalizeH="0" baseline="0" noProof="0">
                <a:ln>
                  <a:noFill/>
                </a:ln>
                <a:effectLst/>
                <a:uLnTx/>
                <a:uFillTx/>
                <a:latin typeface="Arial"/>
                <a:ea typeface="Times New Roman" panose="02020603050405020304" pitchFamily="18" charset="0"/>
                <a:cs typeface="Arial"/>
              </a:rPr>
              <a:t> 2023, </a:t>
            </a:r>
            <a:r>
              <a:rPr kumimoji="0" lang="en-US" sz="1000" b="0"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rPr>
              <a:t>and are those of the author and may not necessarily reflect those held by Kestra Advisor Services Holdings C, Inc., d/b/a Kestra Holdings, and its subsidiaries, including, but not limited to, Kestra Advisory Services, LLC, Kestra Private Wealth Services, LLC, Kestra Investment Services, LLC, Kestra Investment Management, LLC, and Bluespring Wealth Partners, LLC. The material is for informational purposes only. It represents an assessment of the market environment at a specific point in time and is not intended to be a forecast of future events, or a guarantee of future results. It is not guaranteed by any entity for accuracy, does not purport to be complete and is not intended to be used as a primary basis for investment decisions. It should also not be construed as advice meeting the particular investment needs of any investor. Neither the information presented, nor any opinion expressed constitutes a solicitation for the purchase or sale of any security. This material was created to provide accurate and reliable information on the subjects covered but should not be regarded as a complete analysis of these subjects. It is not intended to provide specific legal, tax or other professional advice. The services of an appropriate professional should be sought regarding your individual situation. Kestra Advisor Services Holdings C, Inc., d/b/a Kestra Holdings, and its subsidiaries, including, but not limited to, Kestra Advisory Services, LLC, Kestra Private Wealth Services, LLC, Kestra Investment Services, LLC, Kestra Investment Management, LLC, and Bluespring Wealth Partners, LLC does not offer tax or legal advice.</a:t>
            </a:r>
            <a:endParaRPr lang="en-US" sz="1000" b="0"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mn-ea"/>
                <a:cs typeface="Arial"/>
              </a:rPr>
              <a:t>This communication does not take into account the investment objectives, risk profile or financial situation of any particular person and as such, investments mentioned in this document may not be suitable for all investors. Kestra Investment Management, LLC (“Kestra IM”) is not acting as an investment or other advisor, fiduciary or agent. The information contained herein is not intended to be an exhaustive discussion of the strategies or concepts mentioned herein or tax or legal advice. Recipients of this communication should obtain advice based on their own individual circumstances from their own tax, financial, legal and other advisors about the risks and merits of any transaction before making an investment decision, and only make such decisions on the basis of their own objectives, experience, risk profile and resources.</a:t>
            </a:r>
            <a:endParaRPr lang="en-US" sz="1000" b="0" i="0" u="none" strike="noStrike" kern="1200" cap="none" spc="0" normalizeH="0" baseline="0" noProof="0">
              <a:ln>
                <a:noFill/>
              </a:ln>
              <a:solidFill>
                <a:srgbClr val="000000"/>
              </a:solidFill>
              <a:effectLst/>
              <a:uLnTx/>
              <a:uFillTx/>
              <a:latin typeface="Arial"/>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mn-ea"/>
                <a:cs typeface="Arial"/>
              </a:rPr>
              <a:t>The information contained in this communication is based on generally available information and, although obtained from sources believed to be reliable, its accuracy and completeness cannot be assured, and such information may be incomplete or condensed. Any assumptions or information contained in this communication constitute a judgment only as of the date of this document or on any specified dates and is subject to change without notice. Insofar as this communication may contain historical and forward looking information, past performance is neither a guarantee nor an indication of future results, and future results may not meet expectations due to a variety of economic, market and other factors. Further, any projections of potential risk or return are illustrative and should not be taken as limitations of the maximum possible loss or gain. Any prices, values or estimates provided in this communication (other than those that are identified as being historical) are indicative only and may change without notice. </a:t>
            </a:r>
            <a:endParaRPr lang="en-US" sz="1000" b="0" i="0" u="none" strike="noStrike" kern="1200" cap="none" spc="0" normalizeH="0" baseline="0" noProof="0">
              <a:ln>
                <a:noFill/>
              </a:ln>
              <a:solidFill>
                <a:srgbClr val="000000"/>
              </a:solidFill>
              <a:effectLst/>
              <a:uLnTx/>
              <a:uFillTx/>
              <a:latin typeface="Arial"/>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mn-ea"/>
                <a:cs typeface="Arial"/>
              </a:rPr>
              <a:t>Kestra IM is under no duty to update this document and accepts no liability for any loss (whether direct, indirect or consequential) that may arise from any use of the information contained in or derived from this communication. Investments in financial instruments or other products carry significant risk, including the possible loss of the principal amount invested. Financial instruments or other products denominated in a foreign currency are subject to exchange rate fluctuations, which may have an adverse effect on the price or value of an investment in such products. This communication does not purport to identify all risks or material considerations which may be associated with entering into any transaction.</a:t>
            </a:r>
            <a:endParaRPr lang="en-US" sz="1000" b="0" i="0" u="none" strike="noStrike" kern="1200" cap="none" spc="0" normalizeH="0" baseline="0" noProof="0">
              <a:ln>
                <a:noFill/>
              </a:ln>
              <a:solidFill>
                <a:srgbClr val="000000"/>
              </a:solidFill>
              <a:effectLst/>
              <a:uLnTx/>
              <a:uFillTx/>
              <a:latin typeface="Arial"/>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mn-ea"/>
                <a:cs typeface="Arial"/>
              </a:rPr>
              <a:t>© 2023 Kestra Investment Management, LLC. All Rights Reserved. </a:t>
            </a: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142426752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Chart 1">
            <a:extLst>
              <a:ext uri="{FF2B5EF4-FFF2-40B4-BE49-F238E27FC236}">
                <a16:creationId xmlns:a16="http://schemas.microsoft.com/office/drawing/2014/main" id="{66D3D9EF-812D-4F39-AC5D-8094365B21B3}"/>
              </a:ext>
            </a:extLst>
          </p:cNvPr>
          <p:cNvGraphicFramePr>
            <a:graphicFrameLocks/>
          </p:cNvGraphicFramePr>
          <p:nvPr>
            <p:extLst>
              <p:ext uri="{D42A27DB-BD31-4B8C-83A1-F6EECF244321}">
                <p14:modId xmlns:p14="http://schemas.microsoft.com/office/powerpoint/2010/main" val="3710774337"/>
              </p:ext>
            </p:extLst>
          </p:nvPr>
        </p:nvGraphicFramePr>
        <p:xfrm>
          <a:off x="910046" y="1752598"/>
          <a:ext cx="7013448" cy="3849624"/>
        </p:xfrm>
        <a:graphic>
          <a:graphicData uri="http://schemas.openxmlformats.org/drawingml/2006/chart">
            <c:chart xmlns:c="http://schemas.openxmlformats.org/drawingml/2006/chart" xmlns:r="http://schemas.openxmlformats.org/officeDocument/2006/relationships" r:id="rId2"/>
          </a:graphicData>
        </a:graphic>
      </p:graphicFrame>
      <p:sp>
        <p:nvSpPr>
          <p:cNvPr id="3" name="Title 2">
            <a:extLst>
              <a:ext uri="{FF2B5EF4-FFF2-40B4-BE49-F238E27FC236}">
                <a16:creationId xmlns:a16="http://schemas.microsoft.com/office/drawing/2014/main" id="{B525B6F0-C970-CF8A-2577-DC2B779A4BB0}"/>
              </a:ext>
            </a:extLst>
          </p:cNvPr>
          <p:cNvSpPr>
            <a:spLocks noGrp="1"/>
          </p:cNvSpPr>
          <p:nvPr>
            <p:ph type="title"/>
          </p:nvPr>
        </p:nvSpPr>
        <p:spPr/>
        <p:txBody>
          <a:bodyPr/>
          <a:lstStyle/>
          <a:p>
            <a:r>
              <a:rPr lang="en-US"/>
              <a:t>Few Stocks Have Been Spared</a:t>
            </a:r>
          </a:p>
        </p:txBody>
      </p:sp>
      <p:sp>
        <p:nvSpPr>
          <p:cNvPr id="8" name="TextBox 7">
            <a:extLst>
              <a:ext uri="{FF2B5EF4-FFF2-40B4-BE49-F238E27FC236}">
                <a16:creationId xmlns:a16="http://schemas.microsoft.com/office/drawing/2014/main" id="{2E25DD1B-170E-18C9-6410-8FB19E232461}"/>
              </a:ext>
            </a:extLst>
          </p:cNvPr>
          <p:cNvSpPr txBox="1"/>
          <p:nvPr/>
        </p:nvSpPr>
        <p:spPr>
          <a:xfrm>
            <a:off x="633045" y="1246509"/>
            <a:ext cx="6579921"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Percentage of Stocks Above their </a:t>
            </a:r>
            <a:r>
              <a:rPr lang="en-US" sz="1400" b="1">
                <a:solidFill>
                  <a:srgbClr val="000000"/>
                </a:solidFill>
                <a:latin typeface="Verdana"/>
              </a:rPr>
              <a:t>50</a:t>
            </a:r>
            <a:r>
              <a:rPr kumimoji="0" lang="en-US" sz="1400" b="1" i="0" u="none" strike="noStrike" kern="1200" cap="none" spc="0" normalizeH="0" baseline="0" noProof="0">
                <a:ln>
                  <a:noFill/>
                </a:ln>
                <a:solidFill>
                  <a:srgbClr val="000000"/>
                </a:solidFill>
                <a:effectLst/>
                <a:uLnTx/>
                <a:uFillTx/>
                <a:latin typeface="Verdana"/>
                <a:ea typeface="+mn-ea"/>
                <a:cs typeface="+mn-cs"/>
              </a:rPr>
              <a:t>-Day Moving Average</a:t>
            </a:r>
          </a:p>
        </p:txBody>
      </p:sp>
      <p:sp>
        <p:nvSpPr>
          <p:cNvPr id="9" name="Rectangle 8">
            <a:extLst>
              <a:ext uri="{FF2B5EF4-FFF2-40B4-BE49-F238E27FC236}">
                <a16:creationId xmlns:a16="http://schemas.microsoft.com/office/drawing/2014/main" id="{E4F9361E-3E68-57F7-E7A8-0F4EEAE1B1F1}"/>
              </a:ext>
            </a:extLst>
          </p:cNvPr>
          <p:cNvSpPr>
            <a:spLocks noChangeAspect="1"/>
          </p:cNvSpPr>
          <p:nvPr/>
        </p:nvSpPr>
        <p:spPr>
          <a:xfrm>
            <a:off x="8015553" y="2227158"/>
            <a:ext cx="3715021" cy="2472261"/>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Only about </a:t>
            </a:r>
            <a:r>
              <a:rPr lang="en-US" sz="1600">
                <a:solidFill>
                  <a:srgbClr val="FFFFFF"/>
                </a:solidFill>
                <a:latin typeface="Verdana"/>
              </a:rPr>
              <a:t>15</a:t>
            </a:r>
            <a:r>
              <a:rPr kumimoji="0" lang="en-US" sz="1600" b="0" i="0" u="none" strike="noStrike" kern="1200" cap="none" spc="0" normalizeH="0" baseline="0" noProof="0">
                <a:ln>
                  <a:noFill/>
                </a:ln>
                <a:solidFill>
                  <a:srgbClr val="FFFFFF"/>
                </a:solidFill>
                <a:effectLst/>
                <a:uLnTx/>
                <a:uFillTx/>
                <a:latin typeface="Verdana"/>
                <a:ea typeface="+mn-ea"/>
                <a:cs typeface="+mn-cs"/>
              </a:rPr>
              <a:t>% of stocks in the S&amp;P 500 and Nasdaq are above their average price of the last </a:t>
            </a:r>
            <a:r>
              <a:rPr lang="en-US" sz="1600">
                <a:solidFill>
                  <a:srgbClr val="FFFFFF"/>
                </a:solidFill>
                <a:latin typeface="Verdana"/>
              </a:rPr>
              <a:t>50</a:t>
            </a:r>
            <a:r>
              <a:rPr kumimoji="0" lang="en-US" sz="1600" b="0" i="0" u="none" strike="noStrike" kern="1200" cap="none" spc="0" normalizeH="0" baseline="0" noProof="0">
                <a:ln>
                  <a:noFill/>
                </a:ln>
                <a:solidFill>
                  <a:srgbClr val="FFFFFF"/>
                </a:solidFill>
                <a:effectLst/>
                <a:uLnTx/>
                <a:uFillTx/>
                <a:latin typeface="Verdana"/>
                <a:ea typeface="+mn-ea"/>
                <a:cs typeface="+mn-cs"/>
              </a:rPr>
              <a:t> trading day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1600" b="0" i="0" u="none" strike="noStrike" kern="1200" cap="none" spc="0" normalizeH="0" baseline="0" noProof="0">
              <a:ln>
                <a:noFill/>
              </a:ln>
              <a:solidFill>
                <a:srgbClr val="FFFFFF"/>
              </a:solidFill>
              <a:effectLst/>
              <a:uLnTx/>
              <a:uFillTx/>
              <a:latin typeface="Verdana"/>
              <a:ea typeface="+mn-ea"/>
              <a:cs typeface="+mn-c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600">
                <a:solidFill>
                  <a:srgbClr val="FFFFFF"/>
                </a:solidFill>
                <a:latin typeface="Verdana"/>
              </a:rPr>
              <a:t>Low percentage can correlate to positive forward returns</a:t>
            </a:r>
            <a:endParaRPr kumimoji="0" lang="en-US" sz="1600" b="0" i="0" u="none" strike="noStrike" kern="1200" cap="none" spc="0" normalizeH="0" baseline="0" noProof="0">
              <a:ln>
                <a:noFill/>
              </a:ln>
              <a:solidFill>
                <a:srgbClr val="FFFFFF"/>
              </a:solidFill>
              <a:effectLst/>
              <a:uLnTx/>
              <a:uFillTx/>
              <a:latin typeface="Verdana"/>
              <a:ea typeface="+mn-ea"/>
              <a:cs typeface="+mn-cs"/>
            </a:endParaRPr>
          </a:p>
          <a:p>
            <a:pPr marR="0" lvl="0" algn="l" defTabSz="914400" rtl="0" eaLnBrk="1" fontAlgn="auto" latinLnBrk="0" hangingPunct="1">
              <a:lnSpc>
                <a:spcPct val="100000"/>
              </a:lnSpc>
              <a:spcBef>
                <a:spcPts val="0"/>
              </a:spcBef>
              <a:spcAft>
                <a:spcPts val="0"/>
              </a:spcAft>
              <a:buClrTx/>
              <a:buSzTx/>
              <a:tabLst/>
              <a:defRPr/>
            </a:pPr>
            <a:endParaRPr kumimoji="0" lang="en-US" sz="1600" b="0" i="0" u="none" strike="noStrike" kern="1200" cap="none" spc="0" normalizeH="0" baseline="0" noProof="0">
              <a:ln>
                <a:noFill/>
              </a:ln>
              <a:solidFill>
                <a:srgbClr val="FFFFFF"/>
              </a:solidFill>
              <a:effectLst/>
              <a:uLnTx/>
              <a:uFillTx/>
              <a:latin typeface="Verdana"/>
              <a:ea typeface="+mn-ea"/>
              <a:cs typeface="+mn-cs"/>
            </a:endParaRPr>
          </a:p>
        </p:txBody>
      </p:sp>
      <p:sp>
        <p:nvSpPr>
          <p:cNvPr id="10" name="TextBox 9">
            <a:extLst>
              <a:ext uri="{FF2B5EF4-FFF2-40B4-BE49-F238E27FC236}">
                <a16:creationId xmlns:a16="http://schemas.microsoft.com/office/drawing/2014/main" id="{07B43D08-6796-4F91-133D-0AA9D7EC3992}"/>
              </a:ext>
            </a:extLst>
          </p:cNvPr>
          <p:cNvSpPr txBox="1"/>
          <p:nvPr/>
        </p:nvSpPr>
        <p:spPr>
          <a:xfrm>
            <a:off x="1922320" y="5985052"/>
            <a:ext cx="9136499" cy="692497"/>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Verdan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Source: Kestra Investment Management with data from FactSet. Index proxies: S&amp;P 500 Index.</a:t>
            </a:r>
            <a:r>
              <a:rPr lang="en-US" sz="900">
                <a:solidFill>
                  <a:srgbClr val="000000"/>
                </a:solidFill>
                <a:latin typeface="Verdana"/>
                <a:ea typeface="Verdana"/>
              </a:rPr>
              <a:t> </a:t>
            </a:r>
            <a:r>
              <a:rPr kumimoji="0" lang="en-US" sz="900" b="0" i="0" u="none" strike="noStrike" kern="1200" cap="none" spc="0" normalizeH="0" baseline="0" noProof="0">
                <a:ln>
                  <a:noFill/>
                </a:ln>
                <a:solidFill>
                  <a:srgbClr val="000000"/>
                </a:solidFill>
                <a:effectLst/>
                <a:uLnTx/>
                <a:uFillTx/>
                <a:latin typeface="Verdana"/>
                <a:ea typeface="Verdana"/>
                <a:cs typeface="+mn-cs"/>
              </a:rPr>
              <a:t>Data as of September</a:t>
            </a:r>
            <a:r>
              <a:rPr lang="en-US" sz="900">
                <a:solidFill>
                  <a:srgbClr val="000000"/>
                </a:solidFill>
                <a:latin typeface="Verdana"/>
                <a:ea typeface="Verdana"/>
              </a:rPr>
              <a:t> </a:t>
            </a:r>
            <a:r>
              <a:rPr kumimoji="0" lang="en-US" sz="900" b="0" i="0" u="none" strike="noStrike" kern="1200" cap="none" spc="0" normalizeH="0" baseline="0" noProof="0">
                <a:ln>
                  <a:noFill/>
                </a:ln>
                <a:solidFill>
                  <a:srgbClr val="000000"/>
                </a:solidFill>
                <a:effectLst/>
                <a:uLnTx/>
                <a:uFillTx/>
                <a:latin typeface="Verdana"/>
                <a:ea typeface="Verdana"/>
                <a:cs typeface="+mn-cs"/>
              </a:rPr>
              <a:t>30, 2023. </a:t>
            </a:r>
          </a:p>
        </p:txBody>
      </p:sp>
      <p:sp>
        <p:nvSpPr>
          <p:cNvPr id="13" name="TextBox 12">
            <a:extLst>
              <a:ext uri="{FF2B5EF4-FFF2-40B4-BE49-F238E27FC236}">
                <a16:creationId xmlns:a16="http://schemas.microsoft.com/office/drawing/2014/main" id="{8DF08DDC-5648-3816-92C5-6DC72EE6FEA2}"/>
              </a:ext>
            </a:extLst>
          </p:cNvPr>
          <p:cNvSpPr txBox="1"/>
          <p:nvPr/>
        </p:nvSpPr>
        <p:spPr>
          <a:xfrm rot="16200000">
            <a:off x="-389938" y="3097697"/>
            <a:ext cx="2322968" cy="276999"/>
          </a:xfrm>
          <a:prstGeom prst="rect">
            <a:avLst/>
          </a:prstGeom>
          <a:solidFill>
            <a:srgbClr val="FFFFFF"/>
          </a:solidFill>
        </p:spPr>
        <p:txBody>
          <a:bodyPr wrap="square"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200" b="0" i="0" u="none" strike="noStrike" kern="0" cap="none" spc="0" normalizeH="0" baseline="0" noProof="0">
                <a:ln>
                  <a:noFill/>
                </a:ln>
                <a:solidFill>
                  <a:srgbClr val="000000"/>
                </a:solidFill>
                <a:effectLst/>
                <a:uLnTx/>
                <a:uFillTx/>
              </a:rPr>
              <a:t>Percent (%)</a:t>
            </a:r>
          </a:p>
        </p:txBody>
      </p:sp>
      <p:sp>
        <p:nvSpPr>
          <p:cNvPr id="14" name="Oval 13">
            <a:extLst>
              <a:ext uri="{FF2B5EF4-FFF2-40B4-BE49-F238E27FC236}">
                <a16:creationId xmlns:a16="http://schemas.microsoft.com/office/drawing/2014/main" id="{8BFE3034-F324-5125-8D51-B3A5646A5882}"/>
              </a:ext>
            </a:extLst>
          </p:cNvPr>
          <p:cNvSpPr/>
          <p:nvPr/>
        </p:nvSpPr>
        <p:spPr>
          <a:xfrm>
            <a:off x="1605739" y="4146556"/>
            <a:ext cx="527347" cy="797120"/>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endParaRPr lang="en-US"/>
          </a:p>
        </p:txBody>
      </p:sp>
      <p:sp>
        <p:nvSpPr>
          <p:cNvPr id="15" name="Oval 14">
            <a:extLst>
              <a:ext uri="{FF2B5EF4-FFF2-40B4-BE49-F238E27FC236}">
                <a16:creationId xmlns:a16="http://schemas.microsoft.com/office/drawing/2014/main" id="{6FD38199-135A-E7DB-1973-40E291A2A763}"/>
              </a:ext>
            </a:extLst>
          </p:cNvPr>
          <p:cNvSpPr/>
          <p:nvPr/>
        </p:nvSpPr>
        <p:spPr>
          <a:xfrm>
            <a:off x="3883474" y="4223585"/>
            <a:ext cx="527347" cy="797120"/>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endParaRPr lang="en-US"/>
          </a:p>
        </p:txBody>
      </p:sp>
      <p:sp>
        <p:nvSpPr>
          <p:cNvPr id="16" name="Oval 15">
            <a:extLst>
              <a:ext uri="{FF2B5EF4-FFF2-40B4-BE49-F238E27FC236}">
                <a16:creationId xmlns:a16="http://schemas.microsoft.com/office/drawing/2014/main" id="{163EE580-8E72-045F-7271-FEDF34A64C73}"/>
              </a:ext>
            </a:extLst>
          </p:cNvPr>
          <p:cNvSpPr/>
          <p:nvPr/>
        </p:nvSpPr>
        <p:spPr>
          <a:xfrm>
            <a:off x="4842952" y="4223585"/>
            <a:ext cx="527347" cy="797120"/>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endParaRPr lang="en-US"/>
          </a:p>
        </p:txBody>
      </p:sp>
      <p:sp>
        <p:nvSpPr>
          <p:cNvPr id="17" name="Oval 16">
            <a:extLst>
              <a:ext uri="{FF2B5EF4-FFF2-40B4-BE49-F238E27FC236}">
                <a16:creationId xmlns:a16="http://schemas.microsoft.com/office/drawing/2014/main" id="{80E26D0B-87E7-520E-BDCF-BA2C7E673739}"/>
              </a:ext>
            </a:extLst>
          </p:cNvPr>
          <p:cNvSpPr/>
          <p:nvPr/>
        </p:nvSpPr>
        <p:spPr>
          <a:xfrm>
            <a:off x="6700343" y="4230019"/>
            <a:ext cx="527347" cy="797120"/>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endParaRPr lang="en-US"/>
          </a:p>
        </p:txBody>
      </p:sp>
    </p:spTree>
    <p:extLst>
      <p:ext uri="{BB962C8B-B14F-4D97-AF65-F5344CB8AC3E}">
        <p14:creationId xmlns:p14="http://schemas.microsoft.com/office/powerpoint/2010/main" val="282825371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Chart 2">
            <a:extLst>
              <a:ext uri="{FF2B5EF4-FFF2-40B4-BE49-F238E27FC236}">
                <a16:creationId xmlns:a16="http://schemas.microsoft.com/office/drawing/2014/main" id="{00000000-0008-0000-4100-000002000000}"/>
              </a:ext>
            </a:extLst>
          </p:cNvPr>
          <p:cNvGraphicFramePr>
            <a:graphicFrameLocks/>
          </p:cNvGraphicFramePr>
          <p:nvPr>
            <p:extLst>
              <p:ext uri="{D42A27DB-BD31-4B8C-83A1-F6EECF244321}">
                <p14:modId xmlns:p14="http://schemas.microsoft.com/office/powerpoint/2010/main" val="3741531099"/>
              </p:ext>
            </p:extLst>
          </p:nvPr>
        </p:nvGraphicFramePr>
        <p:xfrm>
          <a:off x="6498073" y="2473863"/>
          <a:ext cx="4572000" cy="2743200"/>
        </p:xfrm>
        <a:graphic>
          <a:graphicData uri="http://schemas.openxmlformats.org/drawingml/2006/chart">
            <c:chart xmlns:c="http://schemas.openxmlformats.org/drawingml/2006/chart" xmlns:r="http://schemas.openxmlformats.org/officeDocument/2006/relationships" r:id="rId3"/>
          </a:graphicData>
        </a:graphic>
      </p:graphicFrame>
      <p:sp>
        <p:nvSpPr>
          <p:cNvPr id="4" name="Title 3">
            <a:extLst>
              <a:ext uri="{FF2B5EF4-FFF2-40B4-BE49-F238E27FC236}">
                <a16:creationId xmlns:a16="http://schemas.microsoft.com/office/drawing/2014/main" id="{BAEDB80B-2D7A-2630-4A3D-FA90278D37E9}"/>
              </a:ext>
            </a:extLst>
          </p:cNvPr>
          <p:cNvSpPr>
            <a:spLocks noGrp="1"/>
          </p:cNvSpPr>
          <p:nvPr>
            <p:ph type="title"/>
          </p:nvPr>
        </p:nvSpPr>
        <p:spPr/>
        <p:txBody>
          <a:bodyPr/>
          <a:lstStyle/>
          <a:p>
            <a:r>
              <a:rPr lang="en-US"/>
              <a:t>The Largest Companies Have Benefited from Stronger Profits </a:t>
            </a:r>
          </a:p>
        </p:txBody>
      </p:sp>
      <p:sp>
        <p:nvSpPr>
          <p:cNvPr id="5" name="Slide Number Placeholder 4">
            <a:extLst>
              <a:ext uri="{FF2B5EF4-FFF2-40B4-BE49-F238E27FC236}">
                <a16:creationId xmlns:a16="http://schemas.microsoft.com/office/drawing/2014/main" id="{42B070AD-20E4-DB47-AE0C-1C2C80195A9E}"/>
              </a:ext>
            </a:extLst>
          </p:cNvPr>
          <p:cNvSpPr>
            <a:spLocks noGrp="1"/>
          </p:cNvSpPr>
          <p:nvPr>
            <p:ph type="sldNum" sz="quarter" idx="4"/>
          </p:nvPr>
        </p:nvSpPr>
        <p:spPr/>
        <p:txBody>
          <a:bodyPr/>
          <a:lstStyle/>
          <a:p>
            <a:fld id="{E92998B1-16BE-2C4D-8951-5952C4F26F4F}" type="slidenum">
              <a:rPr lang="en-US" smtClean="0"/>
              <a:pPr/>
              <a:t>21</a:t>
            </a:fld>
            <a:endParaRPr lang="en-US" b="1">
              <a:latin typeface="Avenir Heavy" panose="02000503020000020003" pitchFamily="2" charset="0"/>
            </a:endParaRPr>
          </a:p>
        </p:txBody>
      </p:sp>
      <p:sp>
        <p:nvSpPr>
          <p:cNvPr id="7" name="TextBox 6">
            <a:extLst>
              <a:ext uri="{FF2B5EF4-FFF2-40B4-BE49-F238E27FC236}">
                <a16:creationId xmlns:a16="http://schemas.microsoft.com/office/drawing/2014/main" id="{C1B6D241-AECB-FDA9-C2D3-D044652360CB}"/>
              </a:ext>
            </a:extLst>
          </p:cNvPr>
          <p:cNvSpPr txBox="1"/>
          <p:nvPr/>
        </p:nvSpPr>
        <p:spPr>
          <a:xfrm>
            <a:off x="886599" y="1636378"/>
            <a:ext cx="4851262"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S&amp;P 500 Index Dominated by a Few Names</a:t>
            </a:r>
          </a:p>
        </p:txBody>
      </p:sp>
      <p:sp>
        <p:nvSpPr>
          <p:cNvPr id="6" name="TextBox 5">
            <a:extLst>
              <a:ext uri="{FF2B5EF4-FFF2-40B4-BE49-F238E27FC236}">
                <a16:creationId xmlns:a16="http://schemas.microsoft.com/office/drawing/2014/main" id="{65DAFFAA-DCC6-E5A8-E8E8-15DA406E6156}"/>
              </a:ext>
            </a:extLst>
          </p:cNvPr>
          <p:cNvSpPr txBox="1"/>
          <p:nvPr/>
        </p:nvSpPr>
        <p:spPr>
          <a:xfrm>
            <a:off x="6502815" y="1551494"/>
            <a:ext cx="4851261" cy="52322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Largest Companies Have Raised Profit Margins More than Smaller Ones</a:t>
            </a:r>
          </a:p>
        </p:txBody>
      </p:sp>
      <p:cxnSp>
        <p:nvCxnSpPr>
          <p:cNvPr id="12" name="Straight Arrow Connector 11">
            <a:extLst>
              <a:ext uri="{FF2B5EF4-FFF2-40B4-BE49-F238E27FC236}">
                <a16:creationId xmlns:a16="http://schemas.microsoft.com/office/drawing/2014/main" id="{F160411C-5FB2-549E-7621-225E3380744B}"/>
              </a:ext>
            </a:extLst>
          </p:cNvPr>
          <p:cNvCxnSpPr/>
          <p:nvPr/>
        </p:nvCxnSpPr>
        <p:spPr>
          <a:xfrm flipV="1">
            <a:off x="7420363" y="2824382"/>
            <a:ext cx="504967" cy="136478"/>
          </a:xfrm>
          <a:prstGeom prst="straightConnector1">
            <a:avLst/>
          </a:prstGeom>
          <a:ln w="19050">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3" name="Straight Arrow Connector 12">
            <a:extLst>
              <a:ext uri="{FF2B5EF4-FFF2-40B4-BE49-F238E27FC236}">
                <a16:creationId xmlns:a16="http://schemas.microsoft.com/office/drawing/2014/main" id="{C21418B8-1CF1-938A-7CD0-2788B27DAAAC}"/>
              </a:ext>
            </a:extLst>
          </p:cNvPr>
          <p:cNvCxnSpPr>
            <a:cxnSpLocks/>
          </p:cNvCxnSpPr>
          <p:nvPr/>
        </p:nvCxnSpPr>
        <p:spPr>
          <a:xfrm flipV="1">
            <a:off x="9581226" y="3691568"/>
            <a:ext cx="529988" cy="72802"/>
          </a:xfrm>
          <a:prstGeom prst="straightConnector1">
            <a:avLst/>
          </a:prstGeom>
          <a:ln w="19050">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11" name="TextBox 10">
            <a:extLst>
              <a:ext uri="{FF2B5EF4-FFF2-40B4-BE49-F238E27FC236}">
                <a16:creationId xmlns:a16="http://schemas.microsoft.com/office/drawing/2014/main" id="{F1C0D4A9-663C-6A27-0D79-27867EF1CCEB}"/>
              </a:ext>
            </a:extLst>
          </p:cNvPr>
          <p:cNvSpPr txBox="1"/>
          <p:nvPr/>
        </p:nvSpPr>
        <p:spPr>
          <a:xfrm>
            <a:off x="1877300" y="5814703"/>
            <a:ext cx="9136499" cy="830997"/>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Verdan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Note: views are from a U.S. dollar perspective. This material represents an assessment of the market environment at a specific time and is not intended to be a forecast or guarantee of future results. Source: Kestra Investment Management with data from FactSet. Index proxies: S&amp;P 500, S&amp;P 100, and S&amp;P 600.</a:t>
            </a:r>
            <a:r>
              <a:rPr lang="en-US" sz="900">
                <a:solidFill>
                  <a:srgbClr val="000000"/>
                </a:solidFill>
                <a:latin typeface="Verdana"/>
                <a:ea typeface="Verdana"/>
              </a:rPr>
              <a:t> </a:t>
            </a:r>
            <a:r>
              <a:rPr kumimoji="0" lang="en-US" sz="900" b="0" i="0" u="none" strike="noStrike" kern="1200" cap="none" spc="0" normalizeH="0" baseline="0" noProof="0">
                <a:ln>
                  <a:noFill/>
                </a:ln>
                <a:solidFill>
                  <a:srgbClr val="000000"/>
                </a:solidFill>
                <a:effectLst/>
                <a:uLnTx/>
                <a:uFillTx/>
                <a:latin typeface="Verdana"/>
                <a:ea typeface="Verdana"/>
                <a:cs typeface="+mn-cs"/>
              </a:rPr>
              <a:t>Data as of September 30, 2023. </a:t>
            </a:r>
          </a:p>
        </p:txBody>
      </p:sp>
      <p:graphicFrame>
        <p:nvGraphicFramePr>
          <p:cNvPr id="2" name="Chart 1">
            <a:extLst>
              <a:ext uri="{FF2B5EF4-FFF2-40B4-BE49-F238E27FC236}">
                <a16:creationId xmlns:a16="http://schemas.microsoft.com/office/drawing/2014/main" id="{09F88D88-EFFA-DD26-A13A-EBBAC887AFA5}"/>
              </a:ext>
            </a:extLst>
          </p:cNvPr>
          <p:cNvGraphicFramePr>
            <a:graphicFrameLocks/>
          </p:cNvGraphicFramePr>
          <p:nvPr>
            <p:extLst>
              <p:ext uri="{D42A27DB-BD31-4B8C-83A1-F6EECF244321}">
                <p14:modId xmlns:p14="http://schemas.microsoft.com/office/powerpoint/2010/main" val="2065869151"/>
              </p:ext>
            </p:extLst>
          </p:nvPr>
        </p:nvGraphicFramePr>
        <p:xfrm>
          <a:off x="886864" y="2159598"/>
          <a:ext cx="5084064" cy="3209544"/>
        </p:xfrm>
        <a:graphic>
          <a:graphicData uri="http://schemas.openxmlformats.org/drawingml/2006/chart">
            <c:chart xmlns:c="http://schemas.openxmlformats.org/drawingml/2006/chart" xmlns:r="http://schemas.openxmlformats.org/officeDocument/2006/relationships" r:id="rId4"/>
          </a:graphicData>
        </a:graphic>
      </p:graphicFrame>
      <p:sp>
        <p:nvSpPr>
          <p:cNvPr id="9" name="TextBox 8">
            <a:extLst>
              <a:ext uri="{FF2B5EF4-FFF2-40B4-BE49-F238E27FC236}">
                <a16:creationId xmlns:a16="http://schemas.microsoft.com/office/drawing/2014/main" id="{40A8A990-48B6-3259-314E-E034D47B1163}"/>
              </a:ext>
            </a:extLst>
          </p:cNvPr>
          <p:cNvSpPr txBox="1"/>
          <p:nvPr/>
        </p:nvSpPr>
        <p:spPr>
          <a:xfrm rot="16200000">
            <a:off x="-413384" y="3182583"/>
            <a:ext cx="2322968" cy="276999"/>
          </a:xfrm>
          <a:prstGeom prst="rect">
            <a:avLst/>
          </a:prstGeom>
          <a:solidFill>
            <a:srgbClr val="FFFFFF"/>
          </a:solidFill>
        </p:spPr>
        <p:txBody>
          <a:bodyPr wrap="square"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200" b="0" i="0" u="none" strike="noStrike" kern="0" cap="none" spc="0" normalizeH="0" baseline="0" noProof="0">
                <a:ln>
                  <a:noFill/>
                </a:ln>
                <a:solidFill>
                  <a:srgbClr val="000000"/>
                </a:solidFill>
                <a:effectLst/>
                <a:uLnTx/>
                <a:uFillTx/>
              </a:rPr>
              <a:t>Percent (%)</a:t>
            </a:r>
          </a:p>
        </p:txBody>
      </p:sp>
    </p:spTree>
    <p:extLst>
      <p:ext uri="{BB962C8B-B14F-4D97-AF65-F5344CB8AC3E}">
        <p14:creationId xmlns:p14="http://schemas.microsoft.com/office/powerpoint/2010/main" val="302714397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BAEDB80B-2D7A-2630-4A3D-FA90278D37E9}"/>
              </a:ext>
            </a:extLst>
          </p:cNvPr>
          <p:cNvSpPr>
            <a:spLocks noGrp="1"/>
          </p:cNvSpPr>
          <p:nvPr>
            <p:ph type="title"/>
          </p:nvPr>
        </p:nvSpPr>
        <p:spPr/>
        <p:txBody>
          <a:bodyPr/>
          <a:lstStyle/>
          <a:p>
            <a:r>
              <a:rPr lang="en-US"/>
              <a:t>Returns for Some Sectors Driven by Largest Stocks</a:t>
            </a:r>
          </a:p>
        </p:txBody>
      </p:sp>
      <p:sp>
        <p:nvSpPr>
          <p:cNvPr id="5" name="Slide Number Placeholder 4">
            <a:extLst>
              <a:ext uri="{FF2B5EF4-FFF2-40B4-BE49-F238E27FC236}">
                <a16:creationId xmlns:a16="http://schemas.microsoft.com/office/drawing/2014/main" id="{42B070AD-20E4-DB47-AE0C-1C2C80195A9E}"/>
              </a:ext>
            </a:extLst>
          </p:cNvPr>
          <p:cNvSpPr>
            <a:spLocks noGrp="1"/>
          </p:cNvSpPr>
          <p:nvPr>
            <p:ph type="sldNum" sz="quarter" idx="4"/>
          </p:nvPr>
        </p:nvSpPr>
        <p:spPr/>
        <p:txBody>
          <a:bodyPr/>
          <a:lstStyle/>
          <a:p>
            <a:fld id="{E92998B1-16BE-2C4D-8951-5952C4F26F4F}" type="slidenum">
              <a:rPr lang="en-US" smtClean="0"/>
              <a:pPr/>
              <a:t>22</a:t>
            </a:fld>
            <a:endParaRPr lang="en-US" b="1">
              <a:latin typeface="Avenir Heavy" panose="02000503020000020003" pitchFamily="2" charset="0"/>
            </a:endParaRPr>
          </a:p>
        </p:txBody>
      </p:sp>
      <p:sp>
        <p:nvSpPr>
          <p:cNvPr id="15" name="TextBox 14">
            <a:extLst>
              <a:ext uri="{FF2B5EF4-FFF2-40B4-BE49-F238E27FC236}">
                <a16:creationId xmlns:a16="http://schemas.microsoft.com/office/drawing/2014/main" id="{5B9570F6-52D2-A896-5F18-3EE7AB584874}"/>
              </a:ext>
            </a:extLst>
          </p:cNvPr>
          <p:cNvSpPr txBox="1"/>
          <p:nvPr/>
        </p:nvSpPr>
        <p:spPr>
          <a:xfrm>
            <a:off x="609600" y="1316076"/>
            <a:ext cx="4892040" cy="523220"/>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S</a:t>
            </a:r>
            <a:r>
              <a:rPr lang="en-US" sz="1400" b="1">
                <a:solidFill>
                  <a:srgbClr val="000000"/>
                </a:solidFill>
                <a:latin typeface="Verdana"/>
              </a:rPr>
              <a:t>&amp;P 500, S&amp;P 500 Equal-Weighted and S&amp;P 600 Index Returns by Sector, Year to Date</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sp>
        <p:nvSpPr>
          <p:cNvPr id="2" name="TextBox 1">
            <a:extLst>
              <a:ext uri="{FF2B5EF4-FFF2-40B4-BE49-F238E27FC236}">
                <a16:creationId xmlns:a16="http://schemas.microsoft.com/office/drawing/2014/main" id="{CC7252E8-9A28-59AD-D253-FAF99DA007BF}"/>
              </a:ext>
            </a:extLst>
          </p:cNvPr>
          <p:cNvSpPr txBox="1"/>
          <p:nvPr/>
        </p:nvSpPr>
        <p:spPr>
          <a:xfrm>
            <a:off x="1877300" y="5859925"/>
            <a:ext cx="9136499" cy="830997"/>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Verdan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Note: views are from a U.S. dollar perspective. This material represents an assessment of the market environment at a specific time and is not intended to be a forecast or guarantee of future results. Source: Kestra Investment Management with data from FactSet. Index proxies: S&amp;P 500, S&amp;P 500 Equally Weighted and S&amp;P 600 Index. Data as of September 30, 2023. </a:t>
            </a:r>
          </a:p>
        </p:txBody>
      </p:sp>
      <p:sp>
        <p:nvSpPr>
          <p:cNvPr id="8" name="TextBox 7">
            <a:extLst>
              <a:ext uri="{FF2B5EF4-FFF2-40B4-BE49-F238E27FC236}">
                <a16:creationId xmlns:a16="http://schemas.microsoft.com/office/drawing/2014/main" id="{E82EAB90-744F-CF80-D2D2-8F323D0376D4}"/>
              </a:ext>
            </a:extLst>
          </p:cNvPr>
          <p:cNvSpPr txBox="1"/>
          <p:nvPr/>
        </p:nvSpPr>
        <p:spPr>
          <a:xfrm>
            <a:off x="5921112" y="5444203"/>
            <a:ext cx="1507016" cy="276999"/>
          </a:xfrm>
          <a:prstGeom prst="rect">
            <a:avLst/>
          </a:prstGeom>
          <a:noFill/>
        </p:spPr>
        <p:txBody>
          <a:bodyPr wrap="none" rtlCol="0">
            <a:spAutoFit/>
          </a:bodyPr>
          <a:lstStyle/>
          <a:p>
            <a:r>
              <a:rPr lang="en-US" sz="1200"/>
              <a:t>Year to Date (%)</a:t>
            </a:r>
          </a:p>
        </p:txBody>
      </p:sp>
      <p:graphicFrame>
        <p:nvGraphicFramePr>
          <p:cNvPr id="3" name="Chart 2">
            <a:extLst>
              <a:ext uri="{FF2B5EF4-FFF2-40B4-BE49-F238E27FC236}">
                <a16:creationId xmlns:a16="http://schemas.microsoft.com/office/drawing/2014/main" id="{00000000-0008-0000-2F00-000002000000}"/>
              </a:ext>
            </a:extLst>
          </p:cNvPr>
          <p:cNvGraphicFramePr>
            <a:graphicFrameLocks/>
          </p:cNvGraphicFramePr>
          <p:nvPr>
            <p:extLst>
              <p:ext uri="{D42A27DB-BD31-4B8C-83A1-F6EECF244321}">
                <p14:modId xmlns:p14="http://schemas.microsoft.com/office/powerpoint/2010/main" val="1996318168"/>
              </p:ext>
            </p:extLst>
          </p:nvPr>
        </p:nvGraphicFramePr>
        <p:xfrm>
          <a:off x="2246376" y="1978019"/>
          <a:ext cx="7699248" cy="3502152"/>
        </p:xfrm>
        <a:graphic>
          <a:graphicData uri="http://schemas.openxmlformats.org/drawingml/2006/chart">
            <c:chart xmlns:c="http://schemas.openxmlformats.org/drawingml/2006/chart" xmlns:r="http://schemas.openxmlformats.org/officeDocument/2006/relationships" r:id="rId3"/>
          </a:graphicData>
        </a:graphic>
      </p:graphicFrame>
      <p:sp>
        <p:nvSpPr>
          <p:cNvPr id="6" name="Oval 5">
            <a:extLst>
              <a:ext uri="{FF2B5EF4-FFF2-40B4-BE49-F238E27FC236}">
                <a16:creationId xmlns:a16="http://schemas.microsoft.com/office/drawing/2014/main" id="{F31F1E7A-77BD-2C70-D0B5-2AB0D5473A4D}"/>
              </a:ext>
            </a:extLst>
          </p:cNvPr>
          <p:cNvSpPr/>
          <p:nvPr/>
        </p:nvSpPr>
        <p:spPr>
          <a:xfrm>
            <a:off x="2030819" y="2031183"/>
            <a:ext cx="2339161" cy="844607"/>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7" name="Straight Arrow Connector 6">
            <a:extLst>
              <a:ext uri="{FF2B5EF4-FFF2-40B4-BE49-F238E27FC236}">
                <a16:creationId xmlns:a16="http://schemas.microsoft.com/office/drawing/2014/main" id="{92916E3E-DBF7-5872-05FB-93A2E1C280B1}"/>
              </a:ext>
            </a:extLst>
          </p:cNvPr>
          <p:cNvCxnSpPr>
            <a:cxnSpLocks/>
          </p:cNvCxnSpPr>
          <p:nvPr/>
        </p:nvCxnSpPr>
        <p:spPr>
          <a:xfrm>
            <a:off x="4585537" y="2453486"/>
            <a:ext cx="1510463" cy="0"/>
          </a:xfrm>
          <a:prstGeom prst="straightConnector1">
            <a:avLst/>
          </a:prstGeom>
          <a:ln w="19050">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1834514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Chart 3">
            <a:extLst>
              <a:ext uri="{FF2B5EF4-FFF2-40B4-BE49-F238E27FC236}">
                <a16:creationId xmlns:a16="http://schemas.microsoft.com/office/drawing/2014/main" id="{00000000-0008-0000-1500-000004000000}"/>
              </a:ext>
            </a:extLst>
          </p:cNvPr>
          <p:cNvGraphicFramePr>
            <a:graphicFrameLocks/>
          </p:cNvGraphicFramePr>
          <p:nvPr>
            <p:extLst>
              <p:ext uri="{D42A27DB-BD31-4B8C-83A1-F6EECF244321}">
                <p14:modId xmlns:p14="http://schemas.microsoft.com/office/powerpoint/2010/main" val="2595258338"/>
              </p:ext>
            </p:extLst>
          </p:nvPr>
        </p:nvGraphicFramePr>
        <p:xfrm>
          <a:off x="5470263" y="2062328"/>
          <a:ext cx="5705856" cy="3456432"/>
        </p:xfrm>
        <a:graphic>
          <a:graphicData uri="http://schemas.openxmlformats.org/drawingml/2006/chart">
            <c:chart xmlns:c="http://schemas.openxmlformats.org/drawingml/2006/chart" xmlns:r="http://schemas.openxmlformats.org/officeDocument/2006/relationships" r:id="rId3"/>
          </a:graphicData>
        </a:graphic>
      </p:graphicFrame>
      <p:sp>
        <p:nvSpPr>
          <p:cNvPr id="5" name="Slide Number Placeholder 4">
            <a:extLst>
              <a:ext uri="{FF2B5EF4-FFF2-40B4-BE49-F238E27FC236}">
                <a16:creationId xmlns:a16="http://schemas.microsoft.com/office/drawing/2014/main" id="{D6782771-2B95-48DF-A5F7-86BFBFE2C706}"/>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3</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3" name="TextBox 2">
            <a:extLst>
              <a:ext uri="{FF2B5EF4-FFF2-40B4-BE49-F238E27FC236}">
                <a16:creationId xmlns:a16="http://schemas.microsoft.com/office/drawing/2014/main" id="{92C7556B-68A1-56EB-277D-DF8C3DA59ECA}"/>
              </a:ext>
            </a:extLst>
          </p:cNvPr>
          <p:cNvSpPr txBox="1"/>
          <p:nvPr/>
        </p:nvSpPr>
        <p:spPr>
          <a:xfrm>
            <a:off x="9092744" y="5533943"/>
            <a:ext cx="1643923"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0000"/>
                </a:solidFill>
                <a:effectLst/>
                <a:uLnTx/>
                <a:uFillTx/>
                <a:latin typeface="Verdana"/>
                <a:ea typeface="+mn-ea"/>
                <a:cs typeface="+mn-cs"/>
              </a:rPr>
              <a:t>*Estimates</a:t>
            </a:r>
          </a:p>
        </p:txBody>
      </p:sp>
      <p:sp>
        <p:nvSpPr>
          <p:cNvPr id="6" name="TextBox 5">
            <a:extLst>
              <a:ext uri="{FF2B5EF4-FFF2-40B4-BE49-F238E27FC236}">
                <a16:creationId xmlns:a16="http://schemas.microsoft.com/office/drawing/2014/main" id="{0DE303B4-6A88-CBA8-A620-F17E895F38DF}"/>
              </a:ext>
            </a:extLst>
          </p:cNvPr>
          <p:cNvSpPr txBox="1"/>
          <p:nvPr/>
        </p:nvSpPr>
        <p:spPr>
          <a:xfrm>
            <a:off x="6152500" y="5533943"/>
            <a:ext cx="2258008"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0000"/>
                </a:solidFill>
                <a:effectLst/>
                <a:uLnTx/>
                <a:uFillTx/>
                <a:latin typeface="Verdana"/>
                <a:ea typeface="+mn-ea"/>
                <a:cs typeface="+mn-cs"/>
              </a:rPr>
              <a:t>Actuals</a:t>
            </a:r>
          </a:p>
        </p:txBody>
      </p:sp>
      <p:sp>
        <p:nvSpPr>
          <p:cNvPr id="9" name="TextBox 8">
            <a:extLst>
              <a:ext uri="{FF2B5EF4-FFF2-40B4-BE49-F238E27FC236}">
                <a16:creationId xmlns:a16="http://schemas.microsoft.com/office/drawing/2014/main" id="{0304F991-EE5E-780A-A061-57C42BC15C36}"/>
              </a:ext>
            </a:extLst>
          </p:cNvPr>
          <p:cNvSpPr txBox="1"/>
          <p:nvPr/>
        </p:nvSpPr>
        <p:spPr>
          <a:xfrm>
            <a:off x="5470263" y="1437249"/>
            <a:ext cx="5373552" cy="52322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S&amp;P 500 Calendar Year Bottom-Up EPS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Actuals &amp; Estimates</a:t>
            </a:r>
          </a:p>
        </p:txBody>
      </p:sp>
      <p:sp>
        <p:nvSpPr>
          <p:cNvPr id="8" name="TextBox 7">
            <a:extLst>
              <a:ext uri="{FF2B5EF4-FFF2-40B4-BE49-F238E27FC236}">
                <a16:creationId xmlns:a16="http://schemas.microsoft.com/office/drawing/2014/main" id="{8BF80312-3BE8-2EC2-A2A0-7F01DA243F4F}"/>
              </a:ext>
            </a:extLst>
          </p:cNvPr>
          <p:cNvSpPr txBox="1"/>
          <p:nvPr/>
        </p:nvSpPr>
        <p:spPr>
          <a:xfrm>
            <a:off x="2277294" y="6306773"/>
            <a:ext cx="7637412" cy="507831"/>
          </a:xfrm>
          <a:prstGeom prst="rect">
            <a:avLst/>
          </a:prstGeom>
          <a:noFill/>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Verdana"/>
                <a:cs typeface="+mn-cs"/>
              </a:rPr>
              <a:t>*Estimates. Forward looking estimates may not come to pass. </a:t>
            </a:r>
            <a:r>
              <a:rPr kumimoji="0" lang="en-US" sz="900" b="0" i="0" u="none" strike="noStrike" kern="1200" cap="none" spc="0" normalizeH="0" baseline="0" noProof="0">
                <a:ln>
                  <a:noFill/>
                </a:ln>
                <a:solidFill>
                  <a:srgbClr val="000000"/>
                </a:solidFill>
                <a:effectLst/>
                <a:uLnTx/>
                <a:uFillTx/>
                <a:latin typeface="Verdana"/>
                <a:ea typeface="Verdana"/>
                <a:cs typeface="+mn-cs"/>
              </a:rPr>
              <a:t>Source: Kestra Investment Management and FactSet. Index: S&amp;P 500. Data as of September </a:t>
            </a:r>
            <a:r>
              <a:rPr lang="en-US" sz="900">
                <a:solidFill>
                  <a:srgbClr val="000000"/>
                </a:solidFill>
                <a:latin typeface="Verdana"/>
                <a:ea typeface="Verdana"/>
              </a:rPr>
              <a:t>30</a:t>
            </a:r>
            <a:r>
              <a:rPr kumimoji="0" lang="en-US" sz="900" b="0" i="0" u="none" strike="noStrike" kern="1200" cap="none" spc="0" normalizeH="0" baseline="0" noProof="0">
                <a:ln>
                  <a:noFill/>
                </a:ln>
                <a:solidFill>
                  <a:srgbClr val="000000"/>
                </a:solidFill>
                <a:effectLst/>
                <a:uLnTx/>
                <a:uFillTx/>
                <a:latin typeface="Verdana"/>
                <a:ea typeface="Verdana"/>
                <a:cs typeface="+mn-cs"/>
              </a:rPr>
              <a:t>, 2023.</a:t>
            </a:r>
            <a:br>
              <a:rPr kumimoji="0" lang="en-US" sz="900" b="0" i="0" u="none" strike="noStrike" kern="1200" cap="none" spc="0" normalizeH="0" baseline="0" noProof="0">
                <a:ln>
                  <a:noFill/>
                </a:ln>
                <a:solidFill>
                  <a:srgbClr val="000000"/>
                </a:solidFill>
                <a:effectLst/>
                <a:uLnTx/>
                <a:uFillTx/>
                <a:latin typeface="Verdana"/>
                <a:ea typeface="Verdana"/>
                <a:cs typeface="+mn-cs"/>
              </a:rPr>
            </a:br>
            <a:endParaRPr kumimoji="0" lang="en-US" sz="900" b="0" i="0" u="none" strike="noStrike" kern="1200" cap="none" spc="0" normalizeH="0" baseline="0" noProof="0">
              <a:ln>
                <a:noFill/>
              </a:ln>
              <a:solidFill>
                <a:srgbClr val="000000"/>
              </a:solidFill>
              <a:effectLst/>
              <a:uLnTx/>
              <a:uFillTx/>
              <a:latin typeface="Verdana"/>
              <a:ea typeface="Verdana"/>
              <a:cs typeface="+mn-lt"/>
            </a:endParaRPr>
          </a:p>
        </p:txBody>
      </p:sp>
      <p:cxnSp>
        <p:nvCxnSpPr>
          <p:cNvPr id="10" name="Straight Arrow Connector 9">
            <a:extLst>
              <a:ext uri="{FF2B5EF4-FFF2-40B4-BE49-F238E27FC236}">
                <a16:creationId xmlns:a16="http://schemas.microsoft.com/office/drawing/2014/main" id="{916C7040-3112-FDD0-62BC-41750DA5E659}"/>
              </a:ext>
            </a:extLst>
          </p:cNvPr>
          <p:cNvCxnSpPr>
            <a:cxnSpLocks/>
          </p:cNvCxnSpPr>
          <p:nvPr/>
        </p:nvCxnSpPr>
        <p:spPr>
          <a:xfrm flipV="1">
            <a:off x="9554402" y="2623167"/>
            <a:ext cx="510261" cy="261811"/>
          </a:xfrm>
          <a:prstGeom prst="straightConnector1">
            <a:avLst/>
          </a:prstGeom>
          <a:ln w="15875">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12" name="TextBox 11">
            <a:extLst>
              <a:ext uri="{FF2B5EF4-FFF2-40B4-BE49-F238E27FC236}">
                <a16:creationId xmlns:a16="http://schemas.microsoft.com/office/drawing/2014/main" id="{FD32F6A5-A349-6AAE-CE1F-D1A39DA3B567}"/>
              </a:ext>
            </a:extLst>
          </p:cNvPr>
          <p:cNvSpPr txBox="1"/>
          <p:nvPr/>
        </p:nvSpPr>
        <p:spPr>
          <a:xfrm>
            <a:off x="9352332" y="2349961"/>
            <a:ext cx="914400"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a:t>
            </a:r>
            <a:r>
              <a:rPr lang="en-US" sz="1400" b="1">
                <a:solidFill>
                  <a:srgbClr val="000000"/>
                </a:solidFill>
                <a:latin typeface="Verdana"/>
              </a:rPr>
              <a:t>12</a:t>
            </a:r>
            <a:r>
              <a:rPr kumimoji="0" lang="en-US" sz="1400" b="1" i="0" u="none" strike="noStrike" kern="1200" cap="none" spc="0" normalizeH="0" baseline="0" noProof="0">
                <a:ln>
                  <a:noFill/>
                </a:ln>
                <a:solidFill>
                  <a:srgbClr val="000000"/>
                </a:solidFill>
                <a:effectLst/>
                <a:uLnTx/>
                <a:uFillTx/>
                <a:latin typeface="Verdana"/>
                <a:ea typeface="+mn-ea"/>
                <a:cs typeface="+mn-cs"/>
              </a:rPr>
              <a:t>%</a:t>
            </a:r>
          </a:p>
        </p:txBody>
      </p:sp>
      <p:sp>
        <p:nvSpPr>
          <p:cNvPr id="13" name="Rectangle 12">
            <a:extLst>
              <a:ext uri="{FF2B5EF4-FFF2-40B4-BE49-F238E27FC236}">
                <a16:creationId xmlns:a16="http://schemas.microsoft.com/office/drawing/2014/main" id="{DF604606-CCE2-9A6C-5D2B-BE234F7B3D9D}"/>
              </a:ext>
            </a:extLst>
          </p:cNvPr>
          <p:cNvSpPr>
            <a:spLocks noChangeAspect="1"/>
          </p:cNvSpPr>
          <p:nvPr/>
        </p:nvSpPr>
        <p:spPr>
          <a:xfrm>
            <a:off x="1015881" y="2294443"/>
            <a:ext cx="3769895" cy="2269114"/>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After moderating significantly over the last six months, earnings estimates have stabilized</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1600" b="0" i="0" u="none" strike="noStrike" kern="1200" cap="none" spc="0" normalizeH="0" baseline="0" noProof="0">
              <a:ln>
                <a:noFill/>
              </a:ln>
              <a:solidFill>
                <a:srgbClr val="FFFFFF"/>
              </a:solidFill>
              <a:effectLst/>
              <a:uLnTx/>
              <a:uFillTx/>
              <a:latin typeface="Verdana"/>
              <a:ea typeface="+mn-ea"/>
              <a:cs typeface="+mn-c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Analysts currently expect 12% increase in earnings in 2024 versus 2023</a:t>
            </a:r>
          </a:p>
        </p:txBody>
      </p:sp>
      <p:sp>
        <p:nvSpPr>
          <p:cNvPr id="16" name="Title 3">
            <a:extLst>
              <a:ext uri="{FF2B5EF4-FFF2-40B4-BE49-F238E27FC236}">
                <a16:creationId xmlns:a16="http://schemas.microsoft.com/office/drawing/2014/main" id="{49CEE820-2EB1-8B88-C1E0-CC33E22A397F}"/>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Corporate Earnings Have Stabilized</a:t>
            </a:r>
          </a:p>
        </p:txBody>
      </p:sp>
    </p:spTree>
    <p:extLst>
      <p:ext uri="{BB962C8B-B14F-4D97-AF65-F5344CB8AC3E}">
        <p14:creationId xmlns:p14="http://schemas.microsoft.com/office/powerpoint/2010/main" val="223767916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a:extLst>
              <a:ext uri="{FF2B5EF4-FFF2-40B4-BE49-F238E27FC236}">
                <a16:creationId xmlns:a16="http://schemas.microsoft.com/office/drawing/2014/main" id="{43CAF1FF-710A-6C17-4CCC-6561470FBA54}"/>
              </a:ext>
            </a:extLst>
          </p:cNvPr>
          <p:cNvGraphicFramePr>
            <a:graphicFrameLocks noChangeAspect="1"/>
          </p:cNvGraphicFramePr>
          <p:nvPr/>
        </p:nvGraphicFramePr>
        <p:xfrm>
          <a:off x="1670050" y="1103313"/>
          <a:ext cx="8851900" cy="4837112"/>
        </p:xfrm>
        <a:graphic>
          <a:graphicData uri="http://schemas.openxmlformats.org/presentationml/2006/ole">
            <mc:AlternateContent xmlns:mc="http://schemas.openxmlformats.org/markup-compatibility/2006">
              <mc:Choice xmlns:v="urn:schemas-microsoft-com:vml" Requires="v">
                <p:oleObj name="ActiveGraph" r:id="rId3" imgW="8807438" imgH="4806906" progId="FDSCHART.FDSChartCtrlUnicode.1">
                  <p:embed/>
                </p:oleObj>
              </mc:Choice>
              <mc:Fallback>
                <p:oleObj name="ActiveGraph" r:id="rId3" imgW="8807438" imgH="4806906" progId="FDSCHART.FDSChartCtrlUnicode.1">
                  <p:embed/>
                  <p:pic>
                    <p:nvPicPr>
                      <p:cNvPr id="3" name="Object 2">
                        <a:extLst>
                          <a:ext uri="{FF2B5EF4-FFF2-40B4-BE49-F238E27FC236}">
                            <a16:creationId xmlns:a16="http://schemas.microsoft.com/office/drawing/2014/main" id="{43CAF1FF-710A-6C17-4CCC-6561470FBA54}"/>
                          </a:ext>
                        </a:extLst>
                      </p:cNvPr>
                      <p:cNvPicPr/>
                      <p:nvPr/>
                    </p:nvPicPr>
                    <p:blipFill>
                      <a:blip r:embed="rId4"/>
                      <a:stretch>
                        <a:fillRect/>
                      </a:stretch>
                    </p:blipFill>
                    <p:spPr>
                      <a:xfrm>
                        <a:off x="1670050" y="1103313"/>
                        <a:ext cx="8851900" cy="4837112"/>
                      </a:xfrm>
                      <a:prstGeom prst="rect">
                        <a:avLst/>
                      </a:prstGeom>
                    </p:spPr>
                  </p:pic>
                </p:oleObj>
              </mc:Fallback>
            </mc:AlternateContent>
          </a:graphicData>
        </a:graphic>
      </p:graphicFrame>
      <p:sp>
        <p:nvSpPr>
          <p:cNvPr id="6" name="Slide Number Placeholder 5">
            <a:extLst>
              <a:ext uri="{FF2B5EF4-FFF2-40B4-BE49-F238E27FC236}">
                <a16:creationId xmlns:a16="http://schemas.microsoft.com/office/drawing/2014/main" id="{58C56678-43E4-44C6-BA55-E91BB5B56FD2}"/>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4</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21" name="TextBox 20">
            <a:extLst>
              <a:ext uri="{FF2B5EF4-FFF2-40B4-BE49-F238E27FC236}">
                <a16:creationId xmlns:a16="http://schemas.microsoft.com/office/drawing/2014/main" id="{95B1F701-A8C4-4B2F-A770-BDB15EAEAB8A}"/>
              </a:ext>
            </a:extLst>
          </p:cNvPr>
          <p:cNvSpPr txBox="1"/>
          <p:nvPr/>
        </p:nvSpPr>
        <p:spPr>
          <a:xfrm>
            <a:off x="1923122" y="6273946"/>
            <a:ext cx="9312910" cy="646331"/>
          </a:xfrm>
          <a:prstGeom prst="rect">
            <a:avLst/>
          </a:prstGeom>
          <a:noFill/>
        </p:spPr>
        <p:txBody>
          <a:bodyPr wrap="square" lIns="91440" tIns="45720" rIns="91440" bIns="45720" rtlCol="0" anchor="t">
            <a:spAutoFit/>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mn-ea"/>
                <a:cs typeface="+mn-cs"/>
              </a:rPr>
              <a:t>Past performance is not a reliable indicator of current or future results.</a:t>
            </a:r>
            <a:r>
              <a:rPr kumimoji="0" lang="en-US" sz="900" b="0" i="0" u="none" strike="noStrike" kern="1200" cap="none" spc="0" normalizeH="0" baseline="0" noProof="0">
                <a:ln>
                  <a:noFill/>
                </a:ln>
                <a:solidFill>
                  <a:srgbClr val="000000"/>
                </a:solidFill>
                <a:effectLst/>
                <a:uLnTx/>
                <a:uFillTx/>
                <a:latin typeface="Verdana"/>
                <a:ea typeface="+mn-ea"/>
                <a:cs typeface="+mn-cs"/>
              </a:rPr>
              <a:t> </a:t>
            </a:r>
            <a:r>
              <a:rPr kumimoji="0" lang="en-US" sz="900" b="1" i="0" u="none" strike="noStrike" kern="1200" cap="none" spc="0" normalizeH="0" baseline="0" noProof="0">
                <a:ln>
                  <a:noFill/>
                </a:ln>
                <a:solidFill>
                  <a:srgbClr val="000000"/>
                </a:solidFill>
                <a:effectLst/>
                <a:uLnTx/>
                <a:uFillTx/>
                <a:latin typeface="Verdana"/>
                <a:ea typeface="+mn-ea"/>
                <a:cs typeface="+mn-cs"/>
              </a:rPr>
              <a:t>Forward looking estimates may not come to pass. Indexes are unmanaged and not subject to fees. It is not possible to invest directly in an index.</a:t>
            </a:r>
            <a:r>
              <a:rPr kumimoji="0" lang="en-US" sz="900" b="0" i="0" u="none" strike="noStrike" kern="1200" cap="none" spc="0" normalizeH="0" baseline="0" noProof="0">
                <a:ln>
                  <a:noFill/>
                </a:ln>
                <a:solidFill>
                  <a:srgbClr val="000000"/>
                </a:solidFill>
                <a:effectLst/>
                <a:uLnTx/>
                <a:uFillTx/>
                <a:latin typeface="Verdana"/>
                <a:ea typeface="+mn-ea"/>
                <a:cs typeface="+mn-cs"/>
              </a:rPr>
              <a:t> Index proxy: S&amp;P 500 Index. Source: Kestra Investment Management, S&amp;P and FactSet. Data as of September </a:t>
            </a:r>
            <a:r>
              <a:rPr lang="en-US" sz="900">
                <a:solidFill>
                  <a:srgbClr val="000000"/>
                </a:solidFill>
                <a:latin typeface="Verdana"/>
              </a:rPr>
              <a:t>30</a:t>
            </a:r>
            <a:r>
              <a:rPr kumimoji="0" lang="en-US" sz="900" b="0" i="0" u="none" strike="noStrike" kern="1200" cap="none" spc="0" normalizeH="0" baseline="0" noProof="0">
                <a:ln>
                  <a:noFill/>
                </a:ln>
                <a:solidFill>
                  <a:srgbClr val="000000"/>
                </a:solidFill>
                <a:effectLst/>
                <a:uLnTx/>
                <a:uFillTx/>
                <a:latin typeface="Verdana"/>
                <a:ea typeface="+mn-ea"/>
                <a:cs typeface="+mn-cs"/>
              </a:rPr>
              <a:t>, 2023.</a:t>
            </a:r>
            <a:endParaRPr kumimoji="0" lang="en-US" sz="1800" b="0" i="0" u="none" strike="noStrike" kern="1200" cap="none" spc="0" normalizeH="0" baseline="0" noProof="0">
              <a:ln>
                <a:noFill/>
              </a:ln>
              <a:solidFill>
                <a:srgbClr val="000000"/>
              </a:solidFill>
              <a:effectLst/>
              <a:uLnTx/>
              <a:uFillTx/>
              <a:latin typeface="Verdana"/>
              <a:ea typeface="Verdana"/>
              <a:cs typeface="+mn-cs"/>
            </a:endParaRPr>
          </a:p>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a:ea typeface="+mn-ea"/>
                <a:cs typeface="+mn-cs"/>
              </a:rPr>
              <a:t>​</a:t>
            </a:r>
            <a:endParaRPr kumimoji="0" lang="en-US" sz="900" b="0" i="0" u="none" strike="noStrike" kern="1200" cap="none" spc="0" normalizeH="0" baseline="0" noProof="0">
              <a:ln>
                <a:noFill/>
              </a:ln>
              <a:solidFill>
                <a:srgbClr val="000000"/>
              </a:solidFill>
              <a:effectLst/>
              <a:uLnTx/>
              <a:uFillTx/>
              <a:latin typeface="Verdana"/>
              <a:ea typeface="Verdana"/>
              <a:cs typeface="+mn-cs"/>
            </a:endParaRPr>
          </a:p>
        </p:txBody>
      </p:sp>
      <p:sp>
        <p:nvSpPr>
          <p:cNvPr id="11" name="TextBox 10">
            <a:extLst>
              <a:ext uri="{FF2B5EF4-FFF2-40B4-BE49-F238E27FC236}">
                <a16:creationId xmlns:a16="http://schemas.microsoft.com/office/drawing/2014/main" id="{8EB46FE0-D96D-AED3-3029-2F82F00B5235}"/>
              </a:ext>
            </a:extLst>
          </p:cNvPr>
          <p:cNvSpPr txBox="1"/>
          <p:nvPr/>
        </p:nvSpPr>
        <p:spPr>
          <a:xfrm>
            <a:off x="1590008" y="1158622"/>
            <a:ext cx="6487503"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S&amp;P 500 Price to Forward Earnings (Next Twelve Months)</a:t>
            </a:r>
          </a:p>
        </p:txBody>
      </p:sp>
      <p:sp>
        <p:nvSpPr>
          <p:cNvPr id="5" name="Speech Bubble: Rectangle 4">
            <a:extLst>
              <a:ext uri="{FF2B5EF4-FFF2-40B4-BE49-F238E27FC236}">
                <a16:creationId xmlns:a16="http://schemas.microsoft.com/office/drawing/2014/main" id="{D51C032E-B450-BB34-4CE1-6586745ADDE0}"/>
              </a:ext>
            </a:extLst>
          </p:cNvPr>
          <p:cNvSpPr/>
          <p:nvPr/>
        </p:nvSpPr>
        <p:spPr>
          <a:xfrm>
            <a:off x="4629013" y="2323838"/>
            <a:ext cx="2020185" cy="919716"/>
          </a:xfrm>
          <a:prstGeom prst="wedgeRectCallout">
            <a:avLst>
              <a:gd name="adj1" fmla="val -57544"/>
              <a:gd name="adj2" fmla="val 97391"/>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Price-to-forward-earnings average since 2000</a:t>
            </a:r>
          </a:p>
        </p:txBody>
      </p:sp>
      <p:sp>
        <p:nvSpPr>
          <p:cNvPr id="8" name="Title 3">
            <a:extLst>
              <a:ext uri="{FF2B5EF4-FFF2-40B4-BE49-F238E27FC236}">
                <a16:creationId xmlns:a16="http://schemas.microsoft.com/office/drawing/2014/main" id="{5320830D-AF14-0CB6-741F-0EE5B2ED8BC4}"/>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Valuations Rebounded in Early 2023</a:t>
            </a:r>
          </a:p>
        </p:txBody>
      </p:sp>
    </p:spTree>
    <p:extLst>
      <p:ext uri="{BB962C8B-B14F-4D97-AF65-F5344CB8AC3E}">
        <p14:creationId xmlns:p14="http://schemas.microsoft.com/office/powerpoint/2010/main" val="131780427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Chart 6">
            <a:extLst>
              <a:ext uri="{FF2B5EF4-FFF2-40B4-BE49-F238E27FC236}">
                <a16:creationId xmlns:a16="http://schemas.microsoft.com/office/drawing/2014/main" id="{00000000-0008-0000-4000-000002000000}"/>
              </a:ext>
            </a:extLst>
          </p:cNvPr>
          <p:cNvGraphicFramePr>
            <a:graphicFrameLocks/>
          </p:cNvGraphicFramePr>
          <p:nvPr>
            <p:extLst>
              <p:ext uri="{D42A27DB-BD31-4B8C-83A1-F6EECF244321}">
                <p14:modId xmlns:p14="http://schemas.microsoft.com/office/powerpoint/2010/main" val="2790331753"/>
              </p:ext>
            </p:extLst>
          </p:nvPr>
        </p:nvGraphicFramePr>
        <p:xfrm>
          <a:off x="1743456" y="1527048"/>
          <a:ext cx="8705088" cy="4327124"/>
        </p:xfrm>
        <a:graphic>
          <a:graphicData uri="http://schemas.openxmlformats.org/drawingml/2006/chart">
            <c:chart xmlns:c="http://schemas.openxmlformats.org/drawingml/2006/chart" xmlns:r="http://schemas.openxmlformats.org/officeDocument/2006/relationships" r:id="rId3"/>
          </a:graphicData>
        </a:graphic>
      </p:graphicFrame>
      <p:sp>
        <p:nvSpPr>
          <p:cNvPr id="4" name="Title 3">
            <a:extLst>
              <a:ext uri="{FF2B5EF4-FFF2-40B4-BE49-F238E27FC236}">
                <a16:creationId xmlns:a16="http://schemas.microsoft.com/office/drawing/2014/main" id="{2F04ED69-C5C2-4F7C-A363-ECFDDE35F80E}"/>
              </a:ext>
            </a:extLst>
          </p:cNvPr>
          <p:cNvSpPr>
            <a:spLocks noGrp="1"/>
          </p:cNvSpPr>
          <p:nvPr>
            <p:ph type="title"/>
          </p:nvPr>
        </p:nvSpPr>
        <p:spPr/>
        <p:txBody>
          <a:bodyPr/>
          <a:lstStyle/>
          <a:p>
            <a:r>
              <a:rPr lang="en-US"/>
              <a:t>Valuations by Sector</a:t>
            </a:r>
          </a:p>
        </p:txBody>
      </p:sp>
      <p:sp>
        <p:nvSpPr>
          <p:cNvPr id="5" name="Slide Number Placeholder 4">
            <a:extLst>
              <a:ext uri="{FF2B5EF4-FFF2-40B4-BE49-F238E27FC236}">
                <a16:creationId xmlns:a16="http://schemas.microsoft.com/office/drawing/2014/main" id="{58F91BF1-7FB7-C003-602C-BACA655A16DD}"/>
              </a:ext>
            </a:extLst>
          </p:cNvPr>
          <p:cNvSpPr>
            <a:spLocks noGrp="1"/>
          </p:cNvSpPr>
          <p:nvPr>
            <p:ph type="sldNum" sz="quarter" idx="4"/>
          </p:nvPr>
        </p:nvSpPr>
        <p:spPr/>
        <p:txBody>
          <a:bodyPr/>
          <a:lstStyle/>
          <a:p>
            <a:fld id="{E92998B1-16BE-2C4D-8951-5952C4F26F4F}" type="slidenum">
              <a:rPr lang="en-US" smtClean="0"/>
              <a:pPr/>
              <a:t>25</a:t>
            </a:fld>
            <a:endParaRPr lang="en-US" b="1">
              <a:latin typeface="Avenir Heavy" panose="02000503020000020003" pitchFamily="2" charset="0"/>
            </a:endParaRPr>
          </a:p>
        </p:txBody>
      </p:sp>
      <p:sp>
        <p:nvSpPr>
          <p:cNvPr id="6" name="TextBox 5">
            <a:extLst>
              <a:ext uri="{FF2B5EF4-FFF2-40B4-BE49-F238E27FC236}">
                <a16:creationId xmlns:a16="http://schemas.microsoft.com/office/drawing/2014/main" id="{8A8C25C1-8699-3B48-E386-4E53547160AC}"/>
              </a:ext>
            </a:extLst>
          </p:cNvPr>
          <p:cNvSpPr txBox="1"/>
          <p:nvPr/>
        </p:nvSpPr>
        <p:spPr>
          <a:xfrm>
            <a:off x="1877300" y="5859925"/>
            <a:ext cx="9136499" cy="830997"/>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Verdan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Note: views are from a U.S. dollar perspective. This material represents an assessment of the market environment at a specific time and is not intended to be a forecast or guarantee of future results. Source: Kestra Investment Management with data from FactSet. Index proxies: S&amp;P 500. Data as of September 30, 2023. </a:t>
            </a:r>
          </a:p>
        </p:txBody>
      </p:sp>
      <p:sp>
        <p:nvSpPr>
          <p:cNvPr id="9" name="TextBox 8">
            <a:extLst>
              <a:ext uri="{FF2B5EF4-FFF2-40B4-BE49-F238E27FC236}">
                <a16:creationId xmlns:a16="http://schemas.microsoft.com/office/drawing/2014/main" id="{08EBAA28-A3BD-5372-A066-707062BDA38E}"/>
              </a:ext>
            </a:extLst>
          </p:cNvPr>
          <p:cNvSpPr txBox="1"/>
          <p:nvPr/>
        </p:nvSpPr>
        <p:spPr>
          <a:xfrm>
            <a:off x="1877300" y="1088407"/>
            <a:ext cx="7135177"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S&amp;P 500 Sectors Price-to-Forward Earnings (Next Twelve Months)</a:t>
            </a:r>
          </a:p>
        </p:txBody>
      </p:sp>
      <p:sp>
        <p:nvSpPr>
          <p:cNvPr id="2" name="Speech Bubble: Rectangle 1">
            <a:extLst>
              <a:ext uri="{FF2B5EF4-FFF2-40B4-BE49-F238E27FC236}">
                <a16:creationId xmlns:a16="http://schemas.microsoft.com/office/drawing/2014/main" id="{FAEE680B-C5D5-592A-16E5-A1252609AF89}"/>
              </a:ext>
            </a:extLst>
          </p:cNvPr>
          <p:cNvSpPr/>
          <p:nvPr/>
        </p:nvSpPr>
        <p:spPr>
          <a:xfrm>
            <a:off x="290610" y="2132805"/>
            <a:ext cx="1586690" cy="836215"/>
          </a:xfrm>
          <a:prstGeom prst="wedgeRectCallout">
            <a:avLst>
              <a:gd name="adj1" fmla="val 118270"/>
              <a:gd name="adj2" fmla="val -5171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Technology above 10-year average</a:t>
            </a:r>
          </a:p>
        </p:txBody>
      </p:sp>
      <p:sp>
        <p:nvSpPr>
          <p:cNvPr id="3" name="Speech Bubble: Rectangle 2">
            <a:extLst>
              <a:ext uri="{FF2B5EF4-FFF2-40B4-BE49-F238E27FC236}">
                <a16:creationId xmlns:a16="http://schemas.microsoft.com/office/drawing/2014/main" id="{48A9C598-136F-6301-5E2E-ADC2DBE6EBAB}"/>
              </a:ext>
            </a:extLst>
          </p:cNvPr>
          <p:cNvSpPr/>
          <p:nvPr/>
        </p:nvSpPr>
        <p:spPr>
          <a:xfrm>
            <a:off x="10412570" y="3043825"/>
            <a:ext cx="1586690" cy="939452"/>
          </a:xfrm>
          <a:prstGeom prst="wedgeRectCallout">
            <a:avLst>
              <a:gd name="adj1" fmla="val -74713"/>
              <a:gd name="adj2" fmla="val -34422"/>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Verdana"/>
                <a:ea typeface="+mn-ea"/>
                <a:cs typeface="+mn-cs"/>
              </a:rPr>
              <a:t>Energy below 10-year average</a:t>
            </a:r>
          </a:p>
        </p:txBody>
      </p:sp>
    </p:spTree>
    <p:extLst>
      <p:ext uri="{BB962C8B-B14F-4D97-AF65-F5344CB8AC3E}">
        <p14:creationId xmlns:p14="http://schemas.microsoft.com/office/powerpoint/2010/main" val="327392944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8B22AD8-A760-4678-48CA-494BE47F7644}"/>
              </a:ext>
            </a:extLst>
          </p:cNvPr>
          <p:cNvSpPr>
            <a:spLocks noGrp="1"/>
          </p:cNvSpPr>
          <p:nvPr>
            <p:ph type="title"/>
          </p:nvPr>
        </p:nvSpPr>
        <p:spPr/>
        <p:txBody>
          <a:bodyPr/>
          <a:lstStyle/>
          <a:p>
            <a:r>
              <a:rPr lang="en-US"/>
              <a:t>Moderate Signs of Stress in Corporates</a:t>
            </a:r>
          </a:p>
        </p:txBody>
      </p:sp>
      <p:sp>
        <p:nvSpPr>
          <p:cNvPr id="6" name="Slide Number Placeholder 5">
            <a:extLst>
              <a:ext uri="{FF2B5EF4-FFF2-40B4-BE49-F238E27FC236}">
                <a16:creationId xmlns:a16="http://schemas.microsoft.com/office/drawing/2014/main" id="{0218A8C3-E4DF-4142-97F9-B4599840CCB1}"/>
              </a:ext>
            </a:extLst>
          </p:cNvPr>
          <p:cNvSpPr>
            <a:spLocks noGrp="1"/>
          </p:cNvSpPr>
          <p:nvPr>
            <p:ph type="sldNum" sz="quarter" idx="4"/>
          </p:nvPr>
        </p:nvSpPr>
        <p:spPr/>
        <p:txBody>
          <a:bodyPr/>
          <a:lstStyle/>
          <a:p>
            <a:fld id="{E92998B1-16BE-2C4D-8951-5952C4F26F4F}" type="slidenum">
              <a:rPr lang="en-US" smtClean="0"/>
              <a:pPr/>
              <a:t>26</a:t>
            </a:fld>
            <a:endParaRPr lang="en-US" b="1">
              <a:latin typeface="Avenir Heavy" panose="02000503020000020003" pitchFamily="2" charset="0"/>
            </a:endParaRPr>
          </a:p>
        </p:txBody>
      </p:sp>
      <p:sp>
        <p:nvSpPr>
          <p:cNvPr id="12" name="TextBox 11">
            <a:extLst>
              <a:ext uri="{FF2B5EF4-FFF2-40B4-BE49-F238E27FC236}">
                <a16:creationId xmlns:a16="http://schemas.microsoft.com/office/drawing/2014/main" id="{E3062B91-3711-D014-C616-6A664F36A4EF}"/>
              </a:ext>
            </a:extLst>
          </p:cNvPr>
          <p:cNvSpPr txBox="1"/>
          <p:nvPr/>
        </p:nvSpPr>
        <p:spPr>
          <a:xfrm>
            <a:off x="866940" y="1263668"/>
            <a:ext cx="5119522" cy="307777"/>
          </a:xfrm>
          <a:prstGeom prst="rect">
            <a:avLst/>
          </a:prstGeom>
          <a:solidFill>
            <a:schemeClr val="bg1"/>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U.S. Bankruptcy Filings By Year</a:t>
            </a:r>
          </a:p>
        </p:txBody>
      </p:sp>
      <p:sp>
        <p:nvSpPr>
          <p:cNvPr id="13" name="TextBox 12">
            <a:extLst>
              <a:ext uri="{FF2B5EF4-FFF2-40B4-BE49-F238E27FC236}">
                <a16:creationId xmlns:a16="http://schemas.microsoft.com/office/drawing/2014/main" id="{98AEC4EC-C29A-0DBC-9E82-C35C06026B87}"/>
              </a:ext>
            </a:extLst>
          </p:cNvPr>
          <p:cNvSpPr txBox="1"/>
          <p:nvPr/>
        </p:nvSpPr>
        <p:spPr>
          <a:xfrm>
            <a:off x="6314441" y="1292809"/>
            <a:ext cx="5119522" cy="307777"/>
          </a:xfrm>
          <a:prstGeom prst="rect">
            <a:avLst/>
          </a:prstGeom>
          <a:solidFill>
            <a:schemeClr val="bg1"/>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a:solidFill>
                  <a:srgbClr val="000000"/>
                </a:solidFill>
                <a:latin typeface="Verdana"/>
              </a:rPr>
              <a:t>U.S. High Yield Option-Adjusted Spread</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sp>
        <p:nvSpPr>
          <p:cNvPr id="2" name="TextBox 1">
            <a:extLst>
              <a:ext uri="{FF2B5EF4-FFF2-40B4-BE49-F238E27FC236}">
                <a16:creationId xmlns:a16="http://schemas.microsoft.com/office/drawing/2014/main" id="{279588D8-902C-0794-7C81-F8C31FD1D036}"/>
              </a:ext>
            </a:extLst>
          </p:cNvPr>
          <p:cNvSpPr txBox="1"/>
          <p:nvPr/>
        </p:nvSpPr>
        <p:spPr>
          <a:xfrm>
            <a:off x="1877300" y="5929175"/>
            <a:ext cx="9136499" cy="692497"/>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Verdan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Source: Kestra Investment Management, S&amp;P Global, ICE </a:t>
            </a:r>
            <a:r>
              <a:rPr kumimoji="0" lang="en-US" sz="900" b="0" i="0" u="none" strike="noStrike" kern="1200" cap="none" spc="0" normalizeH="0" baseline="0" noProof="0" err="1">
                <a:ln>
                  <a:noFill/>
                </a:ln>
                <a:solidFill>
                  <a:srgbClr val="000000"/>
                </a:solidFill>
                <a:effectLst/>
                <a:uLnTx/>
                <a:uFillTx/>
                <a:latin typeface="Verdana"/>
                <a:ea typeface="Verdana"/>
                <a:cs typeface="+mn-cs"/>
              </a:rPr>
              <a:t>BoFa</a:t>
            </a:r>
            <a:r>
              <a:rPr kumimoji="0" lang="en-US" sz="900" b="0" i="0" u="none" strike="noStrike" kern="1200" cap="none" spc="0" normalizeH="0" baseline="0" noProof="0">
                <a:ln>
                  <a:noFill/>
                </a:ln>
                <a:solidFill>
                  <a:srgbClr val="000000"/>
                </a:solidFill>
                <a:effectLst/>
                <a:uLnTx/>
                <a:uFillTx/>
                <a:latin typeface="Verdana"/>
                <a:ea typeface="Verdana"/>
                <a:cs typeface="+mn-cs"/>
              </a:rPr>
              <a:t> with data from FactSet and Federal Reserve Bank of St. Louis. Index proxies ICE </a:t>
            </a:r>
            <a:r>
              <a:rPr kumimoji="0" lang="en-US" sz="900" b="0" i="0" u="none" strike="noStrike" kern="1200" cap="none" spc="0" normalizeH="0" baseline="0" noProof="0" err="1">
                <a:ln>
                  <a:noFill/>
                </a:ln>
                <a:solidFill>
                  <a:srgbClr val="000000"/>
                </a:solidFill>
                <a:effectLst/>
                <a:uLnTx/>
                <a:uFillTx/>
                <a:latin typeface="Verdana"/>
                <a:ea typeface="Verdana"/>
                <a:cs typeface="+mn-cs"/>
              </a:rPr>
              <a:t>BoFa</a:t>
            </a:r>
            <a:r>
              <a:rPr kumimoji="0" lang="en-US" sz="900" b="0" i="0" u="none" strike="noStrike" kern="1200" cap="none" spc="0" normalizeH="0" baseline="0" noProof="0">
                <a:ln>
                  <a:noFill/>
                </a:ln>
                <a:solidFill>
                  <a:srgbClr val="000000"/>
                </a:solidFill>
                <a:effectLst/>
                <a:uLnTx/>
                <a:uFillTx/>
                <a:latin typeface="Verdana"/>
                <a:ea typeface="Verdana"/>
                <a:cs typeface="+mn-cs"/>
              </a:rPr>
              <a:t> U.S. High Yield Option-Adjusted Spread. Data as of September</a:t>
            </a:r>
            <a:r>
              <a:rPr lang="en-US" sz="900">
                <a:solidFill>
                  <a:srgbClr val="000000"/>
                </a:solidFill>
                <a:latin typeface="Verdana"/>
                <a:ea typeface="Verdana"/>
              </a:rPr>
              <a:t> </a:t>
            </a:r>
            <a:r>
              <a:rPr kumimoji="0" lang="en-US" sz="900" b="0" i="0" u="none" strike="noStrike" kern="1200" cap="none" spc="0" normalizeH="0" baseline="0" noProof="0">
                <a:ln>
                  <a:noFill/>
                </a:ln>
                <a:solidFill>
                  <a:srgbClr val="000000"/>
                </a:solidFill>
                <a:effectLst/>
                <a:uLnTx/>
                <a:uFillTx/>
                <a:latin typeface="Verdana"/>
                <a:ea typeface="Verdana"/>
                <a:cs typeface="+mn-cs"/>
              </a:rPr>
              <a:t>30, 2023. </a:t>
            </a:r>
          </a:p>
        </p:txBody>
      </p:sp>
      <p:sp>
        <p:nvSpPr>
          <p:cNvPr id="7" name="TextBox 6">
            <a:extLst>
              <a:ext uri="{FF2B5EF4-FFF2-40B4-BE49-F238E27FC236}">
                <a16:creationId xmlns:a16="http://schemas.microsoft.com/office/drawing/2014/main" id="{DE32E64D-F2AD-EA6E-6295-3219E82B8728}"/>
              </a:ext>
            </a:extLst>
          </p:cNvPr>
          <p:cNvSpPr txBox="1"/>
          <p:nvPr/>
        </p:nvSpPr>
        <p:spPr>
          <a:xfrm rot="16200000">
            <a:off x="5695602" y="2903169"/>
            <a:ext cx="1295542"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Percent (%)</a:t>
            </a:r>
          </a:p>
        </p:txBody>
      </p:sp>
      <p:sp>
        <p:nvSpPr>
          <p:cNvPr id="10" name="Rectangle 9">
            <a:extLst>
              <a:ext uri="{FF2B5EF4-FFF2-40B4-BE49-F238E27FC236}">
                <a16:creationId xmlns:a16="http://schemas.microsoft.com/office/drawing/2014/main" id="{066E143F-37C5-B3FF-49EE-1BFC142AA731}"/>
              </a:ext>
            </a:extLst>
          </p:cNvPr>
          <p:cNvSpPr>
            <a:spLocks noChangeAspect="1"/>
          </p:cNvSpPr>
          <p:nvPr/>
        </p:nvSpPr>
        <p:spPr>
          <a:xfrm>
            <a:off x="3358244" y="5298602"/>
            <a:ext cx="5475513" cy="724063"/>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FFFFFF"/>
                </a:solidFill>
                <a:effectLst/>
                <a:uLnTx/>
                <a:uFillTx/>
                <a:latin typeface="Verdana"/>
                <a:ea typeface="+mn-ea"/>
                <a:cs typeface="+mn-cs"/>
              </a:rPr>
              <a:t>While bankruptcies have begun to increase, stress has not appeared in the high yield market as spreads have remained near historic lows</a:t>
            </a:r>
          </a:p>
        </p:txBody>
      </p:sp>
      <p:cxnSp>
        <p:nvCxnSpPr>
          <p:cNvPr id="43" name="Straight Arrow Connector 42">
            <a:extLst>
              <a:ext uri="{FF2B5EF4-FFF2-40B4-BE49-F238E27FC236}">
                <a16:creationId xmlns:a16="http://schemas.microsoft.com/office/drawing/2014/main" id="{3FDE686A-50DC-A046-18FF-5C7BC341A28A}"/>
              </a:ext>
            </a:extLst>
          </p:cNvPr>
          <p:cNvCxnSpPr>
            <a:cxnSpLocks/>
          </p:cNvCxnSpPr>
          <p:nvPr/>
        </p:nvCxnSpPr>
        <p:spPr>
          <a:xfrm>
            <a:off x="10492719" y="4389990"/>
            <a:ext cx="585017" cy="0"/>
          </a:xfrm>
          <a:prstGeom prst="straightConnector1">
            <a:avLst/>
          </a:prstGeom>
          <a:ln w="19050">
            <a:solidFill>
              <a:srgbClr val="FF0000"/>
            </a:solidFill>
            <a:tailEnd type="triangle"/>
          </a:ln>
        </p:spPr>
        <p:style>
          <a:lnRef idx="1">
            <a:schemeClr val="accent1"/>
          </a:lnRef>
          <a:fillRef idx="0">
            <a:schemeClr val="accent1"/>
          </a:fillRef>
          <a:effectRef idx="0">
            <a:schemeClr val="accent1"/>
          </a:effectRef>
          <a:fontRef idx="minor">
            <a:schemeClr val="tx1"/>
          </a:fontRef>
        </p:style>
      </p:cxnSp>
      <p:graphicFrame>
        <p:nvGraphicFramePr>
          <p:cNvPr id="15" name="Chart 14">
            <a:extLst>
              <a:ext uri="{FF2B5EF4-FFF2-40B4-BE49-F238E27FC236}">
                <a16:creationId xmlns:a16="http://schemas.microsoft.com/office/drawing/2014/main" id="{9831443F-07CC-2869-F351-85941F879110}"/>
              </a:ext>
            </a:extLst>
          </p:cNvPr>
          <p:cNvGraphicFramePr>
            <a:graphicFrameLocks/>
          </p:cNvGraphicFramePr>
          <p:nvPr>
            <p:extLst>
              <p:ext uri="{D42A27DB-BD31-4B8C-83A1-F6EECF244321}">
                <p14:modId xmlns:p14="http://schemas.microsoft.com/office/powerpoint/2010/main" val="1704655722"/>
              </p:ext>
            </p:extLst>
          </p:nvPr>
        </p:nvGraphicFramePr>
        <p:xfrm>
          <a:off x="866940" y="1567994"/>
          <a:ext cx="4892040" cy="3538728"/>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31" name="Chart 30">
            <a:extLst>
              <a:ext uri="{FF2B5EF4-FFF2-40B4-BE49-F238E27FC236}">
                <a16:creationId xmlns:a16="http://schemas.microsoft.com/office/drawing/2014/main" id="{00000000-0008-0000-4D00-000002000000}"/>
              </a:ext>
            </a:extLst>
          </p:cNvPr>
          <p:cNvGraphicFramePr>
            <a:graphicFrameLocks/>
          </p:cNvGraphicFramePr>
          <p:nvPr>
            <p:extLst>
              <p:ext uri="{D42A27DB-BD31-4B8C-83A1-F6EECF244321}">
                <p14:modId xmlns:p14="http://schemas.microsoft.com/office/powerpoint/2010/main" val="729401453"/>
              </p:ext>
            </p:extLst>
          </p:nvPr>
        </p:nvGraphicFramePr>
        <p:xfrm>
          <a:off x="6464665" y="1824228"/>
          <a:ext cx="4892040" cy="3209544"/>
        </p:xfrm>
        <a:graphic>
          <a:graphicData uri="http://schemas.openxmlformats.org/drawingml/2006/chart">
            <c:chart xmlns:c="http://schemas.openxmlformats.org/drawingml/2006/chart" xmlns:r="http://schemas.openxmlformats.org/officeDocument/2006/relationships" r:id="rId4"/>
          </a:graphicData>
        </a:graphic>
      </p:graphicFrame>
      <p:sp>
        <p:nvSpPr>
          <p:cNvPr id="32" name="TextBox 31">
            <a:extLst>
              <a:ext uri="{FF2B5EF4-FFF2-40B4-BE49-F238E27FC236}">
                <a16:creationId xmlns:a16="http://schemas.microsoft.com/office/drawing/2014/main" id="{55D81F8B-984A-F43B-C683-441EDFD52E73}"/>
              </a:ext>
            </a:extLst>
          </p:cNvPr>
          <p:cNvSpPr txBox="1"/>
          <p:nvPr/>
        </p:nvSpPr>
        <p:spPr>
          <a:xfrm rot="16200000">
            <a:off x="-277658" y="2958930"/>
            <a:ext cx="2111229"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Number of Bankruptcies </a:t>
            </a:r>
          </a:p>
        </p:txBody>
      </p:sp>
    </p:spTree>
    <p:extLst>
      <p:ext uri="{BB962C8B-B14F-4D97-AF65-F5344CB8AC3E}">
        <p14:creationId xmlns:p14="http://schemas.microsoft.com/office/powerpoint/2010/main" val="134253120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074" name="Picture 2">
            <a:extLst>
              <a:ext uri="{FF2B5EF4-FFF2-40B4-BE49-F238E27FC236}">
                <a16:creationId xmlns:a16="http://schemas.microsoft.com/office/drawing/2014/main" id="{78B606A8-8D43-8DC9-2EE3-6BD56BB1D4F5}"/>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r="9404" b="7305"/>
          <a:stretch/>
        </p:blipFill>
        <p:spPr bwMode="auto">
          <a:xfrm>
            <a:off x="2748321" y="1462221"/>
            <a:ext cx="6695358" cy="4264811"/>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3" name="Rectangle 2">
            <a:extLst>
              <a:ext uri="{FF2B5EF4-FFF2-40B4-BE49-F238E27FC236}">
                <a16:creationId xmlns:a16="http://schemas.microsoft.com/office/drawing/2014/main" id="{85E5D146-5945-D35B-033E-AC4E440540C3}"/>
              </a:ext>
            </a:extLst>
          </p:cNvPr>
          <p:cNvSpPr/>
          <p:nvPr/>
        </p:nvSpPr>
        <p:spPr>
          <a:xfrm>
            <a:off x="8075596" y="1462221"/>
            <a:ext cx="1135781" cy="484324"/>
          </a:xfrm>
          <a:prstGeom prst="rect">
            <a:avLst/>
          </a:prstGeom>
          <a:solidFill>
            <a:srgbClr val="FFFFFF"/>
          </a:solidFill>
          <a:ln>
            <a:solidFill>
              <a:srgbClr val="FFFFFF"/>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08EAA"/>
              </a:solidFill>
              <a:effectLst/>
              <a:uLnTx/>
              <a:uFillTx/>
              <a:latin typeface="Verdana"/>
              <a:ea typeface="+mn-ea"/>
              <a:cs typeface="+mn-cs"/>
            </a:endParaRPr>
          </a:p>
        </p:txBody>
      </p:sp>
      <p:sp>
        <p:nvSpPr>
          <p:cNvPr id="4" name="Rectangle 3">
            <a:extLst>
              <a:ext uri="{FF2B5EF4-FFF2-40B4-BE49-F238E27FC236}">
                <a16:creationId xmlns:a16="http://schemas.microsoft.com/office/drawing/2014/main" id="{8DC00797-8A69-F4DF-B160-2FA3EF10097B}"/>
              </a:ext>
            </a:extLst>
          </p:cNvPr>
          <p:cNvSpPr/>
          <p:nvPr/>
        </p:nvSpPr>
        <p:spPr>
          <a:xfrm>
            <a:off x="5297463" y="1591122"/>
            <a:ext cx="4146216" cy="484324"/>
          </a:xfrm>
          <a:prstGeom prst="rect">
            <a:avLst/>
          </a:prstGeom>
          <a:solidFill>
            <a:srgbClr val="FFFFFF"/>
          </a:solidFill>
          <a:ln>
            <a:solidFill>
              <a:srgbClr val="FFFFFF"/>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08EAA"/>
              </a:solidFill>
              <a:effectLst/>
              <a:uLnTx/>
              <a:uFillTx/>
              <a:latin typeface="Verdana"/>
              <a:ea typeface="+mn-ea"/>
              <a:cs typeface="+mn-cs"/>
            </a:endParaRPr>
          </a:p>
        </p:txBody>
      </p:sp>
      <p:sp>
        <p:nvSpPr>
          <p:cNvPr id="8" name="TextBox 7">
            <a:extLst>
              <a:ext uri="{FF2B5EF4-FFF2-40B4-BE49-F238E27FC236}">
                <a16:creationId xmlns:a16="http://schemas.microsoft.com/office/drawing/2014/main" id="{BCADF904-A295-13AE-384B-FD76075EAB10}"/>
              </a:ext>
            </a:extLst>
          </p:cNvPr>
          <p:cNvSpPr txBox="1"/>
          <p:nvPr/>
        </p:nvSpPr>
        <p:spPr>
          <a:xfrm>
            <a:off x="1439545" y="6273946"/>
            <a:ext cx="9312910" cy="230832"/>
          </a:xfrm>
          <a:prstGeom prst="rect">
            <a:avLst/>
          </a:prstGeom>
          <a:noFill/>
        </p:spPr>
        <p:txBody>
          <a:bodyPr wrap="square" lIns="91440" tIns="45720" rIns="91440" bIns="45720" rtlCol="0" anchor="t">
            <a:spAutoFit/>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a:ea typeface="+mn-ea"/>
                <a:cs typeface="+mn-cs"/>
              </a:rPr>
              <a:t>Source: Goldman Sachs Investment Research, Bloomberg</a:t>
            </a:r>
            <a:endParaRPr kumimoji="0" lang="en-US" sz="900" b="0" i="0" u="none" strike="noStrike" kern="1200" cap="none" spc="0" normalizeH="0" baseline="0" noProof="0">
              <a:ln>
                <a:noFill/>
              </a:ln>
              <a:solidFill>
                <a:srgbClr val="000000"/>
              </a:solidFill>
              <a:effectLst/>
              <a:uLnTx/>
              <a:uFillTx/>
              <a:latin typeface="Verdana"/>
              <a:ea typeface="Verdana"/>
              <a:cs typeface="+mn-cs"/>
            </a:endParaRPr>
          </a:p>
        </p:txBody>
      </p:sp>
      <p:sp>
        <p:nvSpPr>
          <p:cNvPr id="6" name="Title 3">
            <a:extLst>
              <a:ext uri="{FF2B5EF4-FFF2-40B4-BE49-F238E27FC236}">
                <a16:creationId xmlns:a16="http://schemas.microsoft.com/office/drawing/2014/main" id="{436AAE12-894C-A9E6-4C85-0B2F55CE793A}"/>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Corporate Refinancings Begin to Ramp Up</a:t>
            </a:r>
          </a:p>
        </p:txBody>
      </p:sp>
    </p:spTree>
    <p:extLst>
      <p:ext uri="{BB962C8B-B14F-4D97-AF65-F5344CB8AC3E}">
        <p14:creationId xmlns:p14="http://schemas.microsoft.com/office/powerpoint/2010/main" val="389733795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746ABE38-65BB-279B-98E7-2D782F70373F}"/>
              </a:ext>
            </a:extLst>
          </p:cNvPr>
          <p:cNvSpPr>
            <a:spLocks noGrp="1"/>
          </p:cNvSpPr>
          <p:nvPr>
            <p:ph type="title"/>
          </p:nvPr>
        </p:nvSpPr>
        <p:spPr/>
        <p:txBody>
          <a:bodyPr/>
          <a:lstStyle/>
          <a:p>
            <a:r>
              <a:rPr lang="en-US"/>
              <a:t>Stocks for the Long Run</a:t>
            </a:r>
          </a:p>
        </p:txBody>
      </p:sp>
      <p:sp>
        <p:nvSpPr>
          <p:cNvPr id="5" name="Slide Number Placeholder 4">
            <a:extLst>
              <a:ext uri="{FF2B5EF4-FFF2-40B4-BE49-F238E27FC236}">
                <a16:creationId xmlns:a16="http://schemas.microsoft.com/office/drawing/2014/main" id="{A527B5A5-6CE2-BE14-6ED8-B63FE310E141}"/>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8</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14" name="TextBox 13">
            <a:extLst>
              <a:ext uri="{FF2B5EF4-FFF2-40B4-BE49-F238E27FC236}">
                <a16:creationId xmlns:a16="http://schemas.microsoft.com/office/drawing/2014/main" id="{5CDD3B4B-8FBE-5077-28C0-864E55514822}"/>
              </a:ext>
            </a:extLst>
          </p:cNvPr>
          <p:cNvSpPr txBox="1"/>
          <p:nvPr/>
        </p:nvSpPr>
        <p:spPr>
          <a:xfrm>
            <a:off x="1818274" y="6275424"/>
            <a:ext cx="9651278" cy="369332"/>
          </a:xfrm>
          <a:prstGeom prst="rect">
            <a:avLst/>
          </a:prstGeom>
          <a:noFill/>
        </p:spPr>
        <p:txBody>
          <a:bodyPr wrap="square" lIns="91440" tIns="45720" rIns="91440" bIns="45720" rtlCol="0" anchor="t">
            <a:spAutoFit/>
          </a:bodyPr>
          <a:lstStyle/>
          <a:p>
            <a:pPr>
              <a:defRPr/>
            </a:pPr>
            <a:r>
              <a:rPr lang="en-US" sz="900"/>
              <a:t>NOTE: Values are indexed to 1, log scale. </a:t>
            </a:r>
            <a:r>
              <a:rPr kumimoji="0" lang="en-US" sz="900" b="1" i="0" u="none" strike="noStrike" kern="1200" cap="none" spc="0" normalizeH="0" baseline="0" noProof="0">
                <a:ln>
                  <a:noFill/>
                </a:ln>
                <a:solidFill>
                  <a:srgbClr val="000000"/>
                </a:solidFill>
                <a:effectLst/>
                <a:uLnTx/>
                <a:uFillTx/>
                <a:latin typeface="Verdana"/>
                <a:ea typeface="Verdana"/>
                <a:cs typeface="Arial"/>
              </a:rPr>
              <a:t>Past</a:t>
            </a:r>
            <a:r>
              <a:rPr kumimoji="0" lang="en-US" sz="900" b="1" i="0" u="none" strike="noStrike" kern="1200" cap="none" spc="0" normalizeH="0" baseline="0" noProof="0">
                <a:ln>
                  <a:noFill/>
                </a:ln>
                <a:solidFill>
                  <a:srgbClr val="000000"/>
                </a:solidFill>
                <a:effectLst/>
                <a:uLnTx/>
                <a:uFillTx/>
                <a:latin typeface="Verdana"/>
                <a:ea typeface="Verdana"/>
                <a:cs typeface="+mn-cs"/>
              </a:rPr>
              <a: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 Source: Siegel, Jeremy, </a:t>
            </a:r>
            <a:r>
              <a:rPr kumimoji="0" lang="en-US" sz="900" b="0" i="1" u="none" strike="noStrike" kern="1200" cap="none" spc="0" normalizeH="0" baseline="0" noProof="0">
                <a:ln>
                  <a:noFill/>
                </a:ln>
                <a:solidFill>
                  <a:srgbClr val="000000"/>
                </a:solidFill>
                <a:effectLst/>
                <a:uLnTx/>
                <a:uFillTx/>
                <a:latin typeface="Verdana"/>
                <a:ea typeface="Verdana"/>
                <a:cs typeface="+mn-cs"/>
              </a:rPr>
              <a:t>Stocks for the Long Run (2022), 6</a:t>
            </a:r>
            <a:r>
              <a:rPr kumimoji="0" lang="en-US" sz="900" b="0" i="1" u="none" strike="noStrike" kern="1200" cap="none" spc="0" normalizeH="0" baseline="30000" noProof="0">
                <a:ln>
                  <a:noFill/>
                </a:ln>
                <a:solidFill>
                  <a:srgbClr val="000000"/>
                </a:solidFill>
                <a:effectLst/>
                <a:uLnTx/>
                <a:uFillTx/>
                <a:latin typeface="Verdana"/>
                <a:ea typeface="Verdana"/>
                <a:cs typeface="+mn-cs"/>
              </a:rPr>
              <a:t>th</a:t>
            </a:r>
            <a:r>
              <a:rPr kumimoji="0" lang="en-US" sz="900" b="0" i="1" u="none" strike="noStrike" kern="1200" cap="none" spc="0" normalizeH="0" baseline="0" noProof="0">
                <a:ln>
                  <a:noFill/>
                </a:ln>
                <a:solidFill>
                  <a:srgbClr val="000000"/>
                </a:solidFill>
                <a:effectLst/>
                <a:uLnTx/>
                <a:uFillTx/>
                <a:latin typeface="Verdana"/>
                <a:ea typeface="Verdana"/>
                <a:cs typeface="+mn-cs"/>
              </a:rPr>
              <a:t> edition. </a:t>
            </a:r>
            <a:endParaRPr kumimoji="0" lang="en-US" sz="900" b="1" i="0" u="none" strike="noStrike" kern="1200" cap="none" spc="0" normalizeH="0" baseline="0" noProof="0">
              <a:ln>
                <a:noFill/>
              </a:ln>
              <a:solidFill>
                <a:srgbClr val="000000"/>
              </a:solidFill>
              <a:effectLst/>
              <a:uLnTx/>
              <a:uFillTx/>
              <a:latin typeface="Verdana"/>
              <a:ea typeface="Verdana"/>
              <a:cs typeface="+mn-cs"/>
            </a:endParaRPr>
          </a:p>
        </p:txBody>
      </p:sp>
      <p:sp>
        <p:nvSpPr>
          <p:cNvPr id="3" name="Rectangle 2">
            <a:extLst>
              <a:ext uri="{FF2B5EF4-FFF2-40B4-BE49-F238E27FC236}">
                <a16:creationId xmlns:a16="http://schemas.microsoft.com/office/drawing/2014/main" id="{55B4FB91-4F4B-A2F1-B7C9-E66893A61110}"/>
              </a:ext>
            </a:extLst>
          </p:cNvPr>
          <p:cNvSpPr>
            <a:spLocks noChangeAspect="1"/>
          </p:cNvSpPr>
          <p:nvPr/>
        </p:nvSpPr>
        <p:spPr>
          <a:xfrm>
            <a:off x="3620067" y="5085678"/>
            <a:ext cx="5475513" cy="995939"/>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FFFFFF"/>
                </a:solidFill>
                <a:effectLst/>
                <a:uLnTx/>
                <a:uFillTx/>
                <a:latin typeface="Verdana"/>
                <a:ea typeface="+mn-ea"/>
                <a:cs typeface="+mn-cs"/>
              </a:rPr>
              <a:t>“Stocks are the most volatile asset class in the short run, but the most stable in the long run.”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FFFFFF"/>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FFFFFF"/>
                </a:solidFill>
                <a:effectLst/>
                <a:uLnTx/>
                <a:uFillTx/>
                <a:latin typeface="Verdana"/>
                <a:ea typeface="+mn-ea"/>
                <a:cs typeface="+mn-cs"/>
              </a:rPr>
              <a:t>Professor Jeremy Siegel</a:t>
            </a:r>
          </a:p>
        </p:txBody>
      </p:sp>
      <p:grpSp>
        <p:nvGrpSpPr>
          <p:cNvPr id="35" name="Group 34">
            <a:extLst>
              <a:ext uri="{FF2B5EF4-FFF2-40B4-BE49-F238E27FC236}">
                <a16:creationId xmlns:a16="http://schemas.microsoft.com/office/drawing/2014/main" id="{6A4C8906-C311-5518-8BDF-71CB53D74F73}"/>
              </a:ext>
            </a:extLst>
          </p:cNvPr>
          <p:cNvGrpSpPr/>
          <p:nvPr/>
        </p:nvGrpSpPr>
        <p:grpSpPr>
          <a:xfrm>
            <a:off x="1905839" y="1080162"/>
            <a:ext cx="9091429" cy="3706878"/>
            <a:chOff x="1905839" y="1080162"/>
            <a:chExt cx="9091429" cy="3706878"/>
          </a:xfrm>
        </p:grpSpPr>
        <p:graphicFrame>
          <p:nvGraphicFramePr>
            <p:cNvPr id="11" name="Object 4">
              <a:extLst>
                <a:ext uri="{FF2B5EF4-FFF2-40B4-BE49-F238E27FC236}">
                  <a16:creationId xmlns:a16="http://schemas.microsoft.com/office/drawing/2014/main" id="{E5690952-634A-AC51-5678-AF70F5053BFB}"/>
                </a:ext>
              </a:extLst>
            </p:cNvPr>
            <p:cNvGraphicFramePr>
              <a:graphicFrameLocks noChangeAspect="1"/>
            </p:cNvGraphicFramePr>
            <p:nvPr>
              <p:extLst>
                <p:ext uri="{D42A27DB-BD31-4B8C-83A1-F6EECF244321}">
                  <p14:modId xmlns:p14="http://schemas.microsoft.com/office/powerpoint/2010/main" val="924759894"/>
                </p:ext>
              </p:extLst>
            </p:nvPr>
          </p:nvGraphicFramePr>
          <p:xfrm>
            <a:off x="1905839" y="1080162"/>
            <a:ext cx="9091429" cy="3706878"/>
          </p:xfrm>
          <a:graphic>
            <a:graphicData uri="http://schemas.openxmlformats.org/drawingml/2006/chart">
              <c:chart xmlns:c="http://schemas.openxmlformats.org/drawingml/2006/chart" xmlns:r="http://schemas.openxmlformats.org/officeDocument/2006/relationships" r:id="rId3"/>
            </a:graphicData>
          </a:graphic>
        </p:graphicFrame>
        <p:sp>
          <p:nvSpPr>
            <p:cNvPr id="13" name="TextBox 12">
              <a:extLst>
                <a:ext uri="{FF2B5EF4-FFF2-40B4-BE49-F238E27FC236}">
                  <a16:creationId xmlns:a16="http://schemas.microsoft.com/office/drawing/2014/main" id="{F5692361-A0E1-70DF-E9C7-EB78FE2C07EF}"/>
                </a:ext>
              </a:extLst>
            </p:cNvPr>
            <p:cNvSpPr txBox="1">
              <a:spLocks noChangeArrowheads="1"/>
            </p:cNvSpPr>
            <p:nvPr/>
          </p:nvSpPr>
          <p:spPr bwMode="auto">
            <a:xfrm>
              <a:off x="3435009" y="1211326"/>
              <a:ext cx="2305439" cy="153888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lnSpc>
                  <a:spcPct val="88000"/>
                </a:lnSpc>
                <a:spcBef>
                  <a:spcPct val="30000"/>
                </a:spcBef>
                <a:spcAft>
                  <a:spcPct val="20000"/>
                </a:spcAft>
                <a:buClr>
                  <a:schemeClr val="tx1"/>
                </a:buClr>
                <a:buSzPct val="75000"/>
                <a:buFont typeface="Monotype Sorts"/>
                <a:buChar char="n"/>
                <a:defRPr sz="2800">
                  <a:solidFill>
                    <a:schemeClr val="tx2"/>
                  </a:solidFill>
                  <a:latin typeface="Book Antiqua" pitchFamily="18" charset="0"/>
                </a:defRPr>
              </a:lvl1pPr>
              <a:lvl2pPr marL="742950" indent="-285750">
                <a:lnSpc>
                  <a:spcPct val="88000"/>
                </a:lnSpc>
                <a:spcBef>
                  <a:spcPct val="30000"/>
                </a:spcBef>
                <a:buSzPct val="100000"/>
                <a:buChar char="–"/>
                <a:defRPr sz="2400">
                  <a:solidFill>
                    <a:schemeClr val="tx2"/>
                  </a:solidFill>
                  <a:latin typeface="Book Antiqua" pitchFamily="18" charset="0"/>
                </a:defRPr>
              </a:lvl2pPr>
              <a:lvl3pPr marL="1143000" indent="-228600">
                <a:lnSpc>
                  <a:spcPct val="88000"/>
                </a:lnSpc>
                <a:spcBef>
                  <a:spcPct val="30000"/>
                </a:spcBef>
                <a:buSzPct val="100000"/>
                <a:buChar char="»"/>
                <a:defRPr>
                  <a:solidFill>
                    <a:schemeClr val="tx2"/>
                  </a:solidFill>
                  <a:latin typeface="Book Antiqua" pitchFamily="18" charset="0"/>
                </a:defRPr>
              </a:lvl3pPr>
              <a:lvl4pPr marL="1600200" indent="-228600">
                <a:lnSpc>
                  <a:spcPct val="88000"/>
                </a:lnSpc>
                <a:spcBef>
                  <a:spcPct val="30000"/>
                </a:spcBef>
                <a:buSzPct val="100000"/>
                <a:buChar char="•"/>
                <a:defRPr sz="1400">
                  <a:solidFill>
                    <a:schemeClr val="tx2"/>
                  </a:solidFill>
                  <a:latin typeface="Book Antiqua" pitchFamily="18" charset="0"/>
                </a:defRPr>
              </a:lvl4pPr>
              <a:lvl5pPr marL="2057400" indent="-228600">
                <a:lnSpc>
                  <a:spcPct val="88000"/>
                </a:lnSpc>
                <a:spcBef>
                  <a:spcPct val="30000"/>
                </a:spcBef>
                <a:buSzPct val="100000"/>
                <a:buChar char="–"/>
                <a:defRPr sz="1400">
                  <a:solidFill>
                    <a:schemeClr val="tx2"/>
                  </a:solidFill>
                  <a:latin typeface="Book Antiqua" pitchFamily="18" charset="0"/>
                </a:defRPr>
              </a:lvl5pPr>
              <a:lvl6pPr marL="2514600" indent="-228600" eaLnBrk="0" fontAlgn="base" hangingPunct="0">
                <a:lnSpc>
                  <a:spcPct val="88000"/>
                </a:lnSpc>
                <a:spcBef>
                  <a:spcPct val="30000"/>
                </a:spcBef>
                <a:spcAft>
                  <a:spcPct val="0"/>
                </a:spcAft>
                <a:buSzPct val="100000"/>
                <a:buChar char="–"/>
                <a:defRPr sz="1400">
                  <a:solidFill>
                    <a:schemeClr val="tx2"/>
                  </a:solidFill>
                  <a:latin typeface="Book Antiqua" pitchFamily="18" charset="0"/>
                </a:defRPr>
              </a:lvl6pPr>
              <a:lvl7pPr marL="2971800" indent="-228600" eaLnBrk="0" fontAlgn="base" hangingPunct="0">
                <a:lnSpc>
                  <a:spcPct val="88000"/>
                </a:lnSpc>
                <a:spcBef>
                  <a:spcPct val="30000"/>
                </a:spcBef>
                <a:spcAft>
                  <a:spcPct val="0"/>
                </a:spcAft>
                <a:buSzPct val="100000"/>
                <a:buChar char="–"/>
                <a:defRPr sz="1400">
                  <a:solidFill>
                    <a:schemeClr val="tx2"/>
                  </a:solidFill>
                  <a:latin typeface="Book Antiqua" pitchFamily="18" charset="0"/>
                </a:defRPr>
              </a:lvl7pPr>
              <a:lvl8pPr marL="3429000" indent="-228600" eaLnBrk="0" fontAlgn="base" hangingPunct="0">
                <a:lnSpc>
                  <a:spcPct val="88000"/>
                </a:lnSpc>
                <a:spcBef>
                  <a:spcPct val="30000"/>
                </a:spcBef>
                <a:spcAft>
                  <a:spcPct val="0"/>
                </a:spcAft>
                <a:buSzPct val="100000"/>
                <a:buChar char="–"/>
                <a:defRPr sz="1400">
                  <a:solidFill>
                    <a:schemeClr val="tx2"/>
                  </a:solidFill>
                  <a:latin typeface="Book Antiqua" pitchFamily="18" charset="0"/>
                </a:defRPr>
              </a:lvl8pPr>
              <a:lvl9pPr marL="3886200" indent="-228600" eaLnBrk="0" fontAlgn="base" hangingPunct="0">
                <a:lnSpc>
                  <a:spcPct val="88000"/>
                </a:lnSpc>
                <a:spcBef>
                  <a:spcPct val="30000"/>
                </a:spcBef>
                <a:spcAft>
                  <a:spcPct val="0"/>
                </a:spcAft>
                <a:buSzPct val="100000"/>
                <a:buChar char="–"/>
                <a:defRPr sz="1400">
                  <a:solidFill>
                    <a:schemeClr val="tx2"/>
                  </a:solidFill>
                  <a:latin typeface="Book Antiqua" pitchFamily="18" charset="0"/>
                </a:defRPr>
              </a:lvl9p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altLang="en-US" sz="1200" b="1" i="0" u="none" strike="noStrike" kern="1200" cap="none" spc="0" normalizeH="0" baseline="0" noProof="0">
                  <a:ln>
                    <a:noFill/>
                  </a:ln>
                  <a:solidFill>
                    <a:srgbClr val="000000"/>
                  </a:solidFill>
                  <a:effectLst/>
                  <a:uLnTx/>
                  <a:uFillTx/>
                  <a:latin typeface="Verdana"/>
                  <a:ea typeface="+mn-ea"/>
                  <a:cs typeface="+mn-cs"/>
                </a:rPr>
                <a:t>Annualized Real Returns</a:t>
              </a:r>
            </a:p>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altLang="en-US" sz="1000" b="0" i="0" u="none" strike="noStrike" kern="1200" cap="none" spc="0" normalizeH="0" baseline="0" noProof="0">
                  <a:ln>
                    <a:noFill/>
                  </a:ln>
                  <a:solidFill>
                    <a:srgbClr val="000000"/>
                  </a:solidFill>
                  <a:effectLst/>
                  <a:uLnTx/>
                  <a:uFillTx/>
                  <a:latin typeface="Verdana"/>
                  <a:ea typeface="+mn-ea"/>
                  <a:cs typeface="+mn-cs"/>
                </a:rPr>
                <a:t>January 1802 – December 2022</a:t>
              </a:r>
            </a:p>
            <a:p>
              <a:pPr marL="0" marR="0" lvl="0" indent="0" algn="l" defTabSz="914400" rtl="0" eaLnBrk="1" fontAlgn="auto" latinLnBrk="0" hangingPunct="1">
                <a:lnSpc>
                  <a:spcPct val="100000"/>
                </a:lnSpc>
                <a:spcBef>
                  <a:spcPct val="0"/>
                </a:spcBef>
                <a:spcAft>
                  <a:spcPct val="0"/>
                </a:spcAft>
                <a:buClrTx/>
                <a:buSzTx/>
                <a:buFontTx/>
                <a:buNone/>
                <a:tabLst/>
                <a:defRPr/>
              </a:pPr>
              <a:endParaRPr kumimoji="0" lang="en-US" altLang="en-US" sz="12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altLang="en-US" sz="1200" b="0" i="0" u="none" strike="noStrike" kern="1200" cap="none" spc="0" normalizeH="0" baseline="0" noProof="0">
                  <a:ln>
                    <a:noFill/>
                  </a:ln>
                  <a:solidFill>
                    <a:srgbClr val="000000"/>
                  </a:solidFill>
                  <a:effectLst/>
                  <a:uLnTx/>
                  <a:uFillTx/>
                  <a:latin typeface="Verdana"/>
                  <a:ea typeface="+mn-ea"/>
                  <a:cs typeface="+mn-cs"/>
                </a:rPr>
                <a:t>Stocks	 6.7%</a:t>
              </a:r>
            </a:p>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altLang="en-US" sz="1200" b="0" i="0" u="none" strike="noStrike" kern="1200" cap="none" spc="0" normalizeH="0" baseline="0" noProof="0">
                  <a:ln>
                    <a:noFill/>
                  </a:ln>
                  <a:solidFill>
                    <a:srgbClr val="000000"/>
                  </a:solidFill>
                  <a:effectLst/>
                  <a:uLnTx/>
                  <a:uFillTx/>
                  <a:latin typeface="Verdana"/>
                  <a:ea typeface="+mn-ea"/>
                  <a:cs typeface="+mn-cs"/>
                </a:rPr>
                <a:t>Bonds	 3.5%</a:t>
              </a:r>
            </a:p>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altLang="en-US" sz="1200" b="0" i="0" u="none" strike="noStrike" kern="1200" cap="none" spc="0" normalizeH="0" baseline="0" noProof="0">
                  <a:ln>
                    <a:noFill/>
                  </a:ln>
                  <a:solidFill>
                    <a:srgbClr val="000000"/>
                  </a:solidFill>
                  <a:effectLst/>
                  <a:uLnTx/>
                  <a:uFillTx/>
                  <a:latin typeface="Verdana"/>
                  <a:ea typeface="+mn-ea"/>
                  <a:cs typeface="+mn-cs"/>
                </a:rPr>
                <a:t>Bills	 2.5%</a:t>
              </a:r>
            </a:p>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altLang="en-US" sz="1200" b="0" i="0" u="none" strike="noStrike" kern="1200" cap="none" spc="0" normalizeH="0" baseline="0" noProof="0">
                  <a:ln>
                    <a:noFill/>
                  </a:ln>
                  <a:solidFill>
                    <a:srgbClr val="000000"/>
                  </a:solidFill>
                  <a:effectLst/>
                  <a:uLnTx/>
                  <a:uFillTx/>
                  <a:latin typeface="Verdana"/>
                  <a:ea typeface="+mn-ea"/>
                  <a:cs typeface="+mn-cs"/>
                </a:rPr>
                <a:t>Gold	 0.6%</a:t>
              </a:r>
            </a:p>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altLang="en-US" sz="1200" b="0" i="0" u="none" strike="noStrike" kern="1200" cap="none" spc="0" normalizeH="0" baseline="0" noProof="0">
                  <a:ln>
                    <a:noFill/>
                  </a:ln>
                  <a:solidFill>
                    <a:srgbClr val="000000"/>
                  </a:solidFill>
                  <a:effectLst/>
                  <a:uLnTx/>
                  <a:uFillTx/>
                  <a:latin typeface="Verdana"/>
                  <a:ea typeface="+mn-ea"/>
                  <a:cs typeface="+mn-cs"/>
                </a:rPr>
                <a:t>Dollar	-1.4%</a:t>
              </a:r>
            </a:p>
          </p:txBody>
        </p:sp>
        <p:sp>
          <p:nvSpPr>
            <p:cNvPr id="6" name="TextBox 5">
              <a:extLst>
                <a:ext uri="{FF2B5EF4-FFF2-40B4-BE49-F238E27FC236}">
                  <a16:creationId xmlns:a16="http://schemas.microsoft.com/office/drawing/2014/main" id="{4ECA7040-2C13-CB29-47E1-C980C46BEFBD}"/>
                </a:ext>
              </a:extLst>
            </p:cNvPr>
            <p:cNvSpPr txBox="1"/>
            <p:nvPr/>
          </p:nvSpPr>
          <p:spPr>
            <a:xfrm>
              <a:off x="3060795" y="4526013"/>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02</a:t>
              </a:r>
            </a:p>
          </p:txBody>
        </p:sp>
        <p:sp>
          <p:nvSpPr>
            <p:cNvPr id="8" name="TextBox 7">
              <a:extLst>
                <a:ext uri="{FF2B5EF4-FFF2-40B4-BE49-F238E27FC236}">
                  <a16:creationId xmlns:a16="http://schemas.microsoft.com/office/drawing/2014/main" id="{1F9D7BD1-B30C-E627-6E79-7CAC04B89ED4}"/>
                </a:ext>
              </a:extLst>
            </p:cNvPr>
            <p:cNvSpPr txBox="1"/>
            <p:nvPr/>
          </p:nvSpPr>
          <p:spPr>
            <a:xfrm>
              <a:off x="3343269" y="4523128"/>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11</a:t>
              </a:r>
            </a:p>
          </p:txBody>
        </p:sp>
        <p:sp>
          <p:nvSpPr>
            <p:cNvPr id="9" name="TextBox 8">
              <a:extLst>
                <a:ext uri="{FF2B5EF4-FFF2-40B4-BE49-F238E27FC236}">
                  <a16:creationId xmlns:a16="http://schemas.microsoft.com/office/drawing/2014/main" id="{C87F1F26-63C3-EB31-6AD7-16ADC7C56104}"/>
                </a:ext>
              </a:extLst>
            </p:cNvPr>
            <p:cNvSpPr txBox="1"/>
            <p:nvPr/>
          </p:nvSpPr>
          <p:spPr>
            <a:xfrm>
              <a:off x="3629574" y="4523452"/>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21</a:t>
              </a:r>
            </a:p>
          </p:txBody>
        </p:sp>
        <p:sp>
          <p:nvSpPr>
            <p:cNvPr id="10" name="TextBox 9">
              <a:extLst>
                <a:ext uri="{FF2B5EF4-FFF2-40B4-BE49-F238E27FC236}">
                  <a16:creationId xmlns:a16="http://schemas.microsoft.com/office/drawing/2014/main" id="{02B3B494-751A-A361-2E0E-58B04306C35C}"/>
                </a:ext>
              </a:extLst>
            </p:cNvPr>
            <p:cNvSpPr txBox="1"/>
            <p:nvPr/>
          </p:nvSpPr>
          <p:spPr>
            <a:xfrm>
              <a:off x="3915324" y="4523452"/>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31</a:t>
              </a:r>
            </a:p>
          </p:txBody>
        </p:sp>
        <p:sp>
          <p:nvSpPr>
            <p:cNvPr id="12" name="TextBox 11">
              <a:extLst>
                <a:ext uri="{FF2B5EF4-FFF2-40B4-BE49-F238E27FC236}">
                  <a16:creationId xmlns:a16="http://schemas.microsoft.com/office/drawing/2014/main" id="{301690FB-B80C-610C-D63F-D1DC94AE6199}"/>
                </a:ext>
              </a:extLst>
            </p:cNvPr>
            <p:cNvSpPr txBox="1"/>
            <p:nvPr/>
          </p:nvSpPr>
          <p:spPr>
            <a:xfrm>
              <a:off x="4191549" y="4523452"/>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41</a:t>
              </a:r>
            </a:p>
          </p:txBody>
        </p:sp>
        <p:sp>
          <p:nvSpPr>
            <p:cNvPr id="15" name="TextBox 14">
              <a:extLst>
                <a:ext uri="{FF2B5EF4-FFF2-40B4-BE49-F238E27FC236}">
                  <a16:creationId xmlns:a16="http://schemas.microsoft.com/office/drawing/2014/main" id="{FEA73E2F-162B-1198-CB20-F89E579D7EB9}"/>
                </a:ext>
              </a:extLst>
            </p:cNvPr>
            <p:cNvSpPr txBox="1"/>
            <p:nvPr/>
          </p:nvSpPr>
          <p:spPr>
            <a:xfrm>
              <a:off x="4477299" y="4523452"/>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51</a:t>
              </a:r>
            </a:p>
          </p:txBody>
        </p:sp>
        <p:sp>
          <p:nvSpPr>
            <p:cNvPr id="16" name="TextBox 15">
              <a:extLst>
                <a:ext uri="{FF2B5EF4-FFF2-40B4-BE49-F238E27FC236}">
                  <a16:creationId xmlns:a16="http://schemas.microsoft.com/office/drawing/2014/main" id="{F6E58B36-8E48-1EB1-11B7-662AD1E3255D}"/>
                </a:ext>
              </a:extLst>
            </p:cNvPr>
            <p:cNvSpPr txBox="1"/>
            <p:nvPr/>
          </p:nvSpPr>
          <p:spPr>
            <a:xfrm>
              <a:off x="4753524" y="4524897"/>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61</a:t>
              </a:r>
            </a:p>
          </p:txBody>
        </p:sp>
        <p:sp>
          <p:nvSpPr>
            <p:cNvPr id="17" name="TextBox 16">
              <a:extLst>
                <a:ext uri="{FF2B5EF4-FFF2-40B4-BE49-F238E27FC236}">
                  <a16:creationId xmlns:a16="http://schemas.microsoft.com/office/drawing/2014/main" id="{73D2F5D4-4026-59E2-9B80-6605D67E0305}"/>
                </a:ext>
              </a:extLst>
            </p:cNvPr>
            <p:cNvSpPr txBox="1"/>
            <p:nvPr/>
          </p:nvSpPr>
          <p:spPr>
            <a:xfrm>
              <a:off x="5058324" y="4524897"/>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71</a:t>
              </a:r>
            </a:p>
          </p:txBody>
        </p:sp>
        <p:sp>
          <p:nvSpPr>
            <p:cNvPr id="18" name="TextBox 17">
              <a:extLst>
                <a:ext uri="{FF2B5EF4-FFF2-40B4-BE49-F238E27FC236}">
                  <a16:creationId xmlns:a16="http://schemas.microsoft.com/office/drawing/2014/main" id="{C97DFACC-9943-13FB-E212-475CC6C2CC27}"/>
                </a:ext>
              </a:extLst>
            </p:cNvPr>
            <p:cNvSpPr txBox="1"/>
            <p:nvPr/>
          </p:nvSpPr>
          <p:spPr>
            <a:xfrm>
              <a:off x="5344074" y="4524897"/>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81</a:t>
              </a:r>
            </a:p>
          </p:txBody>
        </p:sp>
        <p:sp>
          <p:nvSpPr>
            <p:cNvPr id="19" name="TextBox 18">
              <a:extLst>
                <a:ext uri="{FF2B5EF4-FFF2-40B4-BE49-F238E27FC236}">
                  <a16:creationId xmlns:a16="http://schemas.microsoft.com/office/drawing/2014/main" id="{F56ACB41-547E-53E9-9D66-D38F12A5A5D1}"/>
                </a:ext>
              </a:extLst>
            </p:cNvPr>
            <p:cNvSpPr txBox="1"/>
            <p:nvPr/>
          </p:nvSpPr>
          <p:spPr>
            <a:xfrm>
              <a:off x="5629824" y="4524897"/>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891</a:t>
              </a:r>
            </a:p>
          </p:txBody>
        </p:sp>
        <p:sp>
          <p:nvSpPr>
            <p:cNvPr id="20" name="TextBox 19">
              <a:extLst>
                <a:ext uri="{FF2B5EF4-FFF2-40B4-BE49-F238E27FC236}">
                  <a16:creationId xmlns:a16="http://schemas.microsoft.com/office/drawing/2014/main" id="{627EF08A-2D96-C054-0762-8097F7C49D61}"/>
                </a:ext>
              </a:extLst>
            </p:cNvPr>
            <p:cNvSpPr txBox="1"/>
            <p:nvPr/>
          </p:nvSpPr>
          <p:spPr>
            <a:xfrm>
              <a:off x="5906049" y="4525706"/>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01</a:t>
              </a:r>
            </a:p>
          </p:txBody>
        </p:sp>
        <p:sp>
          <p:nvSpPr>
            <p:cNvPr id="21" name="TextBox 20">
              <a:extLst>
                <a:ext uri="{FF2B5EF4-FFF2-40B4-BE49-F238E27FC236}">
                  <a16:creationId xmlns:a16="http://schemas.microsoft.com/office/drawing/2014/main" id="{52AA9BE3-AE6F-688C-261E-711E6265EC19}"/>
                </a:ext>
              </a:extLst>
            </p:cNvPr>
            <p:cNvSpPr txBox="1"/>
            <p:nvPr/>
          </p:nvSpPr>
          <p:spPr>
            <a:xfrm>
              <a:off x="6182557" y="4524897"/>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11</a:t>
              </a:r>
            </a:p>
          </p:txBody>
        </p:sp>
        <p:sp>
          <p:nvSpPr>
            <p:cNvPr id="22" name="TextBox 21">
              <a:extLst>
                <a:ext uri="{FF2B5EF4-FFF2-40B4-BE49-F238E27FC236}">
                  <a16:creationId xmlns:a16="http://schemas.microsoft.com/office/drawing/2014/main" id="{9FD0F2B8-41C3-5232-4BFB-530A50DE4EC7}"/>
                </a:ext>
              </a:extLst>
            </p:cNvPr>
            <p:cNvSpPr txBox="1"/>
            <p:nvPr/>
          </p:nvSpPr>
          <p:spPr>
            <a:xfrm>
              <a:off x="6455778" y="4523638"/>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21</a:t>
              </a:r>
            </a:p>
          </p:txBody>
        </p:sp>
        <p:sp>
          <p:nvSpPr>
            <p:cNvPr id="23" name="TextBox 22">
              <a:extLst>
                <a:ext uri="{FF2B5EF4-FFF2-40B4-BE49-F238E27FC236}">
                  <a16:creationId xmlns:a16="http://schemas.microsoft.com/office/drawing/2014/main" id="{673945A3-CF74-C47F-17C8-9C17A64F256D}"/>
                </a:ext>
              </a:extLst>
            </p:cNvPr>
            <p:cNvSpPr txBox="1"/>
            <p:nvPr/>
          </p:nvSpPr>
          <p:spPr>
            <a:xfrm>
              <a:off x="6741528" y="4522522"/>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31</a:t>
              </a:r>
            </a:p>
          </p:txBody>
        </p:sp>
        <p:sp>
          <p:nvSpPr>
            <p:cNvPr id="24" name="TextBox 23">
              <a:extLst>
                <a:ext uri="{FF2B5EF4-FFF2-40B4-BE49-F238E27FC236}">
                  <a16:creationId xmlns:a16="http://schemas.microsoft.com/office/drawing/2014/main" id="{D839DFC3-5BA0-5120-BEFF-3B4FADBCE5F0}"/>
                </a:ext>
              </a:extLst>
            </p:cNvPr>
            <p:cNvSpPr txBox="1"/>
            <p:nvPr/>
          </p:nvSpPr>
          <p:spPr>
            <a:xfrm>
              <a:off x="7028052" y="4522012"/>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41</a:t>
              </a:r>
            </a:p>
          </p:txBody>
        </p:sp>
        <p:sp>
          <p:nvSpPr>
            <p:cNvPr id="25" name="TextBox 24">
              <a:extLst>
                <a:ext uri="{FF2B5EF4-FFF2-40B4-BE49-F238E27FC236}">
                  <a16:creationId xmlns:a16="http://schemas.microsoft.com/office/drawing/2014/main" id="{9AF6C407-25E9-0D5C-3D02-9EABB0DCB3A1}"/>
                </a:ext>
              </a:extLst>
            </p:cNvPr>
            <p:cNvSpPr txBox="1"/>
            <p:nvPr/>
          </p:nvSpPr>
          <p:spPr>
            <a:xfrm>
              <a:off x="7313583" y="4530931"/>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51</a:t>
              </a:r>
            </a:p>
          </p:txBody>
        </p:sp>
        <p:sp>
          <p:nvSpPr>
            <p:cNvPr id="26" name="TextBox 25">
              <a:extLst>
                <a:ext uri="{FF2B5EF4-FFF2-40B4-BE49-F238E27FC236}">
                  <a16:creationId xmlns:a16="http://schemas.microsoft.com/office/drawing/2014/main" id="{EC8BA4FA-9B59-DE5A-AA68-163BDA8EE495}"/>
                </a:ext>
              </a:extLst>
            </p:cNvPr>
            <p:cNvSpPr txBox="1"/>
            <p:nvPr/>
          </p:nvSpPr>
          <p:spPr>
            <a:xfrm>
              <a:off x="7598741" y="4529815"/>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61</a:t>
              </a:r>
            </a:p>
          </p:txBody>
        </p:sp>
        <p:sp>
          <p:nvSpPr>
            <p:cNvPr id="27" name="TextBox 26">
              <a:extLst>
                <a:ext uri="{FF2B5EF4-FFF2-40B4-BE49-F238E27FC236}">
                  <a16:creationId xmlns:a16="http://schemas.microsoft.com/office/drawing/2014/main" id="{F3264354-4DF3-4609-467C-B10A56621E5A}"/>
                </a:ext>
              </a:extLst>
            </p:cNvPr>
            <p:cNvSpPr txBox="1"/>
            <p:nvPr/>
          </p:nvSpPr>
          <p:spPr>
            <a:xfrm>
              <a:off x="7873547" y="4527818"/>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71</a:t>
              </a:r>
            </a:p>
          </p:txBody>
        </p:sp>
        <p:sp>
          <p:nvSpPr>
            <p:cNvPr id="28" name="TextBox 27">
              <a:extLst>
                <a:ext uri="{FF2B5EF4-FFF2-40B4-BE49-F238E27FC236}">
                  <a16:creationId xmlns:a16="http://schemas.microsoft.com/office/drawing/2014/main" id="{EE3A6EAE-27CD-A471-D1D9-DE6A6378E643}"/>
                </a:ext>
              </a:extLst>
            </p:cNvPr>
            <p:cNvSpPr txBox="1"/>
            <p:nvPr/>
          </p:nvSpPr>
          <p:spPr>
            <a:xfrm>
              <a:off x="8159636" y="4527862"/>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81</a:t>
              </a:r>
            </a:p>
          </p:txBody>
        </p:sp>
        <p:sp>
          <p:nvSpPr>
            <p:cNvPr id="29" name="TextBox 28">
              <a:extLst>
                <a:ext uri="{FF2B5EF4-FFF2-40B4-BE49-F238E27FC236}">
                  <a16:creationId xmlns:a16="http://schemas.microsoft.com/office/drawing/2014/main" id="{534C5BE0-A4DA-038A-47F8-7F3AD39AC168}"/>
                </a:ext>
              </a:extLst>
            </p:cNvPr>
            <p:cNvSpPr txBox="1"/>
            <p:nvPr/>
          </p:nvSpPr>
          <p:spPr>
            <a:xfrm>
              <a:off x="8436978" y="4527976"/>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1991</a:t>
              </a:r>
            </a:p>
          </p:txBody>
        </p:sp>
        <p:sp>
          <p:nvSpPr>
            <p:cNvPr id="30" name="TextBox 29">
              <a:extLst>
                <a:ext uri="{FF2B5EF4-FFF2-40B4-BE49-F238E27FC236}">
                  <a16:creationId xmlns:a16="http://schemas.microsoft.com/office/drawing/2014/main" id="{D370FBF2-014B-3922-7C53-192C7161ECF6}"/>
                </a:ext>
              </a:extLst>
            </p:cNvPr>
            <p:cNvSpPr txBox="1"/>
            <p:nvPr/>
          </p:nvSpPr>
          <p:spPr>
            <a:xfrm>
              <a:off x="8723067" y="4527818"/>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2001</a:t>
              </a:r>
            </a:p>
          </p:txBody>
        </p:sp>
        <p:sp>
          <p:nvSpPr>
            <p:cNvPr id="31" name="TextBox 30">
              <a:extLst>
                <a:ext uri="{FF2B5EF4-FFF2-40B4-BE49-F238E27FC236}">
                  <a16:creationId xmlns:a16="http://schemas.microsoft.com/office/drawing/2014/main" id="{28D1E259-29DF-5C69-2BF9-FD0F3A2064D2}"/>
                </a:ext>
              </a:extLst>
            </p:cNvPr>
            <p:cNvSpPr txBox="1"/>
            <p:nvPr/>
          </p:nvSpPr>
          <p:spPr>
            <a:xfrm>
              <a:off x="9008668" y="4526939"/>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2011</a:t>
              </a:r>
            </a:p>
          </p:txBody>
        </p:sp>
        <p:sp>
          <p:nvSpPr>
            <p:cNvPr id="32" name="TextBox 31">
              <a:extLst>
                <a:ext uri="{FF2B5EF4-FFF2-40B4-BE49-F238E27FC236}">
                  <a16:creationId xmlns:a16="http://schemas.microsoft.com/office/drawing/2014/main" id="{8B45E986-8152-2199-F17E-1598ABFC6F56}"/>
                </a:ext>
              </a:extLst>
            </p:cNvPr>
            <p:cNvSpPr txBox="1"/>
            <p:nvPr/>
          </p:nvSpPr>
          <p:spPr>
            <a:xfrm>
              <a:off x="9301741" y="4526587"/>
              <a:ext cx="648267"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a:ea typeface="+mn-ea"/>
                  <a:cs typeface="+mn-cs"/>
                </a:rPr>
                <a:t>2021</a:t>
              </a:r>
            </a:p>
          </p:txBody>
        </p:sp>
      </p:grpSp>
    </p:spTree>
    <p:extLst>
      <p:ext uri="{BB962C8B-B14F-4D97-AF65-F5344CB8AC3E}">
        <p14:creationId xmlns:p14="http://schemas.microsoft.com/office/powerpoint/2010/main" val="238840079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7F79FD6D-8F10-3441-98C3-EF0BB4486579}"/>
              </a:ext>
            </a:extLst>
          </p:cNvPr>
          <p:cNvSpPr txBox="1">
            <a:spLocks/>
          </p:cNvSpPr>
          <p:nvPr/>
        </p:nvSpPr>
        <p:spPr>
          <a:xfrm>
            <a:off x="692727" y="3134050"/>
            <a:ext cx="6587613" cy="1705804"/>
          </a:xfrm>
          <a:prstGeom prst="rect">
            <a:avLst/>
          </a:prstGeom>
          <a:effectLst/>
        </p:spPr>
        <p:txBody>
          <a:bodyPr lIns="0" tIns="0" rIns="0" bIns="0" anchor="t">
            <a:noAutofit/>
          </a:bodyPr>
          <a:lstStyle>
            <a:lvl1pPr algn="l" defTabSz="914400" rtl="0" eaLnBrk="1" latinLnBrk="0" hangingPunct="1">
              <a:lnSpc>
                <a:spcPct val="100000"/>
              </a:lnSpc>
              <a:spcBef>
                <a:spcPct val="0"/>
              </a:spcBef>
              <a:buNone/>
              <a:defRPr lang="en-US" sz="4000" b="0" i="0" kern="1200">
                <a:solidFill>
                  <a:schemeClr val="tx1"/>
                </a:solidFill>
                <a:latin typeface="Verdana" panose="020B0604030504040204" pitchFamily="34" charset="0"/>
                <a:ea typeface="Verdana" panose="020B0604030504040204" pitchFamily="34" charset="0"/>
                <a:cs typeface="Verdana" panose="020B0604030504040204" pitchFamily="34" charset="0"/>
              </a:defRPr>
            </a:lvl1p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4800" b="1" i="0" u="none" strike="noStrike" kern="1200" cap="none" spc="100" normalizeH="0" baseline="0" noProof="0">
                <a:ln>
                  <a:noFill/>
                </a:ln>
                <a:solidFill>
                  <a:srgbClr val="FFFFFF"/>
                </a:solidFill>
                <a:effectLst/>
                <a:uLnTx/>
                <a:uFillTx/>
                <a:latin typeface="Arial"/>
                <a:ea typeface="Verdana"/>
                <a:cs typeface="Arial"/>
              </a:rPr>
              <a:t>Invest Wisely,</a:t>
            </a:r>
          </a:p>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4800" b="1" i="0" u="none" strike="noStrike" kern="1200" cap="none" spc="100" normalizeH="0" baseline="0" noProof="0">
                <a:ln>
                  <a:noFill/>
                </a:ln>
                <a:solidFill>
                  <a:srgbClr val="FFFFFF"/>
                </a:solidFill>
                <a:effectLst/>
                <a:uLnTx/>
                <a:uFillTx/>
                <a:latin typeface="Arial"/>
                <a:ea typeface="Verdana"/>
                <a:cs typeface="Arial"/>
              </a:rPr>
              <a:t>Live Richly</a:t>
            </a:r>
          </a:p>
        </p:txBody>
      </p:sp>
    </p:spTree>
    <p:extLst>
      <p:ext uri="{BB962C8B-B14F-4D97-AF65-F5344CB8AC3E}">
        <p14:creationId xmlns:p14="http://schemas.microsoft.com/office/powerpoint/2010/main" val="43992008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E24D7451-A619-C88B-3E06-694165DFFC02}"/>
              </a:ext>
            </a:extLst>
          </p:cNvPr>
          <p:cNvSpPr txBox="1"/>
          <p:nvPr/>
        </p:nvSpPr>
        <p:spPr>
          <a:xfrm>
            <a:off x="3949429" y="1368357"/>
            <a:ext cx="4541628" cy="3108543"/>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3200" b="1"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rPr>
              <a:t>Table of Content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3200" b="1"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endParaRPr>
          </a:p>
          <a:p>
            <a:pPr marL="457200" marR="0" lvl="0" indent="-4572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3200" b="1"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rPr>
              <a:t>Market Review</a:t>
            </a:r>
          </a:p>
          <a:p>
            <a:pPr marL="457200" marR="0" lvl="0" indent="-4572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3200" b="1"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rPr>
              <a:t>Economic Overview</a:t>
            </a:r>
          </a:p>
          <a:p>
            <a:pPr marL="457200" marR="0" lvl="0" indent="-4572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3200" b="1"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rPr>
              <a:t>Stocks and Bond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260533930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0224B10-DCEB-584C-9E7C-663478B8C922}"/>
              </a:ext>
            </a:extLst>
          </p:cNvPr>
          <p:cNvSpPr>
            <a:spLocks noGrp="1"/>
          </p:cNvSpPr>
          <p:nvPr>
            <p:ph type="title"/>
          </p:nvPr>
        </p:nvSpPr>
        <p:spPr>
          <a:xfrm>
            <a:off x="1315397" y="2225557"/>
            <a:ext cx="9561206" cy="1218509"/>
          </a:xfrm>
        </p:spPr>
        <p:txBody>
          <a:bodyPr/>
          <a:lstStyle/>
          <a:p>
            <a:r>
              <a:rPr lang="en-US">
                <a:latin typeface="Arial" panose="020B0604020202020204" pitchFamily="34" charset="0"/>
                <a:cs typeface="Arial" panose="020B0604020202020204" pitchFamily="34" charset="0"/>
              </a:rPr>
              <a:t>Market Review</a:t>
            </a:r>
          </a:p>
        </p:txBody>
      </p:sp>
    </p:spTree>
    <p:extLst>
      <p:ext uri="{BB962C8B-B14F-4D97-AF65-F5344CB8AC3E}">
        <p14:creationId xmlns:p14="http://schemas.microsoft.com/office/powerpoint/2010/main" val="349165021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Slide Number Placeholder 5">
            <a:extLst>
              <a:ext uri="{FF2B5EF4-FFF2-40B4-BE49-F238E27FC236}">
                <a16:creationId xmlns:a16="http://schemas.microsoft.com/office/drawing/2014/main" id="{0CA11929-4174-4CA8-ACE4-E9B25403C62B}"/>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14" name="Title 3">
            <a:extLst>
              <a:ext uri="{FF2B5EF4-FFF2-40B4-BE49-F238E27FC236}">
                <a16:creationId xmlns:a16="http://schemas.microsoft.com/office/drawing/2014/main" id="{1D70C0BD-B26F-ADC3-8B42-655CF67D0CC7}"/>
              </a:ext>
            </a:extLst>
          </p:cNvPr>
          <p:cNvSpPr>
            <a:spLocks noGrp="1"/>
          </p:cNvSpPr>
          <p:nvPr>
            <p:ph type="title"/>
          </p:nvPr>
        </p:nvSpPr>
        <p:spPr>
          <a:xfrm>
            <a:off x="633046" y="356537"/>
            <a:ext cx="10949354" cy="484324"/>
          </a:xfrm>
        </p:spPr>
        <p:txBody>
          <a:bodyPr/>
          <a:lstStyle/>
          <a:p>
            <a:r>
              <a:rPr lang="en-US" sz="3200"/>
              <a:t>Market Review</a:t>
            </a:r>
          </a:p>
        </p:txBody>
      </p:sp>
      <p:sp>
        <p:nvSpPr>
          <p:cNvPr id="15" name="Text Placeholder 7">
            <a:extLst>
              <a:ext uri="{FF2B5EF4-FFF2-40B4-BE49-F238E27FC236}">
                <a16:creationId xmlns:a16="http://schemas.microsoft.com/office/drawing/2014/main" id="{9FA3C3AB-C534-54A0-4548-8561FA73F448}"/>
              </a:ext>
            </a:extLst>
          </p:cNvPr>
          <p:cNvSpPr txBox="1">
            <a:spLocks/>
          </p:cNvSpPr>
          <p:nvPr/>
        </p:nvSpPr>
        <p:spPr>
          <a:xfrm>
            <a:off x="633046" y="784201"/>
            <a:ext cx="10956512" cy="423863"/>
          </a:xfrm>
          <a:prstGeom prst="rect">
            <a:avLst/>
          </a:prstGeom>
        </p:spPr>
        <p:txBody>
          <a:bodyPr vert="horz" lIns="0" tIns="0" rIns="91440" bIns="45720" rtlCol="0" anchor="t">
            <a:normAutofit/>
          </a:bodyPr>
          <a:lstStyle>
            <a:lvl1pPr marL="0" indent="0" algn="l" defTabSz="914400" rtl="0" eaLnBrk="1" latinLnBrk="0" hangingPunct="1">
              <a:lnSpc>
                <a:spcPct val="100000"/>
              </a:lnSpc>
              <a:spcBef>
                <a:spcPts val="1000"/>
              </a:spcBef>
              <a:buClr>
                <a:schemeClr val="tx2"/>
              </a:buClr>
              <a:buSzPct val="90000"/>
              <a:buFont typeface="Arial" panose="020B0604020202020204" pitchFamily="34" charset="0"/>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1000"/>
              </a:spcBef>
              <a:spcAft>
                <a:spcPts val="0"/>
              </a:spcAft>
              <a:buClr>
                <a:srgbClr val="5E5F5F"/>
              </a:buClr>
              <a:buSzPct val="90000"/>
              <a:buFont typeface="Arial" panose="020B0604020202020204" pitchFamily="34" charset="0"/>
              <a:buNone/>
              <a:tabLst/>
              <a:defRPr/>
            </a:pPr>
            <a:r>
              <a:rPr kumimoji="0" lang="en-US" sz="2000" b="0" i="0" u="none" strike="noStrike" kern="1200" cap="none" spc="0" normalizeH="0" baseline="0" noProof="0">
                <a:ln>
                  <a:noFill/>
                </a:ln>
                <a:solidFill>
                  <a:srgbClr val="57839B"/>
                </a:solidFill>
                <a:effectLst/>
                <a:uLnTx/>
                <a:uFillTx/>
                <a:latin typeface="Avenir Medium"/>
                <a:ea typeface="Verdana"/>
                <a:cs typeface="Rubik Medium"/>
              </a:rPr>
              <a:t>Q3’ 23 Returns, %</a:t>
            </a:r>
            <a:endParaRPr kumimoji="0" lang="en-US" sz="2000" b="0" i="0" u="none" strike="noStrike" kern="1200" cap="none" spc="0" normalizeH="0" baseline="0" noProof="0">
              <a:ln>
                <a:noFill/>
              </a:ln>
              <a:solidFill>
                <a:srgbClr val="57839B"/>
              </a:solidFill>
              <a:effectLst/>
              <a:uLnTx/>
              <a:uFillTx/>
              <a:latin typeface="Avenir Medium" panose="02000503020000020003" pitchFamily="2" charset="0"/>
              <a:ea typeface="Verdana" panose="020B0604030504040204" pitchFamily="34" charset="0"/>
              <a:cs typeface="Rubik Medium" pitchFamily="2" charset="-79"/>
            </a:endParaRPr>
          </a:p>
        </p:txBody>
      </p:sp>
      <p:sp>
        <p:nvSpPr>
          <p:cNvPr id="8" name="TextBox 7">
            <a:extLst>
              <a:ext uri="{FF2B5EF4-FFF2-40B4-BE49-F238E27FC236}">
                <a16:creationId xmlns:a16="http://schemas.microsoft.com/office/drawing/2014/main" id="{B13ABB95-5D49-0B5D-D920-7FA958C5E5E7}"/>
              </a:ext>
            </a:extLst>
          </p:cNvPr>
          <p:cNvSpPr txBox="1"/>
          <p:nvPr/>
        </p:nvSpPr>
        <p:spPr>
          <a:xfrm>
            <a:off x="1877300" y="5749655"/>
            <a:ext cx="9136499" cy="969496"/>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Verdan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Note: views are from a U.S. dollar perspective. This material represents an assessment of the market environment at a specific time and is not intended to be a forecast or guarantee of future results. Source: Kestra Investment Management with data from FactSet. Index proxies: Bloomberg U.S. AGG Bond Index, ICE </a:t>
            </a:r>
            <a:r>
              <a:rPr kumimoji="0" lang="en-US" sz="900" b="0" i="0" u="none" strike="noStrike" kern="1200" cap="none" spc="0" normalizeH="0" baseline="0" noProof="0" err="1">
                <a:ln>
                  <a:noFill/>
                </a:ln>
                <a:solidFill>
                  <a:srgbClr val="000000"/>
                </a:solidFill>
                <a:effectLst/>
                <a:uLnTx/>
                <a:uFillTx/>
                <a:latin typeface="Verdana"/>
                <a:ea typeface="Verdana"/>
                <a:cs typeface="+mn-cs"/>
              </a:rPr>
              <a:t>BofA</a:t>
            </a:r>
            <a:r>
              <a:rPr kumimoji="0" lang="en-US" sz="900" b="0" i="0" u="none" strike="noStrike" kern="1200" cap="none" spc="0" normalizeH="0" baseline="0" noProof="0">
                <a:ln>
                  <a:noFill/>
                </a:ln>
                <a:solidFill>
                  <a:srgbClr val="000000"/>
                </a:solidFill>
                <a:effectLst/>
                <a:uLnTx/>
                <a:uFillTx/>
                <a:latin typeface="Verdana"/>
                <a:ea typeface="Verdana"/>
                <a:cs typeface="+mn-cs"/>
              </a:rPr>
              <a:t> U.S. Corporate, ICE </a:t>
            </a:r>
            <a:r>
              <a:rPr kumimoji="0" lang="en-US" sz="900" b="0" i="0" u="none" strike="noStrike" kern="1200" cap="none" spc="0" normalizeH="0" baseline="0" noProof="0" err="1">
                <a:ln>
                  <a:noFill/>
                </a:ln>
                <a:solidFill>
                  <a:srgbClr val="000000"/>
                </a:solidFill>
                <a:effectLst/>
                <a:uLnTx/>
                <a:uFillTx/>
                <a:latin typeface="Verdana"/>
                <a:ea typeface="Verdana"/>
                <a:cs typeface="+mn-cs"/>
              </a:rPr>
              <a:t>BofA</a:t>
            </a:r>
            <a:r>
              <a:rPr kumimoji="0" lang="en-US" sz="900" b="0" i="0" u="none" strike="noStrike" kern="1200" cap="none" spc="0" normalizeH="0" baseline="0" noProof="0">
                <a:ln>
                  <a:noFill/>
                </a:ln>
                <a:solidFill>
                  <a:srgbClr val="000000"/>
                </a:solidFill>
                <a:effectLst/>
                <a:uLnTx/>
                <a:uFillTx/>
                <a:latin typeface="Verdana"/>
                <a:ea typeface="Verdana"/>
                <a:cs typeface="+mn-cs"/>
              </a:rPr>
              <a:t> U.S. High Yield, S&amp;P 500, MSCI EM, MSCI World ex US Index, Dow Jones U.S. Select REIT, and Bloomberg Commodity Index. Data as of September 30, 2023. </a:t>
            </a:r>
          </a:p>
        </p:txBody>
      </p:sp>
      <p:graphicFrame>
        <p:nvGraphicFramePr>
          <p:cNvPr id="5" name="Table 4">
            <a:extLst>
              <a:ext uri="{FF2B5EF4-FFF2-40B4-BE49-F238E27FC236}">
                <a16:creationId xmlns:a16="http://schemas.microsoft.com/office/drawing/2014/main" id="{3E581A8E-12D3-2B81-FFB2-47A2F1CB24B0}"/>
              </a:ext>
            </a:extLst>
          </p:cNvPr>
          <p:cNvGraphicFramePr>
            <a:graphicFrameLocks noGrp="1"/>
          </p:cNvGraphicFramePr>
          <p:nvPr>
            <p:custDataLst>
              <p:tags r:id="rId1"/>
            </p:custDataLst>
          </p:nvPr>
        </p:nvGraphicFramePr>
        <p:xfrm>
          <a:off x="862498" y="4716517"/>
          <a:ext cx="10550200" cy="800388"/>
        </p:xfrm>
        <a:graphic>
          <a:graphicData uri="http://schemas.openxmlformats.org/drawingml/2006/table">
            <a:tbl>
              <a:tblPr/>
              <a:tblGrid>
                <a:gridCol w="1130012">
                  <a:extLst>
                    <a:ext uri="{9D8B030D-6E8A-4147-A177-3AD203B41FA5}">
                      <a16:colId xmlns:a16="http://schemas.microsoft.com/office/drawing/2014/main" val="1937115985"/>
                    </a:ext>
                  </a:extLst>
                </a:gridCol>
                <a:gridCol w="1240972">
                  <a:extLst>
                    <a:ext uri="{9D8B030D-6E8A-4147-A177-3AD203B41FA5}">
                      <a16:colId xmlns:a16="http://schemas.microsoft.com/office/drawing/2014/main" val="3252895392"/>
                    </a:ext>
                  </a:extLst>
                </a:gridCol>
                <a:gridCol w="1585341">
                  <a:extLst>
                    <a:ext uri="{9D8B030D-6E8A-4147-A177-3AD203B41FA5}">
                      <a16:colId xmlns:a16="http://schemas.microsoft.com/office/drawing/2014/main" val="1058871465"/>
                    </a:ext>
                  </a:extLst>
                </a:gridCol>
                <a:gridCol w="1318775">
                  <a:extLst>
                    <a:ext uri="{9D8B030D-6E8A-4147-A177-3AD203B41FA5}">
                      <a16:colId xmlns:a16="http://schemas.microsoft.com/office/drawing/2014/main" val="1427102131"/>
                    </a:ext>
                  </a:extLst>
                </a:gridCol>
                <a:gridCol w="1318775">
                  <a:extLst>
                    <a:ext uri="{9D8B030D-6E8A-4147-A177-3AD203B41FA5}">
                      <a16:colId xmlns:a16="http://schemas.microsoft.com/office/drawing/2014/main" val="3376834621"/>
                    </a:ext>
                  </a:extLst>
                </a:gridCol>
                <a:gridCol w="1318775">
                  <a:extLst>
                    <a:ext uri="{9D8B030D-6E8A-4147-A177-3AD203B41FA5}">
                      <a16:colId xmlns:a16="http://schemas.microsoft.com/office/drawing/2014/main" val="3510699602"/>
                    </a:ext>
                  </a:extLst>
                </a:gridCol>
                <a:gridCol w="1318775">
                  <a:extLst>
                    <a:ext uri="{9D8B030D-6E8A-4147-A177-3AD203B41FA5}">
                      <a16:colId xmlns:a16="http://schemas.microsoft.com/office/drawing/2014/main" val="3469758583"/>
                    </a:ext>
                  </a:extLst>
                </a:gridCol>
                <a:gridCol w="1318775">
                  <a:extLst>
                    <a:ext uri="{9D8B030D-6E8A-4147-A177-3AD203B41FA5}">
                      <a16:colId xmlns:a16="http://schemas.microsoft.com/office/drawing/2014/main" val="880661135"/>
                    </a:ext>
                  </a:extLst>
                </a:gridCol>
              </a:tblGrid>
              <a:tr h="253640">
                <a:tc gridSpan="3">
                  <a:txBody>
                    <a:bodyPr/>
                    <a:lstStyle/>
                    <a:p>
                      <a:pPr algn="ctr" fontAlgn="b"/>
                      <a:r>
                        <a:rPr lang="en-US" sz="1800" b="0" i="0" u="none" strike="noStrike">
                          <a:solidFill>
                            <a:srgbClr val="FFFFFF"/>
                          </a:solidFill>
                          <a:effectLst/>
                          <a:latin typeface="Calibri"/>
                        </a:rPr>
                        <a:t>Equities</a:t>
                      </a:r>
                    </a:p>
                  </a:txBody>
                  <a:tcPr marL="0" marR="0" marT="0" marB="0" anchor="b">
                    <a:lnL>
                      <a:noFill/>
                    </a:lnL>
                    <a:lnR>
                      <a:noFill/>
                    </a:lnR>
                    <a:lnT>
                      <a:noFill/>
                    </a:lnT>
                    <a:lnB>
                      <a:noFill/>
                    </a:lnB>
                    <a:lnTlToBr w="12700" cmpd="sng">
                      <a:noFill/>
                      <a:prstDash val="solid"/>
                    </a:lnTlToBr>
                    <a:lnBlToTr w="12700" cmpd="sng">
                      <a:noFill/>
                      <a:prstDash val="solid"/>
                    </a:lnBlToTr>
                    <a:solidFill>
                      <a:srgbClr val="C09A4F"/>
                    </a:solidFill>
                  </a:tcPr>
                </a:tc>
                <a:tc hMerge="1">
                  <a:txBody>
                    <a:bodyPr/>
                    <a:lstStyle/>
                    <a:p>
                      <a:endParaRPr lang="en-US"/>
                    </a:p>
                  </a:txBody>
                  <a:tcPr/>
                </a:tc>
                <a:tc hMerge="1">
                  <a:txBody>
                    <a:bodyPr/>
                    <a:lstStyle/>
                    <a:p>
                      <a:endParaRPr lang="en-US"/>
                    </a:p>
                  </a:txBody>
                  <a:tcPr/>
                </a:tc>
                <a:tc gridSpan="3">
                  <a:txBody>
                    <a:bodyPr/>
                    <a:lstStyle/>
                    <a:p>
                      <a:pPr algn="ctr" fontAlgn="b"/>
                      <a:r>
                        <a:rPr lang="en-US" sz="1800" b="0" i="0" u="none" strike="noStrike">
                          <a:solidFill>
                            <a:srgbClr val="FFFFFF"/>
                          </a:solidFill>
                          <a:effectLst/>
                          <a:latin typeface="Calibri"/>
                        </a:rPr>
                        <a:t>Fixed Income</a:t>
                      </a:r>
                    </a:p>
                  </a:txBody>
                  <a:tcPr marL="0" marR="0" marT="0" marB="0" anchor="b">
                    <a:lnL>
                      <a:noFill/>
                    </a:lnL>
                    <a:lnR>
                      <a:noFill/>
                    </a:lnR>
                    <a:lnT>
                      <a:noFill/>
                    </a:lnT>
                    <a:lnB>
                      <a:noFill/>
                    </a:lnB>
                    <a:lnTlToBr w="12700" cmpd="sng">
                      <a:noFill/>
                      <a:prstDash val="solid"/>
                    </a:lnTlToBr>
                    <a:lnBlToTr w="12700" cmpd="sng">
                      <a:noFill/>
                      <a:prstDash val="solid"/>
                    </a:lnBlToTr>
                    <a:solidFill>
                      <a:srgbClr val="2B4651"/>
                    </a:solidFill>
                  </a:tcPr>
                </a:tc>
                <a:tc hMerge="1">
                  <a:txBody>
                    <a:bodyPr/>
                    <a:lstStyle/>
                    <a:p>
                      <a:endParaRPr lang="en-US"/>
                    </a:p>
                  </a:txBody>
                  <a:tcPr/>
                </a:tc>
                <a:tc hMerge="1">
                  <a:txBody>
                    <a:bodyPr/>
                    <a:lstStyle/>
                    <a:p>
                      <a:endParaRPr lang="en-US"/>
                    </a:p>
                  </a:txBody>
                  <a:tcPr/>
                </a:tc>
                <a:tc gridSpan="2">
                  <a:txBody>
                    <a:bodyPr/>
                    <a:lstStyle/>
                    <a:p>
                      <a:pPr algn="ctr" fontAlgn="ctr"/>
                      <a:r>
                        <a:rPr lang="en-US" sz="1800" b="0" i="0" u="none" strike="noStrike">
                          <a:solidFill>
                            <a:srgbClr val="000000"/>
                          </a:solidFill>
                          <a:effectLst/>
                          <a:latin typeface="Calibri"/>
                        </a:rPr>
                        <a:t>Real Assets</a:t>
                      </a:r>
                    </a:p>
                  </a:txBody>
                  <a:tcPr marL="0" marR="0" marT="0" marB="0" anchor="ctr">
                    <a:lnL>
                      <a:noFill/>
                    </a:lnL>
                    <a:lnR>
                      <a:noFill/>
                    </a:lnR>
                    <a:lnT>
                      <a:noFill/>
                    </a:lnT>
                    <a:lnB>
                      <a:noFill/>
                    </a:lnB>
                    <a:lnTlToBr w="12700" cmpd="sng">
                      <a:noFill/>
                      <a:prstDash val="solid"/>
                    </a:lnTlToBr>
                    <a:lnBlToTr w="12700" cmpd="sng">
                      <a:noFill/>
                      <a:prstDash val="solid"/>
                    </a:lnBlToTr>
                    <a:solidFill>
                      <a:srgbClr val="A9D08E"/>
                    </a:solidFill>
                  </a:tcPr>
                </a:tc>
                <a:tc hMerge="1">
                  <a:txBody>
                    <a:bodyPr/>
                    <a:lstStyle/>
                    <a:p>
                      <a:endParaRPr lang="en-US"/>
                    </a:p>
                  </a:txBody>
                  <a:tcPr/>
                </a:tc>
                <a:extLst>
                  <a:ext uri="{0D108BD9-81ED-4DB2-BD59-A6C34878D82A}">
                    <a16:rowId xmlns:a16="http://schemas.microsoft.com/office/drawing/2014/main" val="1382375061"/>
                  </a:ext>
                </a:extLst>
              </a:tr>
              <a:tr h="526068">
                <a:tc>
                  <a:txBody>
                    <a:bodyPr/>
                    <a:lstStyle/>
                    <a:p>
                      <a:pPr algn="ctr" fontAlgn="ctr"/>
                      <a:r>
                        <a:rPr lang="en-US" sz="1400" b="0" i="0" u="none" strike="noStrike">
                          <a:solidFill>
                            <a:srgbClr val="000000"/>
                          </a:solidFill>
                          <a:effectLst/>
                          <a:latin typeface="Calibri"/>
                        </a:rPr>
                        <a:t>U.S.</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FFF2CC"/>
                    </a:solidFill>
                  </a:tcPr>
                </a:tc>
                <a:tc>
                  <a:txBody>
                    <a:bodyPr/>
                    <a:lstStyle/>
                    <a:p>
                      <a:pPr algn="ctr" fontAlgn="ctr"/>
                      <a:r>
                        <a:rPr lang="en-US" sz="1400" b="0" i="0" u="none" strike="noStrike">
                          <a:solidFill>
                            <a:srgbClr val="000000"/>
                          </a:solidFill>
                          <a:effectLst/>
                          <a:latin typeface="Calibri"/>
                        </a:rPr>
                        <a:t>Dev. Ex-U.S.</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FFF2CC"/>
                    </a:solidFill>
                  </a:tcPr>
                </a:tc>
                <a:tc>
                  <a:txBody>
                    <a:bodyPr/>
                    <a:lstStyle/>
                    <a:p>
                      <a:pPr algn="ctr" fontAlgn="ctr"/>
                      <a:r>
                        <a:rPr lang="en-US" sz="1400" b="0" i="0" u="none" strike="noStrike">
                          <a:solidFill>
                            <a:srgbClr val="000000"/>
                          </a:solidFill>
                          <a:effectLst/>
                          <a:latin typeface="Calibri"/>
                        </a:rPr>
                        <a:t>Emerging Markets</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FFF2CC"/>
                    </a:solidFill>
                  </a:tcPr>
                </a:tc>
                <a:tc>
                  <a:txBody>
                    <a:bodyPr/>
                    <a:lstStyle/>
                    <a:p>
                      <a:pPr algn="ctr" fontAlgn="ctr"/>
                      <a:r>
                        <a:rPr lang="en-US" sz="1400" b="0" i="0" u="none" strike="noStrike">
                          <a:solidFill>
                            <a:srgbClr val="000000"/>
                          </a:solidFill>
                          <a:effectLst/>
                          <a:latin typeface="Calibri"/>
                        </a:rPr>
                        <a:t>U.S. AGG</a:t>
                      </a:r>
                    </a:p>
                  </a:txBody>
                  <a:tcPr marL="0" marR="0" marT="0" marB="0" anchor="ctr">
                    <a:lnL>
                      <a:noFill/>
                    </a:lnL>
                    <a:lnR>
                      <a:noFill/>
                    </a:lnR>
                    <a:lnT>
                      <a:noFill/>
                    </a:lnT>
                    <a:lnB>
                      <a:noFill/>
                    </a:lnB>
                    <a:lnTlToBr w="12700" cmpd="sng">
                      <a:noFill/>
                      <a:prstDash val="solid"/>
                    </a:lnTlToBr>
                    <a:lnBlToTr w="12700" cmpd="sng">
                      <a:noFill/>
                      <a:prstDash val="solid"/>
                    </a:lnBlToTr>
                    <a:solidFill>
                      <a:srgbClr val="D5DCE3"/>
                    </a:solidFill>
                  </a:tcPr>
                </a:tc>
                <a:tc>
                  <a:txBody>
                    <a:bodyPr/>
                    <a:lstStyle/>
                    <a:p>
                      <a:pPr algn="ctr" fontAlgn="ctr"/>
                      <a:r>
                        <a:rPr lang="en-US" sz="1400" b="0" i="0" u="none" strike="noStrike">
                          <a:solidFill>
                            <a:srgbClr val="000000"/>
                          </a:solidFill>
                          <a:effectLst/>
                          <a:latin typeface="Calibri"/>
                        </a:rPr>
                        <a:t>Investment Grade Corporate</a:t>
                      </a:r>
                    </a:p>
                  </a:txBody>
                  <a:tcPr marL="0" marR="0" marT="0" marB="0" anchor="ctr">
                    <a:lnL>
                      <a:noFill/>
                    </a:lnL>
                    <a:lnR>
                      <a:noFill/>
                    </a:lnR>
                    <a:lnT>
                      <a:noFill/>
                    </a:lnT>
                    <a:lnB>
                      <a:noFill/>
                    </a:lnB>
                    <a:lnTlToBr w="12700" cmpd="sng">
                      <a:noFill/>
                      <a:prstDash val="solid"/>
                    </a:lnTlToBr>
                    <a:lnBlToTr w="12700" cmpd="sng">
                      <a:noFill/>
                      <a:prstDash val="solid"/>
                    </a:lnBlToTr>
                    <a:solidFill>
                      <a:srgbClr val="D5DCE3"/>
                    </a:solidFill>
                  </a:tcPr>
                </a:tc>
                <a:tc>
                  <a:txBody>
                    <a:bodyPr/>
                    <a:lstStyle/>
                    <a:p>
                      <a:pPr algn="ctr" fontAlgn="ctr"/>
                      <a:r>
                        <a:rPr lang="en-US" sz="1400" b="0" i="0" u="none" strike="noStrike">
                          <a:solidFill>
                            <a:srgbClr val="000000"/>
                          </a:solidFill>
                          <a:effectLst/>
                          <a:latin typeface="Calibri"/>
                        </a:rPr>
                        <a:t>U.S. High Yield</a:t>
                      </a:r>
                    </a:p>
                  </a:txBody>
                  <a:tcPr marL="0" marR="0" marT="0" marB="0" anchor="ctr">
                    <a:lnL>
                      <a:noFill/>
                    </a:lnL>
                    <a:lnR>
                      <a:noFill/>
                    </a:lnR>
                    <a:lnT>
                      <a:noFill/>
                    </a:lnT>
                    <a:lnB>
                      <a:noFill/>
                    </a:lnB>
                    <a:lnTlToBr w="12700" cmpd="sng">
                      <a:noFill/>
                      <a:prstDash val="solid"/>
                    </a:lnTlToBr>
                    <a:lnBlToTr w="12700" cmpd="sng">
                      <a:noFill/>
                      <a:prstDash val="solid"/>
                    </a:lnBlToTr>
                    <a:solidFill>
                      <a:srgbClr val="D5DCE3"/>
                    </a:solidFill>
                  </a:tcPr>
                </a:tc>
                <a:tc>
                  <a:txBody>
                    <a:bodyPr/>
                    <a:lstStyle/>
                    <a:p>
                      <a:pPr algn="ctr" fontAlgn="ctr"/>
                      <a:r>
                        <a:rPr lang="en-US" sz="1400" b="0" i="0" u="none" strike="noStrike">
                          <a:solidFill>
                            <a:srgbClr val="000000"/>
                          </a:solidFill>
                          <a:effectLst/>
                          <a:latin typeface="Calibri"/>
                        </a:rPr>
                        <a:t>U.S. Real Estate</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2EFDA"/>
                    </a:solidFill>
                  </a:tcPr>
                </a:tc>
                <a:tc>
                  <a:txBody>
                    <a:bodyPr/>
                    <a:lstStyle/>
                    <a:p>
                      <a:pPr algn="ctr" fontAlgn="ctr"/>
                      <a:r>
                        <a:rPr lang="en-US" sz="1400" b="0" i="0" u="none" strike="noStrike">
                          <a:solidFill>
                            <a:srgbClr val="000000"/>
                          </a:solidFill>
                          <a:effectLst/>
                          <a:latin typeface="Calibri" panose="020F0502020204030204" pitchFamily="34" charset="0"/>
                        </a:rPr>
                        <a:t>Commodities</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2EFDA"/>
                    </a:solidFill>
                  </a:tcPr>
                </a:tc>
                <a:extLst>
                  <a:ext uri="{0D108BD9-81ED-4DB2-BD59-A6C34878D82A}">
                    <a16:rowId xmlns:a16="http://schemas.microsoft.com/office/drawing/2014/main" val="3160686026"/>
                  </a:ext>
                </a:extLst>
              </a:tr>
            </a:tbl>
          </a:graphicData>
        </a:graphic>
      </p:graphicFrame>
      <p:graphicFrame>
        <p:nvGraphicFramePr>
          <p:cNvPr id="4" name="Chart 3">
            <a:extLst>
              <a:ext uri="{FF2B5EF4-FFF2-40B4-BE49-F238E27FC236}">
                <a16:creationId xmlns:a16="http://schemas.microsoft.com/office/drawing/2014/main" id="{00000000-0008-0000-0B00-000002000000}"/>
              </a:ext>
            </a:extLst>
          </p:cNvPr>
          <p:cNvGraphicFramePr>
            <a:graphicFrameLocks/>
          </p:cNvGraphicFramePr>
          <p:nvPr/>
        </p:nvGraphicFramePr>
        <p:xfrm>
          <a:off x="535733" y="1208064"/>
          <a:ext cx="11082528" cy="3743994"/>
        </p:xfrm>
        <a:graphic>
          <a:graphicData uri="http://schemas.openxmlformats.org/drawingml/2006/chart">
            <c:chart xmlns:c="http://schemas.openxmlformats.org/drawingml/2006/chart" xmlns:r="http://schemas.openxmlformats.org/officeDocument/2006/relationships" r:id="rId4"/>
          </a:graphicData>
        </a:graphic>
      </p:graphicFrame>
    </p:spTree>
    <p:extLst>
      <p:ext uri="{BB962C8B-B14F-4D97-AF65-F5344CB8AC3E}">
        <p14:creationId xmlns:p14="http://schemas.microsoft.com/office/powerpoint/2010/main" val="336428110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CAAD9500-4024-44BB-B532-E8773643F943}"/>
              </a:ext>
            </a:extLst>
          </p:cNvPr>
          <p:cNvSpPr>
            <a:spLocks noGrp="1"/>
          </p:cNvSpPr>
          <p:nvPr>
            <p:ph type="title"/>
          </p:nvPr>
        </p:nvSpPr>
        <p:spPr>
          <a:xfrm>
            <a:off x="633046" y="356537"/>
            <a:ext cx="10949354" cy="484324"/>
          </a:xfrm>
        </p:spPr>
        <p:txBody>
          <a:bodyPr/>
          <a:lstStyle/>
          <a:p>
            <a:r>
              <a:rPr lang="en-US" sz="3200">
                <a:latin typeface="Avenir Heavy"/>
                <a:ea typeface="Verdana"/>
                <a:cs typeface="Rubik Medium"/>
              </a:rPr>
              <a:t>US Equity Sector Returns </a:t>
            </a:r>
            <a:endParaRPr lang="en-US" sz="3200"/>
          </a:p>
        </p:txBody>
      </p:sp>
      <p:sp>
        <p:nvSpPr>
          <p:cNvPr id="6" name="Slide Number Placeholder 5">
            <a:extLst>
              <a:ext uri="{FF2B5EF4-FFF2-40B4-BE49-F238E27FC236}">
                <a16:creationId xmlns:a16="http://schemas.microsoft.com/office/drawing/2014/main" id="{0CA11929-4174-4CA8-ACE4-E9B25403C62B}"/>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12" name="TextBox 11">
            <a:extLst>
              <a:ext uri="{FF2B5EF4-FFF2-40B4-BE49-F238E27FC236}">
                <a16:creationId xmlns:a16="http://schemas.microsoft.com/office/drawing/2014/main" id="{E8956ACD-9D22-E141-1479-51D904DDE071}"/>
              </a:ext>
            </a:extLst>
          </p:cNvPr>
          <p:cNvSpPr txBox="1"/>
          <p:nvPr/>
        </p:nvSpPr>
        <p:spPr>
          <a:xfrm>
            <a:off x="1740818" y="6154509"/>
            <a:ext cx="9693896" cy="507831"/>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Verdan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Note: views are from a U.S. dollar perspective. This material represents an assessment of the market environment at a specific time and is not intended to be a forecast or guarantee of future results. Source: S&amp;P and FactSet. Index proxies: S&amp;P 500 Index sectors. Data as of September 30, 2023.</a:t>
            </a:r>
            <a:endParaRPr kumimoji="0" lang="en-US" sz="900" b="1" i="0" u="none" strike="noStrike" kern="1200" cap="none" spc="0" normalizeH="0" baseline="0" noProof="0">
              <a:ln>
                <a:noFill/>
              </a:ln>
              <a:solidFill>
                <a:srgbClr val="000000"/>
              </a:solidFill>
              <a:effectLst/>
              <a:uLnTx/>
              <a:uFillTx/>
              <a:latin typeface="Verdana"/>
              <a:ea typeface="Verdana"/>
              <a:cs typeface="+mn-cs"/>
            </a:endParaRPr>
          </a:p>
        </p:txBody>
      </p:sp>
      <p:sp>
        <p:nvSpPr>
          <p:cNvPr id="9" name="Speech Bubble: Rectangle 8">
            <a:extLst>
              <a:ext uri="{FF2B5EF4-FFF2-40B4-BE49-F238E27FC236}">
                <a16:creationId xmlns:a16="http://schemas.microsoft.com/office/drawing/2014/main" id="{A8312E78-EBE1-15F7-D250-9C4086CF0B3C}"/>
              </a:ext>
            </a:extLst>
          </p:cNvPr>
          <p:cNvSpPr/>
          <p:nvPr/>
        </p:nvSpPr>
        <p:spPr>
          <a:xfrm>
            <a:off x="2752555" y="1819807"/>
            <a:ext cx="2884566" cy="1007817"/>
          </a:xfrm>
          <a:prstGeom prst="wedgeRectCallout">
            <a:avLst>
              <a:gd name="adj1" fmla="val -88582"/>
              <a:gd name="adj2" fmla="val 44345"/>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FFFFFF"/>
                </a:solidFill>
                <a:effectLst/>
                <a:uLnTx/>
                <a:uFillTx/>
                <a:latin typeface="Verdana"/>
                <a:ea typeface="+mn-ea"/>
                <a:cs typeface="+mn-cs"/>
              </a:rPr>
              <a:t>Energy rallied in Q3 after struggling throughout much of 2023 </a:t>
            </a:r>
          </a:p>
        </p:txBody>
      </p:sp>
      <p:sp>
        <p:nvSpPr>
          <p:cNvPr id="10" name="Speech Bubble: Rectangle 9">
            <a:extLst>
              <a:ext uri="{FF2B5EF4-FFF2-40B4-BE49-F238E27FC236}">
                <a16:creationId xmlns:a16="http://schemas.microsoft.com/office/drawing/2014/main" id="{0012D8E0-087D-75D1-E52A-BA4D4B9470A8}"/>
              </a:ext>
            </a:extLst>
          </p:cNvPr>
          <p:cNvSpPr/>
          <p:nvPr/>
        </p:nvSpPr>
        <p:spPr>
          <a:xfrm>
            <a:off x="6124075" y="1726955"/>
            <a:ext cx="1985686" cy="977077"/>
          </a:xfrm>
          <a:prstGeom prst="wedgeRectCallout">
            <a:avLst>
              <a:gd name="adj1" fmla="val 36546"/>
              <a:gd name="adj2" fmla="val 15004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FFFFFF"/>
                </a:solidFill>
                <a:effectLst/>
                <a:uLnTx/>
                <a:uFillTx/>
                <a:latin typeface="Verdana"/>
                <a:ea typeface="+mn-ea"/>
                <a:cs typeface="+mn-cs"/>
              </a:rPr>
              <a:t>… and Technology declined after starting the year off strong</a:t>
            </a:r>
          </a:p>
        </p:txBody>
      </p:sp>
      <p:sp>
        <p:nvSpPr>
          <p:cNvPr id="2" name="Speech Bubble: Rectangle 1">
            <a:extLst>
              <a:ext uri="{FF2B5EF4-FFF2-40B4-BE49-F238E27FC236}">
                <a16:creationId xmlns:a16="http://schemas.microsoft.com/office/drawing/2014/main" id="{CA2E5C13-C1D8-085A-61F1-136B23F77290}"/>
              </a:ext>
            </a:extLst>
          </p:cNvPr>
          <p:cNvSpPr/>
          <p:nvPr/>
        </p:nvSpPr>
        <p:spPr>
          <a:xfrm>
            <a:off x="8849703" y="1383639"/>
            <a:ext cx="2441131" cy="1663708"/>
          </a:xfrm>
          <a:prstGeom prst="wedgeRectCallout">
            <a:avLst>
              <a:gd name="adj1" fmla="val 5323"/>
              <a:gd name="adj2" fmla="val 9077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FFFFFF"/>
                </a:solidFill>
                <a:effectLst/>
                <a:uLnTx/>
                <a:uFillTx/>
                <a:latin typeface="Verdana"/>
                <a:ea typeface="+mn-ea"/>
                <a:cs typeface="+mn-cs"/>
              </a:rPr>
              <a:t>Utilities and Real Estate dropped substantially. Those sectors’ dividend yields are much less attractive given the increase in bond yields</a:t>
            </a:r>
          </a:p>
        </p:txBody>
      </p:sp>
      <p:graphicFrame>
        <p:nvGraphicFramePr>
          <p:cNvPr id="8" name="Chart 7">
            <a:extLst>
              <a:ext uri="{FF2B5EF4-FFF2-40B4-BE49-F238E27FC236}">
                <a16:creationId xmlns:a16="http://schemas.microsoft.com/office/drawing/2014/main" id="{1C1228C8-855E-1181-0A66-813232DB57D8}"/>
              </a:ext>
            </a:extLst>
          </p:cNvPr>
          <p:cNvGraphicFramePr>
            <a:graphicFrameLocks/>
          </p:cNvGraphicFramePr>
          <p:nvPr/>
        </p:nvGraphicFramePr>
        <p:xfrm>
          <a:off x="933449" y="1947243"/>
          <a:ext cx="10325101" cy="3976689"/>
        </p:xfrm>
        <a:graphic>
          <a:graphicData uri="http://schemas.openxmlformats.org/drawingml/2006/chart">
            <c:chart xmlns:c="http://schemas.openxmlformats.org/drawingml/2006/chart" xmlns:r="http://schemas.openxmlformats.org/officeDocument/2006/relationships" r:id="rId3"/>
          </a:graphicData>
        </a:graphic>
      </p:graphicFrame>
      <p:sp>
        <p:nvSpPr>
          <p:cNvPr id="3" name="Text Placeholder 7">
            <a:extLst>
              <a:ext uri="{FF2B5EF4-FFF2-40B4-BE49-F238E27FC236}">
                <a16:creationId xmlns:a16="http://schemas.microsoft.com/office/drawing/2014/main" id="{8314BF11-0F30-19E7-CC58-10E3B07A15D3}"/>
              </a:ext>
            </a:extLst>
          </p:cNvPr>
          <p:cNvSpPr txBox="1">
            <a:spLocks/>
          </p:cNvSpPr>
          <p:nvPr/>
        </p:nvSpPr>
        <p:spPr>
          <a:xfrm>
            <a:off x="633046" y="784201"/>
            <a:ext cx="10956512" cy="423863"/>
          </a:xfrm>
          <a:prstGeom prst="rect">
            <a:avLst/>
          </a:prstGeom>
        </p:spPr>
        <p:txBody>
          <a:bodyPr vert="horz" lIns="0" tIns="0" rIns="91440" bIns="45720" rtlCol="0" anchor="t">
            <a:normAutofit/>
          </a:bodyPr>
          <a:lstStyle>
            <a:lvl1pPr marL="0" indent="0" algn="l" defTabSz="914400" rtl="0" eaLnBrk="1" latinLnBrk="0" hangingPunct="1">
              <a:lnSpc>
                <a:spcPct val="100000"/>
              </a:lnSpc>
              <a:spcBef>
                <a:spcPts val="1000"/>
              </a:spcBef>
              <a:buClr>
                <a:schemeClr val="tx2"/>
              </a:buClr>
              <a:buSzPct val="90000"/>
              <a:buFont typeface="Arial" panose="020B0604020202020204" pitchFamily="34" charset="0"/>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1000"/>
              </a:spcBef>
              <a:spcAft>
                <a:spcPts val="0"/>
              </a:spcAft>
              <a:buClr>
                <a:srgbClr val="5E5F5F"/>
              </a:buClr>
              <a:buSzPct val="90000"/>
              <a:buFont typeface="Arial" panose="020B0604020202020204" pitchFamily="34" charset="0"/>
              <a:buNone/>
              <a:tabLst/>
              <a:defRPr/>
            </a:pPr>
            <a:r>
              <a:rPr kumimoji="0" lang="en-US" sz="2000" b="0" i="0" u="none" strike="noStrike" kern="1200" cap="none" spc="0" normalizeH="0" baseline="0" noProof="0">
                <a:ln>
                  <a:noFill/>
                </a:ln>
                <a:solidFill>
                  <a:srgbClr val="57839B"/>
                </a:solidFill>
                <a:effectLst/>
                <a:uLnTx/>
                <a:uFillTx/>
                <a:latin typeface="Avenir Medium"/>
                <a:ea typeface="Verdana"/>
                <a:cs typeface="Rubik Medium"/>
              </a:rPr>
              <a:t>Q3’ 23 Returns, %</a:t>
            </a:r>
            <a:endParaRPr kumimoji="0" lang="en-US" sz="2000" b="0" i="0" u="none" strike="noStrike" kern="1200" cap="none" spc="0" normalizeH="0" baseline="0" noProof="0">
              <a:ln>
                <a:noFill/>
              </a:ln>
              <a:solidFill>
                <a:srgbClr val="57839B"/>
              </a:solidFill>
              <a:effectLst/>
              <a:uLnTx/>
              <a:uFillTx/>
              <a:latin typeface="Avenir Medium" panose="02000503020000020003" pitchFamily="2" charset="0"/>
              <a:ea typeface="Verdana" panose="020B0604030504040204" pitchFamily="34" charset="0"/>
              <a:cs typeface="Rubik Medium" pitchFamily="2" charset="-79"/>
            </a:endParaRPr>
          </a:p>
        </p:txBody>
      </p:sp>
    </p:spTree>
    <p:extLst>
      <p:ext uri="{BB962C8B-B14F-4D97-AF65-F5344CB8AC3E}">
        <p14:creationId xmlns:p14="http://schemas.microsoft.com/office/powerpoint/2010/main" val="68717827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0224B10-DCEB-584C-9E7C-663478B8C922}"/>
              </a:ext>
            </a:extLst>
          </p:cNvPr>
          <p:cNvSpPr>
            <a:spLocks noGrp="1"/>
          </p:cNvSpPr>
          <p:nvPr>
            <p:ph type="title"/>
          </p:nvPr>
        </p:nvSpPr>
        <p:spPr>
          <a:xfrm>
            <a:off x="1315397" y="2225557"/>
            <a:ext cx="9561206" cy="1218509"/>
          </a:xfrm>
        </p:spPr>
        <p:txBody>
          <a:bodyPr/>
          <a:lstStyle/>
          <a:p>
            <a:r>
              <a:rPr lang="en-US">
                <a:latin typeface="Arial" panose="020B0604020202020204" pitchFamily="34" charset="0"/>
                <a:cs typeface="Arial" panose="020B0604020202020204" pitchFamily="34" charset="0"/>
              </a:rPr>
              <a:t>Economic Overview</a:t>
            </a:r>
          </a:p>
        </p:txBody>
      </p:sp>
    </p:spTree>
    <p:extLst>
      <p:ext uri="{BB962C8B-B14F-4D97-AF65-F5344CB8AC3E}">
        <p14:creationId xmlns:p14="http://schemas.microsoft.com/office/powerpoint/2010/main" val="274209583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Chart 1">
            <a:extLst>
              <a:ext uri="{FF2B5EF4-FFF2-40B4-BE49-F238E27FC236}">
                <a16:creationId xmlns:a16="http://schemas.microsoft.com/office/drawing/2014/main" id="{F5D8B614-6D1B-CF33-DAF8-50B4555837F8}"/>
              </a:ext>
            </a:extLst>
          </p:cNvPr>
          <p:cNvGraphicFramePr>
            <a:graphicFrameLocks/>
          </p:cNvGraphicFramePr>
          <p:nvPr/>
        </p:nvGraphicFramePr>
        <p:xfrm>
          <a:off x="6152710" y="3526448"/>
          <a:ext cx="1819656" cy="1069848"/>
        </p:xfrm>
        <a:graphic>
          <a:graphicData uri="http://schemas.openxmlformats.org/drawingml/2006/chart">
            <c:chart xmlns:c="http://schemas.openxmlformats.org/drawingml/2006/chart" xmlns:r="http://schemas.openxmlformats.org/officeDocument/2006/relationships" r:id="rId3"/>
          </a:graphicData>
        </a:graphic>
      </p:graphicFrame>
      <p:grpSp>
        <p:nvGrpSpPr>
          <p:cNvPr id="3" name="Group 2">
            <a:extLst>
              <a:ext uri="{FF2B5EF4-FFF2-40B4-BE49-F238E27FC236}">
                <a16:creationId xmlns:a16="http://schemas.microsoft.com/office/drawing/2014/main" id="{83390BE5-58D0-2DF3-B3DA-E985A506653A}"/>
              </a:ext>
            </a:extLst>
          </p:cNvPr>
          <p:cNvGrpSpPr/>
          <p:nvPr/>
        </p:nvGrpSpPr>
        <p:grpSpPr>
          <a:xfrm>
            <a:off x="7904631" y="6165909"/>
            <a:ext cx="3218918" cy="444567"/>
            <a:chOff x="8494520" y="462224"/>
            <a:chExt cx="3218918" cy="444567"/>
          </a:xfrm>
        </p:grpSpPr>
        <p:sp>
          <p:nvSpPr>
            <p:cNvPr id="4" name="TextBox 3">
              <a:extLst>
                <a:ext uri="{FF2B5EF4-FFF2-40B4-BE49-F238E27FC236}">
                  <a16:creationId xmlns:a16="http://schemas.microsoft.com/office/drawing/2014/main" id="{0A8BFF88-549E-09B8-6810-05C0933C78DB}"/>
                </a:ext>
              </a:extLst>
            </p:cNvPr>
            <p:cNvSpPr txBox="1"/>
            <p:nvPr/>
          </p:nvSpPr>
          <p:spPr>
            <a:xfrm>
              <a:off x="8494520" y="462224"/>
              <a:ext cx="1128045"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Negative</a:t>
              </a:r>
              <a:endParaRPr kumimoji="0" lang="en-US" sz="105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5" name="TextBox 4">
              <a:extLst>
                <a:ext uri="{FF2B5EF4-FFF2-40B4-BE49-F238E27FC236}">
                  <a16:creationId xmlns:a16="http://schemas.microsoft.com/office/drawing/2014/main" id="{84F27059-A5FA-E630-07E5-99C74FB75797}"/>
                </a:ext>
              </a:extLst>
            </p:cNvPr>
            <p:cNvSpPr txBox="1"/>
            <p:nvPr/>
          </p:nvSpPr>
          <p:spPr>
            <a:xfrm>
              <a:off x="9553647" y="462224"/>
              <a:ext cx="1128045"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Neutral</a:t>
              </a:r>
              <a:endParaRPr kumimoji="0" lang="en-US" sz="105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6" name="TextBox 5">
              <a:extLst>
                <a:ext uri="{FF2B5EF4-FFF2-40B4-BE49-F238E27FC236}">
                  <a16:creationId xmlns:a16="http://schemas.microsoft.com/office/drawing/2014/main" id="{AC1C0869-D3A5-79C6-0D94-21362E815CF8}"/>
                </a:ext>
              </a:extLst>
            </p:cNvPr>
            <p:cNvSpPr txBox="1"/>
            <p:nvPr/>
          </p:nvSpPr>
          <p:spPr>
            <a:xfrm>
              <a:off x="10568299" y="462224"/>
              <a:ext cx="1128045"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Positive</a:t>
              </a:r>
              <a:endParaRPr kumimoji="0" lang="en-US" sz="105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7" name="TextBox 6">
              <a:extLst>
                <a:ext uri="{FF2B5EF4-FFF2-40B4-BE49-F238E27FC236}">
                  <a16:creationId xmlns:a16="http://schemas.microsoft.com/office/drawing/2014/main" id="{4B6235D9-634F-1ABA-D9F4-947D3342212D}"/>
                </a:ext>
              </a:extLst>
            </p:cNvPr>
            <p:cNvSpPr txBox="1"/>
            <p:nvPr/>
          </p:nvSpPr>
          <p:spPr>
            <a:xfrm>
              <a:off x="8536690" y="675959"/>
              <a:ext cx="1097280" cy="230832"/>
            </a:xfrm>
            <a:prstGeom prst="rect">
              <a:avLst/>
            </a:prstGeom>
            <a:solidFill>
              <a:srgbClr val="CC0000"/>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8" name="TextBox 7">
              <a:extLst>
                <a:ext uri="{FF2B5EF4-FFF2-40B4-BE49-F238E27FC236}">
                  <a16:creationId xmlns:a16="http://schemas.microsoft.com/office/drawing/2014/main" id="{3F49D114-BC53-7CEB-1718-DBC73E5A029F}"/>
                </a:ext>
              </a:extLst>
            </p:cNvPr>
            <p:cNvSpPr txBox="1"/>
            <p:nvPr/>
          </p:nvSpPr>
          <p:spPr>
            <a:xfrm>
              <a:off x="10616158" y="675958"/>
              <a:ext cx="1097280" cy="230832"/>
            </a:xfrm>
            <a:prstGeom prst="rect">
              <a:avLst/>
            </a:prstGeom>
            <a:solidFill>
              <a:srgbClr val="1B9E77"/>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9" name="TextBox 8">
              <a:extLst>
                <a:ext uri="{FF2B5EF4-FFF2-40B4-BE49-F238E27FC236}">
                  <a16:creationId xmlns:a16="http://schemas.microsoft.com/office/drawing/2014/main" id="{A297BC86-1FD9-F5B2-83FA-462B646D2C8C}"/>
                </a:ext>
              </a:extLst>
            </p:cNvPr>
            <p:cNvSpPr txBox="1"/>
            <p:nvPr/>
          </p:nvSpPr>
          <p:spPr>
            <a:xfrm>
              <a:off x="9536553" y="675959"/>
              <a:ext cx="1097280" cy="230832"/>
            </a:xfrm>
            <a:prstGeom prst="rect">
              <a:avLst/>
            </a:prstGeom>
            <a:solidFill>
              <a:srgbClr val="A6A6A6"/>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a:ln>
                  <a:noFill/>
                </a:ln>
                <a:solidFill>
                  <a:prstClr val="black"/>
                </a:solidFill>
                <a:effectLst/>
                <a:uLnTx/>
                <a:uFillTx/>
                <a:latin typeface="Calibri" panose="020F0502020204030204"/>
                <a:ea typeface="+mn-ea"/>
                <a:cs typeface="+mn-cs"/>
              </a:endParaRPr>
            </a:p>
          </p:txBody>
        </p:sp>
      </p:grpSp>
      <p:sp>
        <p:nvSpPr>
          <p:cNvPr id="12" name="TextBox 11">
            <a:extLst>
              <a:ext uri="{FF2B5EF4-FFF2-40B4-BE49-F238E27FC236}">
                <a16:creationId xmlns:a16="http://schemas.microsoft.com/office/drawing/2014/main" id="{C31390B9-5597-CF9E-E23C-1C7C729DD763}"/>
              </a:ext>
            </a:extLst>
          </p:cNvPr>
          <p:cNvSpPr txBox="1"/>
          <p:nvPr/>
        </p:nvSpPr>
        <p:spPr>
          <a:xfrm>
            <a:off x="602098" y="1703196"/>
            <a:ext cx="2487618" cy="2800767"/>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0000"/>
                </a:solidFill>
                <a:effectLst/>
                <a:uLnTx/>
                <a:uFillTx/>
                <a:latin typeface="Verdana"/>
                <a:ea typeface="Verdana"/>
                <a:cs typeface="+mn-cs"/>
              </a:rPr>
              <a:t>Even though many leading economic indicators point to tougher conditions ahead, economic growth remains resilient. Weakness on the manufacturing side is being offset by a strong consumer and labor market.</a:t>
            </a:r>
          </a:p>
        </p:txBody>
      </p:sp>
      <p:sp>
        <p:nvSpPr>
          <p:cNvPr id="29" name="TextBox 28">
            <a:extLst>
              <a:ext uri="{FF2B5EF4-FFF2-40B4-BE49-F238E27FC236}">
                <a16:creationId xmlns:a16="http://schemas.microsoft.com/office/drawing/2014/main" id="{41CE5C2E-DC4F-EB2A-6624-C56916278418}"/>
              </a:ext>
            </a:extLst>
          </p:cNvPr>
          <p:cNvSpPr txBox="1"/>
          <p:nvPr/>
        </p:nvSpPr>
        <p:spPr>
          <a:xfrm>
            <a:off x="4723422" y="6427519"/>
            <a:ext cx="2723447" cy="230832"/>
          </a:xfrm>
          <a:prstGeom prst="rect">
            <a:avLst/>
          </a:prstGeom>
          <a:noFill/>
        </p:spPr>
        <p:txBody>
          <a:bodyPr wrap="square" lIns="91440" tIns="45720" rIns="91440" bIns="4572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a:ea typeface="Verdana"/>
                <a:cs typeface="+mn-cs"/>
              </a:rPr>
              <a:t> Source: Kestra Investment Management</a:t>
            </a:r>
          </a:p>
        </p:txBody>
      </p:sp>
      <p:sp>
        <p:nvSpPr>
          <p:cNvPr id="33" name="Title 3">
            <a:extLst>
              <a:ext uri="{FF2B5EF4-FFF2-40B4-BE49-F238E27FC236}">
                <a16:creationId xmlns:a16="http://schemas.microsoft.com/office/drawing/2014/main" id="{0DD978DD-87EC-5AFE-2270-287DEAC9FF31}"/>
              </a:ext>
            </a:extLst>
          </p:cNvPr>
          <p:cNvSpPr>
            <a:spLocks noGrp="1"/>
          </p:cNvSpPr>
          <p:nvPr>
            <p:ph type="title"/>
          </p:nvPr>
        </p:nvSpPr>
        <p:spPr>
          <a:xfrm>
            <a:off x="633046" y="356537"/>
            <a:ext cx="10949354" cy="484324"/>
          </a:xfrm>
        </p:spPr>
        <p:txBody>
          <a:bodyPr/>
          <a:lstStyle/>
          <a:p>
            <a:r>
              <a:rPr lang="en-US" sz="3200"/>
              <a:t>Economic Dashboard</a:t>
            </a:r>
          </a:p>
        </p:txBody>
      </p:sp>
      <p:grpSp>
        <p:nvGrpSpPr>
          <p:cNvPr id="13" name="Group 12">
            <a:extLst>
              <a:ext uri="{FF2B5EF4-FFF2-40B4-BE49-F238E27FC236}">
                <a16:creationId xmlns:a16="http://schemas.microsoft.com/office/drawing/2014/main" id="{2ED53A84-E765-A82F-D7FF-32242C7CF719}"/>
              </a:ext>
            </a:extLst>
          </p:cNvPr>
          <p:cNvGrpSpPr/>
          <p:nvPr/>
        </p:nvGrpSpPr>
        <p:grpSpPr>
          <a:xfrm>
            <a:off x="3786427" y="1688953"/>
            <a:ext cx="3055847" cy="2790077"/>
            <a:chOff x="3837821" y="1739409"/>
            <a:chExt cx="3055847" cy="2790077"/>
          </a:xfrm>
        </p:grpSpPr>
        <p:sp>
          <p:nvSpPr>
            <p:cNvPr id="14" name="TextBox 13">
              <a:extLst>
                <a:ext uri="{FF2B5EF4-FFF2-40B4-BE49-F238E27FC236}">
                  <a16:creationId xmlns:a16="http://schemas.microsoft.com/office/drawing/2014/main" id="{5548D58D-60F0-FE4A-DE76-0969CC20CEB6}"/>
                </a:ext>
              </a:extLst>
            </p:cNvPr>
            <p:cNvSpPr txBox="1"/>
            <p:nvPr/>
          </p:nvSpPr>
          <p:spPr>
            <a:xfrm>
              <a:off x="4426495" y="4167565"/>
              <a:ext cx="2467173" cy="33855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Labor</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18" name="TextBox 17">
              <a:extLst>
                <a:ext uri="{FF2B5EF4-FFF2-40B4-BE49-F238E27FC236}">
                  <a16:creationId xmlns:a16="http://schemas.microsoft.com/office/drawing/2014/main" id="{4FD0DE02-45D9-AD12-4C8E-06C5E0ACA36C}"/>
                </a:ext>
              </a:extLst>
            </p:cNvPr>
            <p:cNvSpPr txBox="1"/>
            <p:nvPr/>
          </p:nvSpPr>
          <p:spPr>
            <a:xfrm>
              <a:off x="4426495" y="1842036"/>
              <a:ext cx="2085788" cy="33855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Monetary Policy</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19" name="TextBox 18">
              <a:extLst>
                <a:ext uri="{FF2B5EF4-FFF2-40B4-BE49-F238E27FC236}">
                  <a16:creationId xmlns:a16="http://schemas.microsoft.com/office/drawing/2014/main" id="{264F6723-7EA6-9F92-9905-D598B5B5CB96}"/>
                </a:ext>
              </a:extLst>
            </p:cNvPr>
            <p:cNvSpPr txBox="1"/>
            <p:nvPr/>
          </p:nvSpPr>
          <p:spPr>
            <a:xfrm>
              <a:off x="4426495" y="3602033"/>
              <a:ext cx="2137222" cy="33855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Housing</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20" name="TextBox 19">
              <a:extLst>
                <a:ext uri="{FF2B5EF4-FFF2-40B4-BE49-F238E27FC236}">
                  <a16:creationId xmlns:a16="http://schemas.microsoft.com/office/drawing/2014/main" id="{2B75ECE2-F2AD-3283-7E2B-98F4B078AA91}"/>
                </a:ext>
              </a:extLst>
            </p:cNvPr>
            <p:cNvSpPr txBox="1"/>
            <p:nvPr/>
          </p:nvSpPr>
          <p:spPr>
            <a:xfrm>
              <a:off x="4426495" y="3028049"/>
              <a:ext cx="2377382" cy="33855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Consumer</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pic>
          <p:nvPicPr>
            <p:cNvPr id="22" name="Picture 7" descr="Icon&#10;&#10;Description automatically generated">
              <a:extLst>
                <a:ext uri="{FF2B5EF4-FFF2-40B4-BE49-F238E27FC236}">
                  <a16:creationId xmlns:a16="http://schemas.microsoft.com/office/drawing/2014/main" id="{5BE77393-892C-A964-C743-A5E236114B51}"/>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883927" y="1739409"/>
              <a:ext cx="499993" cy="49999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3" name="TextBox 22">
              <a:extLst>
                <a:ext uri="{FF2B5EF4-FFF2-40B4-BE49-F238E27FC236}">
                  <a16:creationId xmlns:a16="http://schemas.microsoft.com/office/drawing/2014/main" id="{1FDF6AC2-DB87-0B4E-6F66-13B32F3C9FE6}"/>
                </a:ext>
              </a:extLst>
            </p:cNvPr>
            <p:cNvSpPr txBox="1"/>
            <p:nvPr/>
          </p:nvSpPr>
          <p:spPr>
            <a:xfrm>
              <a:off x="4426496" y="2430762"/>
              <a:ext cx="2085788" cy="33855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Manufacturing</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pic>
          <p:nvPicPr>
            <p:cNvPr id="25" name="Picture 3" descr="Icon&#10;&#10;Description automatically generated">
              <a:extLst>
                <a:ext uri="{FF2B5EF4-FFF2-40B4-BE49-F238E27FC236}">
                  <a16:creationId xmlns:a16="http://schemas.microsoft.com/office/drawing/2014/main" id="{DD7B5A5E-0DF0-7C74-BCD4-A5156E5147C0}"/>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837821" y="2265238"/>
              <a:ext cx="588674" cy="5886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6" name="Picture 4" descr="Icon&#10;&#10;Description automatically generated">
              <a:extLst>
                <a:ext uri="{FF2B5EF4-FFF2-40B4-BE49-F238E27FC236}">
                  <a16:creationId xmlns:a16="http://schemas.microsoft.com/office/drawing/2014/main" id="{07100452-EC83-5245-16F2-51D14FE6C962}"/>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872833" y="2907209"/>
              <a:ext cx="553662" cy="5536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7" name="Picture 5" descr="Icon&#10;&#10;Description automatically generated">
              <a:extLst>
                <a:ext uri="{FF2B5EF4-FFF2-40B4-BE49-F238E27FC236}">
                  <a16:creationId xmlns:a16="http://schemas.microsoft.com/office/drawing/2014/main" id="{E2F7DD2D-C0C6-68B5-D70A-EF64FEE3A22D}"/>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3883927" y="3458874"/>
              <a:ext cx="553663" cy="5536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8" name="Graphic 27">
              <a:extLst>
                <a:ext uri="{FF2B5EF4-FFF2-40B4-BE49-F238E27FC236}">
                  <a16:creationId xmlns:a16="http://schemas.microsoft.com/office/drawing/2014/main" id="{EFF99C37-3DEC-3935-473A-6E320DCD8537}"/>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3938120" y="4127652"/>
              <a:ext cx="445276" cy="401834"/>
            </a:xfrm>
            <a:prstGeom prst="rect">
              <a:avLst/>
            </a:prstGeom>
          </p:spPr>
        </p:pic>
      </p:grpSp>
      <p:sp>
        <p:nvSpPr>
          <p:cNvPr id="11" name="TextBox 10">
            <a:extLst>
              <a:ext uri="{FF2B5EF4-FFF2-40B4-BE49-F238E27FC236}">
                <a16:creationId xmlns:a16="http://schemas.microsoft.com/office/drawing/2014/main" id="{7B1C2CBC-1E2D-8D91-1863-E458553321F1}"/>
              </a:ext>
            </a:extLst>
          </p:cNvPr>
          <p:cNvSpPr txBox="1"/>
          <p:nvPr/>
        </p:nvSpPr>
        <p:spPr>
          <a:xfrm>
            <a:off x="7904631" y="4067964"/>
            <a:ext cx="3931920" cy="64633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Jobs remain plentiful. Despite an increase in job losses, the newly unemployed are tending to find new positions quickly.</a:t>
            </a:r>
          </a:p>
        </p:txBody>
      </p:sp>
      <p:sp>
        <p:nvSpPr>
          <p:cNvPr id="36" name="TextBox 35">
            <a:extLst>
              <a:ext uri="{FF2B5EF4-FFF2-40B4-BE49-F238E27FC236}">
                <a16:creationId xmlns:a16="http://schemas.microsoft.com/office/drawing/2014/main" id="{07B17604-7B8A-89C2-7AD5-039AD7DA7647}"/>
              </a:ext>
            </a:extLst>
          </p:cNvPr>
          <p:cNvSpPr txBox="1"/>
          <p:nvPr/>
        </p:nvSpPr>
        <p:spPr>
          <a:xfrm>
            <a:off x="7904631" y="2238657"/>
            <a:ext cx="3931920" cy="461665"/>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Manufacturing indicators remain in negative territory, though appear to be bottoming</a:t>
            </a:r>
            <a:endParaRPr kumimoji="0" lang="en-US" sz="1200" b="0" i="0" u="none" strike="noStrike" kern="1200" cap="none" spc="0" normalizeH="0" baseline="0" noProof="0">
              <a:ln>
                <a:noFill/>
              </a:ln>
              <a:solidFill>
                <a:srgbClr val="000000"/>
              </a:solidFill>
              <a:effectLst/>
              <a:uLnTx/>
              <a:uFillTx/>
              <a:latin typeface="Verdana"/>
              <a:ea typeface="Verdana"/>
              <a:cs typeface="+mn-cs"/>
            </a:endParaRPr>
          </a:p>
        </p:txBody>
      </p:sp>
      <p:sp>
        <p:nvSpPr>
          <p:cNvPr id="37" name="TextBox 36">
            <a:extLst>
              <a:ext uri="{FF2B5EF4-FFF2-40B4-BE49-F238E27FC236}">
                <a16:creationId xmlns:a16="http://schemas.microsoft.com/office/drawing/2014/main" id="{DF401A52-786B-AF46-97ED-D8D23F54018C}"/>
              </a:ext>
            </a:extLst>
          </p:cNvPr>
          <p:cNvSpPr txBox="1"/>
          <p:nvPr/>
        </p:nvSpPr>
        <p:spPr>
          <a:xfrm>
            <a:off x="7904631" y="2850618"/>
            <a:ext cx="3931920" cy="646331"/>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Consumer balance sheets remain relatively healthy and spending continues. Confidence has waned a bit as gas prices rise</a:t>
            </a:r>
          </a:p>
        </p:txBody>
      </p:sp>
      <p:sp>
        <p:nvSpPr>
          <p:cNvPr id="38" name="TextBox 37">
            <a:extLst>
              <a:ext uri="{FF2B5EF4-FFF2-40B4-BE49-F238E27FC236}">
                <a16:creationId xmlns:a16="http://schemas.microsoft.com/office/drawing/2014/main" id="{0F985C62-3B8E-7FA7-C1EB-DAA57F7810A8}"/>
              </a:ext>
            </a:extLst>
          </p:cNvPr>
          <p:cNvSpPr txBox="1"/>
          <p:nvPr/>
        </p:nvSpPr>
        <p:spPr>
          <a:xfrm>
            <a:off x="7899375" y="3445587"/>
            <a:ext cx="3931920" cy="646331"/>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While mortgage rates remain high and affordability low, home activity has reaccelerated.</a:t>
            </a:r>
          </a:p>
        </p:txBody>
      </p:sp>
      <p:sp>
        <p:nvSpPr>
          <p:cNvPr id="39" name="TextBox 38">
            <a:extLst>
              <a:ext uri="{FF2B5EF4-FFF2-40B4-BE49-F238E27FC236}">
                <a16:creationId xmlns:a16="http://schemas.microsoft.com/office/drawing/2014/main" id="{6BB72CBC-F334-95F8-0CBA-C50BE8762A60}"/>
              </a:ext>
            </a:extLst>
          </p:cNvPr>
          <p:cNvSpPr txBox="1"/>
          <p:nvPr/>
        </p:nvSpPr>
        <p:spPr>
          <a:xfrm>
            <a:off x="7904631" y="1637663"/>
            <a:ext cx="3931920" cy="646331"/>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The Federal Reserve is nearing the end of its interest rate increases, though future rate cuts have been pushed out even further</a:t>
            </a:r>
          </a:p>
        </p:txBody>
      </p:sp>
      <p:pic>
        <p:nvPicPr>
          <p:cNvPr id="44" name="Picture 43">
            <a:extLst>
              <a:ext uri="{FF2B5EF4-FFF2-40B4-BE49-F238E27FC236}">
                <a16:creationId xmlns:a16="http://schemas.microsoft.com/office/drawing/2014/main" id="{82697C3C-9AA6-6E59-2D1C-89AB94D11A01}"/>
              </a:ext>
            </a:extLst>
          </p:cNvPr>
          <p:cNvPicPr>
            <a:picLocks noChangeAspect="1"/>
          </p:cNvPicPr>
          <p:nvPr/>
        </p:nvPicPr>
        <p:blipFill>
          <a:blip r:embed="rId10"/>
          <a:stretch>
            <a:fillRect/>
          </a:stretch>
        </p:blipFill>
        <p:spPr>
          <a:xfrm>
            <a:off x="6149504" y="4104614"/>
            <a:ext cx="1822862" cy="1072989"/>
          </a:xfrm>
          <a:prstGeom prst="rect">
            <a:avLst/>
          </a:prstGeom>
        </p:spPr>
      </p:pic>
      <p:pic>
        <p:nvPicPr>
          <p:cNvPr id="51" name="Picture 50">
            <a:extLst>
              <a:ext uri="{FF2B5EF4-FFF2-40B4-BE49-F238E27FC236}">
                <a16:creationId xmlns:a16="http://schemas.microsoft.com/office/drawing/2014/main" id="{DAB83985-E125-0BDB-FF3D-EA03451D64B5}"/>
              </a:ext>
            </a:extLst>
          </p:cNvPr>
          <p:cNvPicPr>
            <a:picLocks noChangeAspect="1"/>
          </p:cNvPicPr>
          <p:nvPr/>
        </p:nvPicPr>
        <p:blipFill>
          <a:blip r:embed="rId11"/>
          <a:stretch>
            <a:fillRect/>
          </a:stretch>
        </p:blipFill>
        <p:spPr>
          <a:xfrm>
            <a:off x="6132861" y="2880441"/>
            <a:ext cx="1822862" cy="1066892"/>
          </a:xfrm>
          <a:prstGeom prst="rect">
            <a:avLst/>
          </a:prstGeom>
        </p:spPr>
      </p:pic>
      <p:pic>
        <p:nvPicPr>
          <p:cNvPr id="57" name="Picture 56">
            <a:extLst>
              <a:ext uri="{FF2B5EF4-FFF2-40B4-BE49-F238E27FC236}">
                <a16:creationId xmlns:a16="http://schemas.microsoft.com/office/drawing/2014/main" id="{A50B2491-1734-F9ED-962C-039D60205C75}"/>
              </a:ext>
            </a:extLst>
          </p:cNvPr>
          <p:cNvPicPr>
            <a:picLocks noChangeAspect="1"/>
          </p:cNvPicPr>
          <p:nvPr/>
        </p:nvPicPr>
        <p:blipFill>
          <a:blip r:embed="rId12"/>
          <a:stretch>
            <a:fillRect/>
          </a:stretch>
        </p:blipFill>
        <p:spPr>
          <a:xfrm>
            <a:off x="6154760" y="1651562"/>
            <a:ext cx="1822862" cy="1066892"/>
          </a:xfrm>
          <a:prstGeom prst="rect">
            <a:avLst/>
          </a:prstGeom>
        </p:spPr>
      </p:pic>
      <p:pic>
        <p:nvPicPr>
          <p:cNvPr id="10" name="Picture 9">
            <a:extLst>
              <a:ext uri="{FF2B5EF4-FFF2-40B4-BE49-F238E27FC236}">
                <a16:creationId xmlns:a16="http://schemas.microsoft.com/office/drawing/2014/main" id="{7A2BD4A2-5051-7F7C-749C-CDB478BC3E50}"/>
              </a:ext>
            </a:extLst>
          </p:cNvPr>
          <p:cNvPicPr>
            <a:picLocks noChangeAspect="1"/>
          </p:cNvPicPr>
          <p:nvPr/>
        </p:nvPicPr>
        <p:blipFill>
          <a:blip r:embed="rId12"/>
          <a:stretch>
            <a:fillRect/>
          </a:stretch>
        </p:blipFill>
        <p:spPr>
          <a:xfrm>
            <a:off x="6160016" y="2295068"/>
            <a:ext cx="1822862" cy="1066892"/>
          </a:xfrm>
          <a:prstGeom prst="rect">
            <a:avLst/>
          </a:prstGeom>
        </p:spPr>
      </p:pic>
    </p:spTree>
    <p:extLst>
      <p:ext uri="{BB962C8B-B14F-4D97-AF65-F5344CB8AC3E}">
        <p14:creationId xmlns:p14="http://schemas.microsoft.com/office/powerpoint/2010/main" val="375021072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Slide Number Placeholder 5">
            <a:extLst>
              <a:ext uri="{FF2B5EF4-FFF2-40B4-BE49-F238E27FC236}">
                <a16:creationId xmlns:a16="http://schemas.microsoft.com/office/drawing/2014/main" id="{58C56678-43E4-44C6-BA55-E91BB5B56FD2}"/>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27" name="TextBox 26">
            <a:extLst>
              <a:ext uri="{FF2B5EF4-FFF2-40B4-BE49-F238E27FC236}">
                <a16:creationId xmlns:a16="http://schemas.microsoft.com/office/drawing/2014/main" id="{37CC5597-EC25-E314-C11A-5738AABF70DB}"/>
              </a:ext>
            </a:extLst>
          </p:cNvPr>
          <p:cNvSpPr txBox="1"/>
          <p:nvPr/>
        </p:nvSpPr>
        <p:spPr>
          <a:xfrm>
            <a:off x="779088" y="1023261"/>
            <a:ext cx="7978407" cy="73866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00000"/>
                </a:solidFill>
                <a:effectLst/>
                <a:uLnTx/>
                <a:uFillTx/>
                <a:latin typeface="Verdana"/>
                <a:ea typeface="+mn-ea"/>
                <a:cs typeface="+mn-cs"/>
              </a:rPr>
              <a:t>Yields on the 10-year Treasury bond have dropped below 2-year yields. In previous periods when this has happened, a recession has typically followed within 6 months to 2 years.</a:t>
            </a:r>
          </a:p>
        </p:txBody>
      </p:sp>
      <p:sp>
        <p:nvSpPr>
          <p:cNvPr id="28" name="TextBox 27">
            <a:extLst>
              <a:ext uri="{FF2B5EF4-FFF2-40B4-BE49-F238E27FC236}">
                <a16:creationId xmlns:a16="http://schemas.microsoft.com/office/drawing/2014/main" id="{05A115CE-B7C4-7580-46AC-8F62B7AC9D84}"/>
              </a:ext>
            </a:extLst>
          </p:cNvPr>
          <p:cNvSpPr txBox="1"/>
          <p:nvPr/>
        </p:nvSpPr>
        <p:spPr>
          <a:xfrm>
            <a:off x="1756997" y="6275424"/>
            <a:ext cx="9456293" cy="369332"/>
          </a:xfrm>
          <a:prstGeom prst="rect">
            <a:avLst/>
          </a:prstGeom>
          <a:noFill/>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a:ea typeface="Verdana"/>
                <a:cs typeface="+mn-cs"/>
              </a:rPr>
              <a:t>Forward looking projections may not come to pass. Source: Kestra Investment Management, Federal Reserve System and FactSet​. Index proxies: 2 Year and 10 Year Treasury Indexes. Data as of </a:t>
            </a:r>
            <a:r>
              <a:rPr lang="en-US" sz="900">
                <a:solidFill>
                  <a:srgbClr val="000000"/>
                </a:solidFill>
                <a:latin typeface="Verdana"/>
                <a:ea typeface="Verdana"/>
              </a:rPr>
              <a:t>October 12</a:t>
            </a:r>
            <a:r>
              <a:rPr kumimoji="0" lang="en-US" sz="900" b="0" i="0" u="none" strike="noStrike" kern="1200" cap="none" spc="0" normalizeH="0" baseline="0" noProof="0">
                <a:ln>
                  <a:noFill/>
                </a:ln>
                <a:solidFill>
                  <a:srgbClr val="000000"/>
                </a:solidFill>
                <a:effectLst/>
                <a:uLnTx/>
                <a:uFillTx/>
                <a:latin typeface="Verdana"/>
                <a:ea typeface="Verdana"/>
                <a:cs typeface="+mn-cs"/>
              </a:rPr>
              <a:t>, 2023.</a:t>
            </a:r>
            <a:endParaRPr kumimoji="0" lang="en-US" sz="900" b="1" i="0" u="none" strike="noStrike" kern="1200" cap="none" spc="0" normalizeH="0" baseline="0" noProof="0">
              <a:ln>
                <a:noFill/>
              </a:ln>
              <a:solidFill>
                <a:srgbClr val="000000"/>
              </a:solidFill>
              <a:effectLst/>
              <a:uLnTx/>
              <a:uFillTx/>
              <a:latin typeface="Verdana"/>
              <a:ea typeface="Verdana"/>
              <a:cs typeface="+mn-cs"/>
            </a:endParaRPr>
          </a:p>
        </p:txBody>
      </p:sp>
      <p:sp>
        <p:nvSpPr>
          <p:cNvPr id="13" name="Title 3">
            <a:extLst>
              <a:ext uri="{FF2B5EF4-FFF2-40B4-BE49-F238E27FC236}">
                <a16:creationId xmlns:a16="http://schemas.microsoft.com/office/drawing/2014/main" id="{EA48A754-DF67-5B98-25DE-2BCA7F0CD6B6}"/>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rPr>
              <a:t>Treasury Yield Curve Flashing a Warning Signal, Still </a:t>
            </a:r>
          </a:p>
        </p:txBody>
      </p:sp>
      <p:pic>
        <p:nvPicPr>
          <p:cNvPr id="2" name="Picture 1">
            <a:extLst>
              <a:ext uri="{FF2B5EF4-FFF2-40B4-BE49-F238E27FC236}">
                <a16:creationId xmlns:a16="http://schemas.microsoft.com/office/drawing/2014/main" id="{4A634083-64AC-7AF3-E2F4-FA530580BD00}"/>
              </a:ext>
            </a:extLst>
          </p:cNvPr>
          <p:cNvPicPr>
            <a:picLocks noChangeAspect="1"/>
          </p:cNvPicPr>
          <p:nvPr/>
        </p:nvPicPr>
        <p:blipFill>
          <a:blip r:embed="rId3"/>
          <a:stretch>
            <a:fillRect/>
          </a:stretch>
        </p:blipFill>
        <p:spPr>
          <a:xfrm>
            <a:off x="9227215" y="2918193"/>
            <a:ext cx="1653822" cy="2805472"/>
          </a:xfrm>
          <a:prstGeom prst="rect">
            <a:avLst/>
          </a:prstGeom>
          <a:ln>
            <a:solidFill>
              <a:srgbClr val="FF0000"/>
            </a:solidFill>
          </a:ln>
        </p:spPr>
      </p:pic>
      <p:graphicFrame>
        <p:nvGraphicFramePr>
          <p:cNvPr id="5" name="Object 4">
            <a:extLst>
              <a:ext uri="{FF2B5EF4-FFF2-40B4-BE49-F238E27FC236}">
                <a16:creationId xmlns:a16="http://schemas.microsoft.com/office/drawing/2014/main" id="{60330188-91E3-8359-1A5F-1EADEA06B03C}"/>
              </a:ext>
            </a:extLst>
          </p:cNvPr>
          <p:cNvGraphicFramePr>
            <a:graphicFrameLocks noChangeAspect="1"/>
          </p:cNvGraphicFramePr>
          <p:nvPr>
            <p:extLst>
              <p:ext uri="{D42A27DB-BD31-4B8C-83A1-F6EECF244321}">
                <p14:modId xmlns:p14="http://schemas.microsoft.com/office/powerpoint/2010/main" val="3734472490"/>
              </p:ext>
            </p:extLst>
          </p:nvPr>
        </p:nvGraphicFramePr>
        <p:xfrm>
          <a:off x="609600" y="1842228"/>
          <a:ext cx="7634287" cy="3881437"/>
        </p:xfrm>
        <a:graphic>
          <a:graphicData uri="http://schemas.openxmlformats.org/presentationml/2006/ole">
            <mc:AlternateContent xmlns:mc="http://schemas.openxmlformats.org/markup-compatibility/2006">
              <mc:Choice xmlns:v="urn:schemas-microsoft-com:vml" Requires="v">
                <p:oleObj name="ActiveGraph" r:id="rId4" imgW="7582044" imgH="3857625" progId="FDSCHART.FDSChartCtrlUnicode.1">
                  <p:embed/>
                </p:oleObj>
              </mc:Choice>
              <mc:Fallback>
                <p:oleObj name="ActiveGraph" r:id="rId4" imgW="7582044" imgH="3857625" progId="FDSCHART.FDSChartCtrlUnicode.1">
                  <p:embed/>
                  <p:pic>
                    <p:nvPicPr>
                      <p:cNvPr id="5" name="Object 4">
                        <a:extLst>
                          <a:ext uri="{FF2B5EF4-FFF2-40B4-BE49-F238E27FC236}">
                            <a16:creationId xmlns:a16="http://schemas.microsoft.com/office/drawing/2014/main" id="{60330188-91E3-8359-1A5F-1EADEA06B03C}"/>
                          </a:ext>
                        </a:extLst>
                      </p:cNvPr>
                      <p:cNvPicPr/>
                      <p:nvPr/>
                    </p:nvPicPr>
                    <p:blipFill>
                      <a:blip r:embed="rId5"/>
                      <a:stretch>
                        <a:fillRect/>
                      </a:stretch>
                    </p:blipFill>
                    <p:spPr>
                      <a:xfrm>
                        <a:off x="609600" y="1842228"/>
                        <a:ext cx="7634287" cy="3881437"/>
                      </a:xfrm>
                      <a:prstGeom prst="rect">
                        <a:avLst/>
                      </a:prstGeom>
                    </p:spPr>
                  </p:pic>
                </p:oleObj>
              </mc:Fallback>
            </mc:AlternateContent>
          </a:graphicData>
        </a:graphic>
      </p:graphicFrame>
      <p:cxnSp>
        <p:nvCxnSpPr>
          <p:cNvPr id="7" name="Straight Arrow Connector 6">
            <a:extLst>
              <a:ext uri="{FF2B5EF4-FFF2-40B4-BE49-F238E27FC236}">
                <a16:creationId xmlns:a16="http://schemas.microsoft.com/office/drawing/2014/main" id="{0537DB5B-48C1-311E-3975-D9EE7E975A82}"/>
              </a:ext>
            </a:extLst>
          </p:cNvPr>
          <p:cNvCxnSpPr>
            <a:cxnSpLocks/>
          </p:cNvCxnSpPr>
          <p:nvPr/>
        </p:nvCxnSpPr>
        <p:spPr>
          <a:xfrm>
            <a:off x="8385175" y="4034898"/>
            <a:ext cx="527770" cy="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8" name="Rectangle 7">
            <a:extLst>
              <a:ext uri="{FF2B5EF4-FFF2-40B4-BE49-F238E27FC236}">
                <a16:creationId xmlns:a16="http://schemas.microsoft.com/office/drawing/2014/main" id="{F6B405A2-87E1-14A6-9744-843EC7DDF765}"/>
              </a:ext>
            </a:extLst>
          </p:cNvPr>
          <p:cNvSpPr/>
          <p:nvPr/>
        </p:nvSpPr>
        <p:spPr>
          <a:xfrm>
            <a:off x="6897687" y="3340100"/>
            <a:ext cx="1187617" cy="1841500"/>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FFFFFF"/>
              </a:solidFill>
              <a:effectLst/>
              <a:uLnTx/>
              <a:uFillTx/>
              <a:latin typeface="Verdana"/>
              <a:ea typeface="+mn-ea"/>
              <a:cs typeface="+mn-cs"/>
            </a:endParaRPr>
          </a:p>
        </p:txBody>
      </p:sp>
      <p:sp>
        <p:nvSpPr>
          <p:cNvPr id="9" name="Oval 8">
            <a:extLst>
              <a:ext uri="{FF2B5EF4-FFF2-40B4-BE49-F238E27FC236}">
                <a16:creationId xmlns:a16="http://schemas.microsoft.com/office/drawing/2014/main" id="{7A5EFA69-9989-10DC-4B24-E2ED08B82B40}"/>
              </a:ext>
            </a:extLst>
          </p:cNvPr>
          <p:cNvSpPr/>
          <p:nvPr/>
        </p:nvSpPr>
        <p:spPr>
          <a:xfrm>
            <a:off x="3535401" y="4297308"/>
            <a:ext cx="402580" cy="584200"/>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FFFFFF"/>
              </a:solidFill>
              <a:effectLst/>
              <a:uLnTx/>
              <a:uFillTx/>
              <a:latin typeface="Verdana"/>
              <a:ea typeface="+mn-ea"/>
              <a:cs typeface="+mn-cs"/>
            </a:endParaRPr>
          </a:p>
        </p:txBody>
      </p:sp>
      <p:sp>
        <p:nvSpPr>
          <p:cNvPr id="11" name="Oval 10">
            <a:extLst>
              <a:ext uri="{FF2B5EF4-FFF2-40B4-BE49-F238E27FC236}">
                <a16:creationId xmlns:a16="http://schemas.microsoft.com/office/drawing/2014/main" id="{9FE693F3-3507-9529-2C14-4699F3AFDC4D}"/>
              </a:ext>
            </a:extLst>
          </p:cNvPr>
          <p:cNvSpPr/>
          <p:nvPr/>
        </p:nvSpPr>
        <p:spPr>
          <a:xfrm>
            <a:off x="4659468" y="4157412"/>
            <a:ext cx="402580" cy="584200"/>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FFFFFF"/>
              </a:solidFill>
              <a:effectLst/>
              <a:uLnTx/>
              <a:uFillTx/>
              <a:latin typeface="Verdana"/>
              <a:ea typeface="+mn-ea"/>
              <a:cs typeface="+mn-cs"/>
            </a:endParaRPr>
          </a:p>
        </p:txBody>
      </p:sp>
      <p:sp>
        <p:nvSpPr>
          <p:cNvPr id="12" name="Oval 11">
            <a:extLst>
              <a:ext uri="{FF2B5EF4-FFF2-40B4-BE49-F238E27FC236}">
                <a16:creationId xmlns:a16="http://schemas.microsoft.com/office/drawing/2014/main" id="{42A91560-36FF-6ACA-49CD-573B4874E789}"/>
              </a:ext>
            </a:extLst>
          </p:cNvPr>
          <p:cNvSpPr/>
          <p:nvPr/>
        </p:nvSpPr>
        <p:spPr>
          <a:xfrm>
            <a:off x="1402748" y="3788155"/>
            <a:ext cx="780182" cy="1240447"/>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FFFFFF"/>
              </a:solidFill>
              <a:effectLst/>
              <a:uLnTx/>
              <a:uFillTx/>
              <a:latin typeface="Verdana"/>
              <a:ea typeface="+mn-ea"/>
              <a:cs typeface="+mn-cs"/>
            </a:endParaRPr>
          </a:p>
        </p:txBody>
      </p:sp>
      <p:cxnSp>
        <p:nvCxnSpPr>
          <p:cNvPr id="19" name="Straight Connector 18">
            <a:extLst>
              <a:ext uri="{FF2B5EF4-FFF2-40B4-BE49-F238E27FC236}">
                <a16:creationId xmlns:a16="http://schemas.microsoft.com/office/drawing/2014/main" id="{66366076-7991-008F-3777-CDD0DEF815FC}"/>
              </a:ext>
            </a:extLst>
          </p:cNvPr>
          <p:cNvCxnSpPr>
            <a:cxnSpLocks/>
          </p:cNvCxnSpPr>
          <p:nvPr/>
        </p:nvCxnSpPr>
        <p:spPr>
          <a:xfrm>
            <a:off x="1068090" y="4449512"/>
            <a:ext cx="10007897" cy="0"/>
          </a:xfrm>
          <a:prstGeom prst="line">
            <a:avLst/>
          </a:prstGeom>
          <a:ln>
            <a:solidFill>
              <a:srgbClr val="FF0000"/>
            </a:solidFill>
            <a:prstDash val="lgDash"/>
          </a:ln>
        </p:spPr>
        <p:style>
          <a:lnRef idx="1">
            <a:schemeClr val="accent1"/>
          </a:lnRef>
          <a:fillRef idx="0">
            <a:schemeClr val="accent1"/>
          </a:fillRef>
          <a:effectRef idx="0">
            <a:schemeClr val="accent1"/>
          </a:effectRef>
          <a:fontRef idx="minor">
            <a:schemeClr val="tx1"/>
          </a:fontRef>
        </p:style>
      </p:cxnSp>
      <p:sp>
        <p:nvSpPr>
          <p:cNvPr id="21" name="Speech Bubble: Rectangle 20">
            <a:extLst>
              <a:ext uri="{FF2B5EF4-FFF2-40B4-BE49-F238E27FC236}">
                <a16:creationId xmlns:a16="http://schemas.microsoft.com/office/drawing/2014/main" id="{703F8303-B7F6-227E-F054-C6EB84D6987A}"/>
              </a:ext>
            </a:extLst>
          </p:cNvPr>
          <p:cNvSpPr/>
          <p:nvPr/>
        </p:nvSpPr>
        <p:spPr>
          <a:xfrm>
            <a:off x="9105899" y="962787"/>
            <a:ext cx="2822803" cy="1660811"/>
          </a:xfrm>
          <a:prstGeom prst="wedgeRectCallout">
            <a:avLst>
              <a:gd name="adj1" fmla="val -10456"/>
              <a:gd name="adj2" fmla="val 79107"/>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600">
                <a:solidFill>
                  <a:schemeClr val="bg1"/>
                </a:solidFill>
                <a:latin typeface="Verdana"/>
              </a:rPr>
              <a:t>The Treasury y</a:t>
            </a:r>
            <a:r>
              <a:rPr kumimoji="0" lang="en-US" sz="1600" b="0" i="0" u="none" strike="noStrike" kern="1200" cap="none" spc="0" normalizeH="0" baseline="0" noProof="0" err="1">
                <a:ln>
                  <a:noFill/>
                </a:ln>
                <a:solidFill>
                  <a:schemeClr val="bg1"/>
                </a:solidFill>
                <a:effectLst/>
                <a:uLnTx/>
                <a:uFillTx/>
                <a:latin typeface="Verdana"/>
                <a:ea typeface="+mn-ea"/>
                <a:cs typeface="+mn-cs"/>
              </a:rPr>
              <a:t>ield</a:t>
            </a:r>
            <a:r>
              <a:rPr kumimoji="0" lang="en-US" sz="1600" b="0" i="0" u="none" strike="noStrike" kern="1200" cap="none" spc="0" normalizeH="0" baseline="0" noProof="0">
                <a:ln>
                  <a:noFill/>
                </a:ln>
                <a:solidFill>
                  <a:schemeClr val="bg1"/>
                </a:solidFill>
                <a:effectLst/>
                <a:uLnTx/>
                <a:uFillTx/>
                <a:latin typeface="Verdana"/>
                <a:ea typeface="+mn-ea"/>
                <a:cs typeface="+mn-cs"/>
              </a:rPr>
              <a:t> curve has been inverted since May 2022, though the level of inversion has lessened in recent months</a:t>
            </a:r>
          </a:p>
        </p:txBody>
      </p:sp>
    </p:spTree>
    <p:extLst>
      <p:ext uri="{BB962C8B-B14F-4D97-AF65-F5344CB8AC3E}">
        <p14:creationId xmlns:p14="http://schemas.microsoft.com/office/powerpoint/2010/main" val="355135484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AFSPANMODE" val="span"/>
</p:tagLst>
</file>

<file path=ppt/theme/theme1.xml><?xml version="1.0" encoding="utf-8"?>
<a:theme xmlns:a="http://schemas.openxmlformats.org/drawingml/2006/main" name="Kestra-Holdings">
  <a:themeElements>
    <a:clrScheme name="Kestra Holdings">
      <a:dk1>
        <a:srgbClr val="000000"/>
      </a:dk1>
      <a:lt1>
        <a:srgbClr val="FFFFFF"/>
      </a:lt1>
      <a:dk2>
        <a:srgbClr val="5E5F5F"/>
      </a:dk2>
      <a:lt2>
        <a:srgbClr val="EBEBEB"/>
      </a:lt2>
      <a:accent1>
        <a:srgbClr val="57839B"/>
      </a:accent1>
      <a:accent2>
        <a:srgbClr val="C09A4F"/>
      </a:accent2>
      <a:accent3>
        <a:srgbClr val="AE5B2E"/>
      </a:accent3>
      <a:accent4>
        <a:srgbClr val="809F68"/>
      </a:accent4>
      <a:accent5>
        <a:srgbClr val="2B4651"/>
      </a:accent5>
      <a:accent6>
        <a:srgbClr val="9A9A9A"/>
      </a:accent6>
      <a:hlink>
        <a:srgbClr val="0563C1"/>
      </a:hlink>
      <a:folHlink>
        <a:srgbClr val="954F72"/>
      </a:folHlink>
    </a:clrScheme>
    <a:fontScheme name="Snow Verdana">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Snow_Software_PPT_Template" id="{45C20EA8-F329-B14A-8FB7-4C474414EADA}" vid="{979F9B34-7540-5346-A9FA-DA09264C3533}"/>
    </a:ext>
  </a:extLst>
</a:theme>
</file>

<file path=ppt/theme/theme2.xml><?xml version="1.0" encoding="utf-8"?>
<a:theme xmlns:a="http://schemas.openxmlformats.org/drawingml/2006/main" name="2_Kestra-Holdings">
  <a:themeElements>
    <a:clrScheme name="Kestra Holdings">
      <a:dk1>
        <a:srgbClr val="000000"/>
      </a:dk1>
      <a:lt1>
        <a:srgbClr val="FFFFFF"/>
      </a:lt1>
      <a:dk2>
        <a:srgbClr val="5E5F5F"/>
      </a:dk2>
      <a:lt2>
        <a:srgbClr val="EBEBEB"/>
      </a:lt2>
      <a:accent1>
        <a:srgbClr val="57839B"/>
      </a:accent1>
      <a:accent2>
        <a:srgbClr val="C09A4F"/>
      </a:accent2>
      <a:accent3>
        <a:srgbClr val="AE5B2E"/>
      </a:accent3>
      <a:accent4>
        <a:srgbClr val="809F68"/>
      </a:accent4>
      <a:accent5>
        <a:srgbClr val="2B4651"/>
      </a:accent5>
      <a:accent6>
        <a:srgbClr val="9A9A9A"/>
      </a:accent6>
      <a:hlink>
        <a:srgbClr val="0563C1"/>
      </a:hlink>
      <a:folHlink>
        <a:srgbClr val="954F72"/>
      </a:folHlink>
    </a:clrScheme>
    <a:fontScheme name="Snow Verdana">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Snow_Software_PPT_Template" id="{45C20EA8-F329-B14A-8FB7-4C474414EADA}" vid="{979F9B34-7540-5346-A9FA-DA09264C3533}"/>
    </a:ext>
  </a:extLst>
</a:theme>
</file>

<file path=ppt/theme/theme3.xml><?xml version="1.0" encoding="utf-8"?>
<a:theme xmlns:a="http://schemas.openxmlformats.org/drawingml/2006/main" name="3_Kestra-Holdings">
  <a:themeElements>
    <a:clrScheme name="Kestra Holdings">
      <a:dk1>
        <a:srgbClr val="000000"/>
      </a:dk1>
      <a:lt1>
        <a:srgbClr val="FFFFFF"/>
      </a:lt1>
      <a:dk2>
        <a:srgbClr val="5E5F5F"/>
      </a:dk2>
      <a:lt2>
        <a:srgbClr val="EBEBEB"/>
      </a:lt2>
      <a:accent1>
        <a:srgbClr val="57839B"/>
      </a:accent1>
      <a:accent2>
        <a:srgbClr val="C09A4F"/>
      </a:accent2>
      <a:accent3>
        <a:srgbClr val="AE5B2E"/>
      </a:accent3>
      <a:accent4>
        <a:srgbClr val="809F68"/>
      </a:accent4>
      <a:accent5>
        <a:srgbClr val="2B4651"/>
      </a:accent5>
      <a:accent6>
        <a:srgbClr val="9A9A9A"/>
      </a:accent6>
      <a:hlink>
        <a:srgbClr val="0563C1"/>
      </a:hlink>
      <a:folHlink>
        <a:srgbClr val="954F72"/>
      </a:folHlink>
    </a:clrScheme>
    <a:fontScheme name="Snow Verdana">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Snow_Software_PPT_Template" id="{45C20EA8-F329-B14A-8FB7-4C474414EADA}" vid="{979F9B34-7540-5346-A9FA-DA09264C3533}"/>
    </a:ext>
  </a:extLst>
</a:theme>
</file>

<file path=ppt/theme/theme4.xml><?xml version="1.0" encoding="utf-8"?>
<a:theme xmlns:a="http://schemas.openxmlformats.org/drawingml/2006/main" name="1_Kestra-Holdings">
  <a:themeElements>
    <a:clrScheme name="KIM Brand Colors">
      <a:dk1>
        <a:srgbClr val="243746"/>
      </a:dk1>
      <a:lt1>
        <a:srgbClr val="508EAA"/>
      </a:lt1>
      <a:dk2>
        <a:srgbClr val="41A7C6"/>
      </a:dk2>
      <a:lt2>
        <a:srgbClr val="FDCF85"/>
      </a:lt2>
      <a:accent1>
        <a:srgbClr val="57839B"/>
      </a:accent1>
      <a:accent2>
        <a:srgbClr val="C09A4F"/>
      </a:accent2>
      <a:accent3>
        <a:srgbClr val="AE5B2E"/>
      </a:accent3>
      <a:accent4>
        <a:srgbClr val="B5D779"/>
      </a:accent4>
      <a:accent5>
        <a:srgbClr val="41685B"/>
      </a:accent5>
      <a:accent6>
        <a:srgbClr val="7C7D7D"/>
      </a:accent6>
      <a:hlink>
        <a:srgbClr val="F9A34E"/>
      </a:hlink>
      <a:folHlink>
        <a:srgbClr val="BC3B49"/>
      </a:folHlink>
    </a:clrScheme>
    <a:fontScheme name="Snow Verdana">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Snow_Software_PPT_Template" id="{45C20EA8-F329-B14A-8FB7-4C474414EADA}" vid="{979F9B34-7540-5346-A9FA-DA09264C3533}"/>
    </a:ext>
  </a:ext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6.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0CD353F5EF4B7349ACDAC61764AA6687" ma:contentTypeVersion="40" ma:contentTypeDescription="Create a new document." ma:contentTypeScope="" ma:versionID="6319a8ad00cf5e4cbb173206b6273efc">
  <xsd:schema xmlns:xsd="http://www.w3.org/2001/XMLSchema" xmlns:xs="http://www.w3.org/2001/XMLSchema" xmlns:p="http://schemas.microsoft.com/office/2006/metadata/properties" xmlns:ns2="2c53a355-77db-43f5-9da6-482e24c57ede" xmlns:ns3="ed4edf8a-6f69-4464-aa93-900e80c3194d" targetNamespace="http://schemas.microsoft.com/office/2006/metadata/properties" ma:root="true" ma:fieldsID="971ae79ce0929fda94670eef5d09d0f2" ns2:_="" ns3:_="">
    <xsd:import namespace="2c53a355-77db-43f5-9da6-482e24c57ede"/>
    <xsd:import namespace="ed4edf8a-6f69-4464-aa93-900e80c3194d"/>
    <xsd:element name="properties">
      <xsd:complexType>
        <xsd:sequence>
          <xsd:element name="documentManagement">
            <xsd:complexType>
              <xsd:all>
                <xsd:element ref="ns2:MediaServiceMetadata" minOccurs="0"/>
                <xsd:element ref="ns2:MediaServiceFastMetadata" minOccurs="0"/>
                <xsd:element ref="ns3:SharedWithUsers" minOccurs="0"/>
                <xsd:element ref="ns3:SharedWithDetails" minOccurs="0"/>
                <xsd:element ref="ns2:MediaServiceAutoKeyPoints" minOccurs="0"/>
                <xsd:element ref="ns2:MediaServiceKeyPoints" minOccurs="0"/>
                <xsd:element ref="ns3:_dlc_DocId" minOccurs="0"/>
                <xsd:element ref="ns3:_dlc_DocIdUrl" minOccurs="0"/>
                <xsd:element ref="ns3:_dlc_DocIdPersistId" minOccurs="0"/>
                <xsd:element ref="ns2:MediaServiceDateTaken" minOccurs="0"/>
                <xsd:element ref="ns2:MediaLengthInSeconds" minOccurs="0"/>
                <xsd:element ref="ns2:MediaServiceAutoTags" minOccurs="0"/>
                <xsd:element ref="ns2:MediaServiceOCR" minOccurs="0"/>
                <xsd:element ref="ns2:MediaServiceGenerationTime" minOccurs="0"/>
                <xsd:element ref="ns2:MediaServiceEventHashCode" minOccurs="0"/>
                <xsd:element ref="ns2:hyperlink" minOccurs="0"/>
                <xsd:element ref="ns2:lcf76f155ced4ddcb4097134ff3c332f" minOccurs="0"/>
                <xsd:element ref="ns3:TaxCatchAll" minOccurs="0"/>
                <xsd:element ref="ns2:MediaServiceLocation" minOccurs="0"/>
                <xsd:element ref="ns2:c4691d613b254f3ea19d64e7dbb27de8" minOccurs="0"/>
                <xsd:element ref="ns2:MediaServiceObjectDetectorVersion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2c53a355-77db-43f5-9da6-482e24c57ede"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2" nillable="true" ma:displayName="MediaServiceAutoKeyPoints" ma:hidden="true" ma:internalName="MediaServiceAutoKeyPoints" ma:readOnly="true">
      <xsd:simpleType>
        <xsd:restriction base="dms:Note"/>
      </xsd:simpleType>
    </xsd:element>
    <xsd:element name="MediaServiceKeyPoints" ma:index="13" nillable="true" ma:displayName="KeyPoints" ma:internalName="MediaServiceKeyPoints" ma:readOnly="true">
      <xsd:simpleType>
        <xsd:restriction base="dms:Note">
          <xsd:maxLength value="255"/>
        </xsd:restriction>
      </xsd:simpleType>
    </xsd:element>
    <xsd:element name="MediaServiceDateTaken" ma:index="17" nillable="true" ma:displayName="MediaServiceDateTaken" ma:hidden="true" ma:internalName="MediaServiceDateTaken" ma:readOnly="true">
      <xsd:simpleType>
        <xsd:restriction base="dms:Text"/>
      </xsd:simpleType>
    </xsd:element>
    <xsd:element name="MediaLengthInSeconds" ma:index="18" nillable="true" ma:displayName="MediaLengthInSeconds" ma:hidden="true" ma:internalName="MediaLengthInSeconds" ma:readOnly="true">
      <xsd:simpleType>
        <xsd:restriction base="dms:Unknown"/>
      </xsd:simpleType>
    </xsd:element>
    <xsd:element name="MediaServiceAutoTags" ma:index="19" nillable="true" ma:displayName="Tags" ma:internalName="MediaServiceAutoTags" ma:readOnly="true">
      <xsd:simpleType>
        <xsd:restriction base="dms:Text"/>
      </xsd:simpleType>
    </xsd:element>
    <xsd:element name="MediaServiceOCR" ma:index="20" nillable="true" ma:displayName="Extracted Text" ma:internalName="MediaServiceOCR" ma:readOnly="true">
      <xsd:simpleType>
        <xsd:restriction base="dms:Note">
          <xsd:maxLength value="255"/>
        </xsd:restriction>
      </xsd:simpleType>
    </xsd:element>
    <xsd:element name="MediaServiceGenerationTime" ma:index="21" nillable="true" ma:displayName="MediaServiceGenerationTime" ma:hidden="true" ma:internalName="MediaServiceGenerationTime" ma:readOnly="true">
      <xsd:simpleType>
        <xsd:restriction base="dms:Text"/>
      </xsd:simpleType>
    </xsd:element>
    <xsd:element name="MediaServiceEventHashCode" ma:index="22" nillable="true" ma:displayName="MediaServiceEventHashCode" ma:hidden="true" ma:internalName="MediaServiceEventHashCode" ma:readOnly="true">
      <xsd:simpleType>
        <xsd:restriction base="dms:Text"/>
      </xsd:simpleType>
    </xsd:element>
    <xsd:element name="hyperlink" ma:index="23" nillable="true" ma:displayName="hyperlink" ma:format="Hyperlink" ma:internalName="hyperlink">
      <xsd:complexType>
        <xsd:complexContent>
          <xsd:extension base="dms:URL">
            <xsd:sequence>
              <xsd:element name="Url" type="dms:ValidUrl" minOccurs="0" nillable="true"/>
              <xsd:element name="Description" type="xsd:string" nillable="true"/>
            </xsd:sequence>
          </xsd:extension>
        </xsd:complexContent>
      </xsd:complexType>
    </xsd:element>
    <xsd:element name="lcf76f155ced4ddcb4097134ff3c332f" ma:index="25" nillable="true" ma:taxonomy="true" ma:internalName="lcf76f155ced4ddcb4097134ff3c332f" ma:taxonomyFieldName="MediaServiceImageTags" ma:displayName="Image Tags" ma:readOnly="false" ma:fieldId="{5cf76f15-5ced-4ddc-b409-7134ff3c332f}" ma:taxonomyMulti="true" ma:sspId="11a9635a-42f9-4ed5-9b85-0938194e2329" ma:termSetId="09814cd3-568e-fe90-9814-8d621ff8fb84" ma:anchorId="fba54fb3-c3e1-fe81-a776-ca4b69148c4d" ma:open="true" ma:isKeyword="false">
      <xsd:complexType>
        <xsd:sequence>
          <xsd:element ref="pc:Terms" minOccurs="0" maxOccurs="1"/>
        </xsd:sequence>
      </xsd:complexType>
    </xsd:element>
    <xsd:element name="MediaServiceLocation" ma:index="27" nillable="true" ma:displayName="Location" ma:internalName="MediaServiceLocation" ma:readOnly="true">
      <xsd:simpleType>
        <xsd:restriction base="dms:Text"/>
      </xsd:simpleType>
    </xsd:element>
    <xsd:element name="c4691d613b254f3ea19d64e7dbb27de8" ma:index="29" nillable="true" ma:taxonomy="true" ma:internalName="c4691d613b254f3ea19d64e7dbb27de8" ma:taxonomyFieldName="location" ma:displayName="location" ma:default="" ma:fieldId="{c4691d61-3b25-4f3e-a19d-64e7dbb27de8}" ma:sspId="11a9635a-42f9-4ed5-9b85-0938194e2329" ma:termSetId="b49f64b3-4722-4336-9a5c-56c326b344d4" ma:anchorId="00000000-0000-0000-0000-000000000000" ma:open="true" ma:isKeyword="false">
      <xsd:complexType>
        <xsd:sequence>
          <xsd:element ref="pc:Terms" minOccurs="0" maxOccurs="1"/>
        </xsd:sequence>
      </xsd:complexType>
    </xsd:element>
    <xsd:element name="MediaServiceObjectDetectorVersions" ma:index="30" nillable="true" ma:displayName="MediaServiceObjectDetectorVersions" ma:description="" ma:hidden="true" ma:indexed="true" ma:internalName="MediaServiceObjectDetectorVersions"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ed4edf8a-6f69-4464-aa93-900e80c3194d" elementFormDefault="qualified">
    <xsd:import namespace="http://schemas.microsoft.com/office/2006/documentManagement/types"/>
    <xsd:import namespace="http://schemas.microsoft.com/office/infopath/2007/PartnerControls"/>
    <xsd:element name="SharedWithUsers" ma:index="10"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1" nillable="true" ma:displayName="Shared With Details" ma:internalName="SharedWithDetails" ma:readOnly="true">
      <xsd:simpleType>
        <xsd:restriction base="dms:Note">
          <xsd:maxLength value="255"/>
        </xsd:restriction>
      </xsd:simpleType>
    </xsd:element>
    <xsd:element name="_dlc_DocId" ma:index="14" nillable="true" ma:displayName="Document ID Value" ma:description="The value of the document ID assigned to this item." ma:indexed="true" ma:internalName="_dlc_DocId" ma:readOnly="true">
      <xsd:simpleType>
        <xsd:restriction base="dms:Text"/>
      </xsd:simpleType>
    </xsd:element>
    <xsd:element name="_dlc_DocIdUrl" ma:index="15" nillable="true" ma:displayName="Document ID" ma:description="Permanent link to this document." ma:hidden="true" ma:internalName="_dlc_DocIdUrl" ma:readOnly="true">
      <xsd:complexType>
        <xsd:complexContent>
          <xsd:extension base="dms:URL">
            <xsd:sequence>
              <xsd:element name="Url" type="dms:ValidUrl" minOccurs="0" nillable="true"/>
              <xsd:element name="Description" type="xsd:string" nillable="true"/>
            </xsd:sequence>
          </xsd:extension>
        </xsd:complexContent>
      </xsd:complexType>
    </xsd:element>
    <xsd:element name="_dlc_DocIdPersistId" ma:index="16" nillable="true" ma:displayName="Persist ID" ma:description="Keep ID on add." ma:hidden="true" ma:internalName="_dlc_DocIdPersistId" ma:readOnly="true">
      <xsd:simpleType>
        <xsd:restriction base="dms:Boolean"/>
      </xsd:simpleType>
    </xsd:element>
    <xsd:element name="TaxCatchAll" ma:index="26" nillable="true" ma:displayName="Taxonomy Catch All Column" ma:hidden="true" ma:list="{5f987d4f-64ee-475b-9672-b22dc68becca}" ma:internalName="TaxCatchAll" ma:showField="CatchAllData" ma:web="ed4edf8a-6f69-4464-aa93-900e80c3194d">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TaxCatchAll xmlns="ed4edf8a-6f69-4464-aa93-900e80c3194d" xsi:nil="true"/>
    <c4691d613b254f3ea19d64e7dbb27de8 xmlns="2c53a355-77db-43f5-9da6-482e24c57ede">
      <Terms xmlns="http://schemas.microsoft.com/office/infopath/2007/PartnerControls"/>
    </c4691d613b254f3ea19d64e7dbb27de8>
    <lcf76f155ced4ddcb4097134ff3c332f xmlns="2c53a355-77db-43f5-9da6-482e24c57ede">
      <Terms xmlns="http://schemas.microsoft.com/office/infopath/2007/PartnerControls"/>
    </lcf76f155ced4ddcb4097134ff3c332f>
    <hyperlink xmlns="2c53a355-77db-43f5-9da6-482e24c57ede">
      <Url xsi:nil="true"/>
      <Description xsi:nil="true"/>
    </hyperlink>
    <_dlc_DocId xmlns="ed4edf8a-6f69-4464-aa93-900e80c3194d">PC76QV4V4J4Y-602610618-566519</_dlc_DocId>
    <_dlc_DocIdUrl xmlns="ed4edf8a-6f69-4464-aa93-900e80c3194d">
      <Url>https://kestrafinancial.sharepoint.com/sites/Open/_layouts/15/DocIdRedir.aspx?ID=PC76QV4V4J4Y-602610618-566519</Url>
      <Description>PC76QV4V4J4Y-602610618-566519</Description>
    </_dlc_DocIdUrl>
  </documentManagement>
</p:properties>
</file>

<file path=customXml/item4.xml><?xml version="1.0" encoding="utf-8"?>
<?mso-contentType ?>
<spe:Receivers xmlns:spe="http://schemas.microsoft.com/sharepoint/events">
  <Receiver>
    <Name>Document ID Generator</Name>
    <Synchronization>Synchronous</Synchronization>
    <Type>10001</Type>
    <SequenceNumber>1000</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2</Type>
    <SequenceNumber>1001</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4</Type>
    <SequenceNumber>1002</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6</Type>
    <SequenceNumber>1003</SequenceNumber>
    <Url/>
    <Assembly>Microsoft.Office.DocumentManagement, Version=16.0.0.0, Culture=neutral, PublicKeyToken=71e9bce111e9429c</Assembly>
    <Class>Microsoft.Office.DocumentManagement.Internal.DocIdHandler</Class>
    <Data/>
    <Filter/>
  </Receiver>
</spe:Receivers>
</file>

<file path=customXml/itemProps1.xml><?xml version="1.0" encoding="utf-8"?>
<ds:datastoreItem xmlns:ds="http://schemas.openxmlformats.org/officeDocument/2006/customXml" ds:itemID="{05F33343-8D0A-4161-9D46-C253FA62230E}">
  <ds:schemaRefs>
    <ds:schemaRef ds:uri="2c53a355-77db-43f5-9da6-482e24c57ede"/>
    <ds:schemaRef ds:uri="ed4edf8a-6f69-4464-aa93-900e80c3194d"/>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customXml/itemProps2.xml><?xml version="1.0" encoding="utf-8"?>
<ds:datastoreItem xmlns:ds="http://schemas.openxmlformats.org/officeDocument/2006/customXml" ds:itemID="{F68EB3CB-455A-4A72-B130-8789F9A261DF}">
  <ds:schemaRefs>
    <ds:schemaRef ds:uri="http://schemas.microsoft.com/sharepoint/v3/contenttype/forms"/>
  </ds:schemaRefs>
</ds:datastoreItem>
</file>

<file path=customXml/itemProps3.xml><?xml version="1.0" encoding="utf-8"?>
<ds:datastoreItem xmlns:ds="http://schemas.openxmlformats.org/officeDocument/2006/customXml" ds:itemID="{CA1AF1D4-F123-4EF9-9D4D-5B72E14BEE9B}">
  <ds:schemaRefs>
    <ds:schemaRef ds:uri="2c53a355-77db-43f5-9da6-482e24c57ede"/>
    <ds:schemaRef ds:uri="ed4edf8a-6f69-4464-aa93-900e80c3194d"/>
    <ds:schemaRef ds:uri="http://purl.org/dc/dcmitype/"/>
    <ds:schemaRef ds:uri="http://purl.org/dc/elements/1.1/"/>
    <ds:schemaRef ds:uri="http://purl.org/dc/terms/"/>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s>
</ds:datastoreItem>
</file>

<file path=customXml/itemProps4.xml><?xml version="1.0" encoding="utf-8"?>
<ds:datastoreItem xmlns:ds="http://schemas.openxmlformats.org/officeDocument/2006/customXml" ds:itemID="{6B945170-4DB7-4F0C-9227-681DD4D3939F}">
  <ds:schemaRefs>
    <ds:schemaRef ds:uri="http://schemas.microsoft.com/sharepoint/events"/>
  </ds:schemaRefs>
</ds:datastoreItem>
</file>

<file path=docProps/app.xml><?xml version="1.0" encoding="utf-8"?>
<Properties xmlns="http://schemas.openxmlformats.org/officeDocument/2006/extended-properties" xmlns:vt="http://schemas.openxmlformats.org/officeDocument/2006/docPropsVTypes">
  <Template>Office Theme</Template>
  <TotalTime>0</TotalTime>
  <Words>3322</Words>
  <Application>Microsoft Office PowerPoint</Application>
  <PresentationFormat>Widescreen</PresentationFormat>
  <Paragraphs>298</Paragraphs>
  <Slides>29</Slides>
  <Notes>28</Notes>
  <HiddenSlides>0</HiddenSlides>
  <MMClips>0</MMClips>
  <ScaleCrop>false</ScaleCrop>
  <HeadingPairs>
    <vt:vector size="8" baseType="variant">
      <vt:variant>
        <vt:lpstr>Fonts Used</vt:lpstr>
      </vt:variant>
      <vt:variant>
        <vt:i4>9</vt:i4>
      </vt:variant>
      <vt:variant>
        <vt:lpstr>Theme</vt:lpstr>
      </vt:variant>
      <vt:variant>
        <vt:i4>4</vt:i4>
      </vt:variant>
      <vt:variant>
        <vt:lpstr>Embedded OLE Servers</vt:lpstr>
      </vt:variant>
      <vt:variant>
        <vt:i4>1</vt:i4>
      </vt:variant>
      <vt:variant>
        <vt:lpstr>Slide Titles</vt:lpstr>
      </vt:variant>
      <vt:variant>
        <vt:i4>29</vt:i4>
      </vt:variant>
    </vt:vector>
  </HeadingPairs>
  <TitlesOfParts>
    <vt:vector size="43" baseType="lpstr">
      <vt:lpstr>Arial</vt:lpstr>
      <vt:lpstr>Avenir Book</vt:lpstr>
      <vt:lpstr>Avenir Heavy</vt:lpstr>
      <vt:lpstr>Avenir Medium</vt:lpstr>
      <vt:lpstr>Calibri</vt:lpstr>
      <vt:lpstr>Consolas</vt:lpstr>
      <vt:lpstr>Courier New</vt:lpstr>
      <vt:lpstr>Georgia</vt:lpstr>
      <vt:lpstr>Verdana</vt:lpstr>
      <vt:lpstr>Kestra-Holdings</vt:lpstr>
      <vt:lpstr>2_Kestra-Holdings</vt:lpstr>
      <vt:lpstr>3_Kestra-Holdings</vt:lpstr>
      <vt:lpstr>1_Kestra-Holdings</vt:lpstr>
      <vt:lpstr>ActiveGraph</vt:lpstr>
      <vt:lpstr>Market Outlook September 2023</vt:lpstr>
      <vt:lpstr>Disclosure </vt:lpstr>
      <vt:lpstr>PowerPoint Presentation</vt:lpstr>
      <vt:lpstr>Market Review</vt:lpstr>
      <vt:lpstr>Market Review</vt:lpstr>
      <vt:lpstr>US Equity Sector Returns </vt:lpstr>
      <vt:lpstr>Economic Overview</vt:lpstr>
      <vt:lpstr>Economic Dashboard</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Stocks and Bonds</vt:lpstr>
      <vt:lpstr>PowerPoint Presentation</vt:lpstr>
      <vt:lpstr>Stock Market Run Fueled by Technology Innovations</vt:lpstr>
      <vt:lpstr>Few Stocks Have Been Spared</vt:lpstr>
      <vt:lpstr>The Largest Companies Have Benefited from Stronger Profits </vt:lpstr>
      <vt:lpstr>Returns for Some Sectors Driven by Largest Stocks</vt:lpstr>
      <vt:lpstr>PowerPoint Presentation</vt:lpstr>
      <vt:lpstr>PowerPoint Presentation</vt:lpstr>
      <vt:lpstr>Valuations by Sector</vt:lpstr>
      <vt:lpstr>Moderate Signs of Stress in Corporates</vt:lpstr>
      <vt:lpstr>PowerPoint Presentation</vt:lpstr>
      <vt:lpstr>Stocks for the Long Run</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Jessie Crawford</dc:creator>
  <cp:lastModifiedBy>Chang, Ryan</cp:lastModifiedBy>
  <cp:revision>1</cp:revision>
  <dcterms:created xsi:type="dcterms:W3CDTF">2020-12-29T23:52:33Z</dcterms:created>
  <dcterms:modified xsi:type="dcterms:W3CDTF">2023-10-18T17:51:0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location">
    <vt:lpwstr/>
  </property>
  <property fmtid="{D5CDD505-2E9C-101B-9397-08002B2CF9AE}" pid="3" name="MediaServiceImageTags">
    <vt:lpwstr/>
  </property>
  <property fmtid="{D5CDD505-2E9C-101B-9397-08002B2CF9AE}" pid="4" name="_dlc_DocIdItemGuid">
    <vt:lpwstr>f108de87-1238-457b-be4a-1d99fba6492b</vt:lpwstr>
  </property>
  <property fmtid="{D5CDD505-2E9C-101B-9397-08002B2CF9AE}" pid="5" name="ContentTypeId">
    <vt:lpwstr>0x0101000CD353F5EF4B7349ACDAC61764AA6687</vt:lpwstr>
  </property>
</Properties>
</file>